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theme/theme2.xml" ContentType="application/vnd.openxmlformats-officedocument.theme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theme/theme5.xml" ContentType="application/vnd.openxmlformats-officedocument.them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diagrams/data3.xml" ContentType="application/vnd.openxmlformats-officedocument.drawingml.diagramData+xml"/>
  <Override PartName="/ppt/diagrams/layout3.xml" ContentType="application/vnd.openxmlformats-officedocument.drawingml.diagramLayout+xml"/>
  <Override PartName="/ppt/diagrams/quickStyle3.xml" ContentType="application/vnd.openxmlformats-officedocument.drawingml.diagramStyle+xml"/>
  <Override PartName="/ppt/diagrams/colors3.xml" ContentType="application/vnd.openxmlformats-officedocument.drawingml.diagramColors+xml"/>
  <Override PartName="/ppt/diagrams/drawing3.xml" ContentType="application/vnd.ms-office.drawingml.diagramDrawing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diagrams/data4.xml" ContentType="application/vnd.openxmlformats-officedocument.drawingml.diagramData+xml"/>
  <Override PartName="/ppt/diagrams/layout4.xml" ContentType="application/vnd.openxmlformats-officedocument.drawingml.diagramLayout+xml"/>
  <Override PartName="/ppt/diagrams/quickStyle4.xml" ContentType="application/vnd.openxmlformats-officedocument.drawingml.diagramStyle+xml"/>
  <Override PartName="/ppt/diagrams/colors4.xml" ContentType="application/vnd.openxmlformats-officedocument.drawingml.diagramColors+xml"/>
  <Override PartName="/ppt/diagrams/drawing4.xml" ContentType="application/vnd.ms-office.drawingml.diagramDrawing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charts/chart5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bookmarkIdSeed="3">
  <p:sldMasterIdLst>
    <p:sldMasterId id="2147483734" r:id="rId4"/>
    <p:sldMasterId id="2147483745" r:id="rId5"/>
    <p:sldMasterId id="2147483752" r:id="rId6"/>
  </p:sldMasterIdLst>
  <p:notesMasterIdLst>
    <p:notesMasterId r:id="rId23"/>
  </p:notesMasterIdLst>
  <p:handoutMasterIdLst>
    <p:handoutMasterId r:id="rId24"/>
  </p:handoutMasterIdLst>
  <p:sldIdLst>
    <p:sldId id="256" r:id="rId7"/>
    <p:sldId id="285" r:id="rId8"/>
    <p:sldId id="298" r:id="rId9"/>
    <p:sldId id="289" r:id="rId10"/>
    <p:sldId id="287" r:id="rId11"/>
    <p:sldId id="290" r:id="rId12"/>
    <p:sldId id="297" r:id="rId13"/>
    <p:sldId id="305" r:id="rId14"/>
    <p:sldId id="279" r:id="rId15"/>
    <p:sldId id="299" r:id="rId16"/>
    <p:sldId id="303" r:id="rId17"/>
    <p:sldId id="302" r:id="rId18"/>
    <p:sldId id="304" r:id="rId19"/>
    <p:sldId id="301" r:id="rId20"/>
    <p:sldId id="295" r:id="rId21"/>
    <p:sldId id="300" r:id="rId22"/>
  </p:sldIdLst>
  <p:sldSz cx="9144000" cy="6858000" type="screen4x3"/>
  <p:notesSz cx="6797675" cy="9928225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1117" userDrawn="1">
          <p15:clr>
            <a:srgbClr val="A4A3A4"/>
          </p15:clr>
        </p15:guide>
        <p15:guide id="2" pos="5647" userDrawn="1">
          <p15:clr>
            <a:srgbClr val="A4A3A4"/>
          </p15:clr>
        </p15:guide>
        <p15:guide id="3" orient="horz" pos="391" userDrawn="1">
          <p15:clr>
            <a:srgbClr val="A4A3A4"/>
          </p15:clr>
        </p15:guide>
        <p15:guide id="4" orient="horz" pos="73" userDrawn="1">
          <p15:clr>
            <a:srgbClr val="A4A3A4"/>
          </p15:clr>
        </p15:guide>
        <p15:guide id="5" pos="4332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5B9BD5"/>
    <a:srgbClr val="007DDA"/>
    <a:srgbClr val="843C0C"/>
    <a:srgbClr val="007FA2"/>
    <a:srgbClr val="BAC5D4"/>
    <a:srgbClr val="542708"/>
    <a:srgbClr val="ADCBBA"/>
    <a:srgbClr val="B9EDFF"/>
    <a:srgbClr val="588A6D"/>
    <a:srgbClr val="94A4BC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8391" autoAdjust="0"/>
    <p:restoredTop sz="86427"/>
  </p:normalViewPr>
  <p:slideViewPr>
    <p:cSldViewPr>
      <p:cViewPr varScale="1">
        <p:scale>
          <a:sx n="86" d="100"/>
          <a:sy n="86" d="100"/>
        </p:scale>
        <p:origin x="1229" y="53"/>
      </p:cViewPr>
      <p:guideLst>
        <p:guide orient="horz" pos="1117"/>
        <p:guide pos="5647"/>
        <p:guide orient="horz" pos="391"/>
        <p:guide orient="horz" pos="73"/>
        <p:guide pos="4332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>
      <p:cViewPr varScale="1">
        <p:scale>
          <a:sx n="129" d="100"/>
          <a:sy n="129" d="100"/>
        </p:scale>
        <p:origin x="3976" y="216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2.xml"/><Relationship Id="rId13" Type="http://schemas.openxmlformats.org/officeDocument/2006/relationships/slide" Target="slides/slide7.xml"/><Relationship Id="rId18" Type="http://schemas.openxmlformats.org/officeDocument/2006/relationships/slide" Target="slides/slide12.xml"/><Relationship Id="rId26" Type="http://schemas.openxmlformats.org/officeDocument/2006/relationships/viewProps" Target="viewProps.xml"/><Relationship Id="rId3" Type="http://schemas.openxmlformats.org/officeDocument/2006/relationships/customXml" Target="../customXml/item3.xml"/><Relationship Id="rId21" Type="http://schemas.openxmlformats.org/officeDocument/2006/relationships/slide" Target="slides/slide15.xml"/><Relationship Id="rId7" Type="http://schemas.openxmlformats.org/officeDocument/2006/relationships/slide" Target="slides/slide1.xml"/><Relationship Id="rId12" Type="http://schemas.openxmlformats.org/officeDocument/2006/relationships/slide" Target="slides/slide6.xml"/><Relationship Id="rId17" Type="http://schemas.openxmlformats.org/officeDocument/2006/relationships/slide" Target="slides/slide11.xml"/><Relationship Id="rId25" Type="http://schemas.openxmlformats.org/officeDocument/2006/relationships/presProps" Target="presProps.xml"/><Relationship Id="rId2" Type="http://schemas.openxmlformats.org/officeDocument/2006/relationships/customXml" Target="../customXml/item2.xml"/><Relationship Id="rId16" Type="http://schemas.openxmlformats.org/officeDocument/2006/relationships/slide" Target="slides/slide10.xml"/><Relationship Id="rId20" Type="http://schemas.openxmlformats.org/officeDocument/2006/relationships/slide" Target="slides/slide14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" Target="slides/slide5.xml"/><Relationship Id="rId24" Type="http://schemas.openxmlformats.org/officeDocument/2006/relationships/handoutMaster" Target="handoutMasters/handoutMaster1.xml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9.xml"/><Relationship Id="rId23" Type="http://schemas.openxmlformats.org/officeDocument/2006/relationships/notesMaster" Target="notesMasters/notesMaster1.xml"/><Relationship Id="rId28" Type="http://schemas.openxmlformats.org/officeDocument/2006/relationships/tableStyles" Target="tableStyles.xml"/><Relationship Id="rId10" Type="http://schemas.openxmlformats.org/officeDocument/2006/relationships/slide" Target="slides/slide4.xml"/><Relationship Id="rId19" Type="http://schemas.openxmlformats.org/officeDocument/2006/relationships/slide" Target="slides/slide13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3.xml"/><Relationship Id="rId14" Type="http://schemas.openxmlformats.org/officeDocument/2006/relationships/slide" Target="slides/slide8.xml"/><Relationship Id="rId22" Type="http://schemas.openxmlformats.org/officeDocument/2006/relationships/slide" Target="slides/slide16.xml"/><Relationship Id="rId27" Type="http://schemas.openxmlformats.org/officeDocument/2006/relationships/theme" Target="theme/theme1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82042\Downloads\TGA%20summary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282042\Dropbox\Thesis\Thesis%20Excel%20DP\1.%20Elemental%20TCN%2023-8-2018%20HHV%20VK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Ginnayluan\Dropbox\Yo%20CALCULATOR%2029-4-2020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Ginnayluan\Dropbox\Yo%20CALCULATOR%2029-4-2020%20(version%201).xlsb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Ginnayluan\Dropbox\Yo%20CALCULATOR%2029-4-2020%20(version%201).xlsb" TargetMode="External"/><Relationship Id="rId2" Type="http://schemas.microsoft.com/office/2011/relationships/chartColorStyle" Target="colors5.xml"/><Relationship Id="rId1" Type="http://schemas.microsoft.com/office/2011/relationships/chartStyle" Target="style5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spc="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r>
              <a:rPr lang="en-GB" b="1" dirty="0">
                <a:solidFill>
                  <a:schemeClr val="tx1"/>
                </a:solidFill>
              </a:rPr>
              <a:t>Thermogravimetric</a:t>
            </a:r>
            <a:r>
              <a:rPr lang="en-GB" b="1" baseline="0" dirty="0">
                <a:solidFill>
                  <a:schemeClr val="tx1"/>
                </a:solidFill>
              </a:rPr>
              <a:t> analysis or </a:t>
            </a:r>
            <a:r>
              <a:rPr lang="en-GB" b="1" dirty="0">
                <a:solidFill>
                  <a:schemeClr val="tx1"/>
                </a:solidFill>
              </a:rPr>
              <a:t>TG (%)</a:t>
            </a:r>
          </a:p>
        </c:rich>
      </c:tx>
      <c:layout>
        <c:manualLayout>
          <c:xMode val="edge"/>
          <c:yMode val="edge"/>
          <c:x val="0.48937759353783777"/>
          <c:y val="0.25884603298219727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spc="0" baseline="0">
              <a:solidFill>
                <a:schemeClr val="tx1"/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0990775848719941"/>
          <c:y val="0.27236636562783223"/>
          <c:w val="0.84760332597920485"/>
          <c:h val="0.52864650936135138"/>
        </c:manualLayout>
      </c:layout>
      <c:scatterChart>
        <c:scatterStyle val="lineMarker"/>
        <c:varyColors val="0"/>
        <c:ser>
          <c:idx val="4"/>
          <c:order val="0"/>
          <c:tx>
            <c:v>SS1</c:v>
          </c:tx>
          <c:spPr>
            <a:ln w="19050" cap="rnd">
              <a:solidFill>
                <a:schemeClr val="tx1"/>
              </a:solidFill>
              <a:round/>
            </a:ln>
            <a:effectLst/>
          </c:spPr>
          <c:marker>
            <c:symbol val="none"/>
          </c:marker>
          <c:xVal>
            <c:numRef>
              <c:f>'TG (2)'!$AM$2:$AM$3642</c:f>
              <c:numCache>
                <c:formatCode>General</c:formatCode>
                <c:ptCount val="3641"/>
                <c:pt idx="0">
                  <c:v>22.256</c:v>
                </c:pt>
                <c:pt idx="1">
                  <c:v>22.266999999999999</c:v>
                </c:pt>
                <c:pt idx="2">
                  <c:v>22.276</c:v>
                </c:pt>
                <c:pt idx="3">
                  <c:v>22.291</c:v>
                </c:pt>
                <c:pt idx="4">
                  <c:v>22.306000000000001</c:v>
                </c:pt>
                <c:pt idx="5">
                  <c:v>22.318000000000001</c:v>
                </c:pt>
                <c:pt idx="6">
                  <c:v>22.331</c:v>
                </c:pt>
                <c:pt idx="7">
                  <c:v>22.341000000000001</c:v>
                </c:pt>
                <c:pt idx="8">
                  <c:v>22.338999999999999</c:v>
                </c:pt>
                <c:pt idx="9">
                  <c:v>22.346</c:v>
                </c:pt>
                <c:pt idx="10">
                  <c:v>22.346</c:v>
                </c:pt>
                <c:pt idx="11">
                  <c:v>22.334</c:v>
                </c:pt>
                <c:pt idx="12">
                  <c:v>22.33</c:v>
                </c:pt>
                <c:pt idx="13">
                  <c:v>22.312000000000001</c:v>
                </c:pt>
                <c:pt idx="14">
                  <c:v>22.283999999999999</c:v>
                </c:pt>
                <c:pt idx="15">
                  <c:v>22.251000000000001</c:v>
                </c:pt>
                <c:pt idx="16">
                  <c:v>22.239000000000001</c:v>
                </c:pt>
                <c:pt idx="17">
                  <c:v>22.253</c:v>
                </c:pt>
                <c:pt idx="18">
                  <c:v>22.26</c:v>
                </c:pt>
                <c:pt idx="19">
                  <c:v>22.257999999999999</c:v>
                </c:pt>
                <c:pt idx="20">
                  <c:v>22.263000000000002</c:v>
                </c:pt>
                <c:pt idx="21">
                  <c:v>22.266999999999999</c:v>
                </c:pt>
                <c:pt idx="22">
                  <c:v>22.266999999999999</c:v>
                </c:pt>
                <c:pt idx="23">
                  <c:v>22.265000000000001</c:v>
                </c:pt>
                <c:pt idx="24">
                  <c:v>22.263999999999999</c:v>
                </c:pt>
                <c:pt idx="25">
                  <c:v>22.266999999999999</c:v>
                </c:pt>
                <c:pt idx="26">
                  <c:v>22.285</c:v>
                </c:pt>
                <c:pt idx="27">
                  <c:v>22.295999999999999</c:v>
                </c:pt>
                <c:pt idx="28">
                  <c:v>22.295999999999999</c:v>
                </c:pt>
                <c:pt idx="29">
                  <c:v>22.305</c:v>
                </c:pt>
                <c:pt idx="30">
                  <c:v>22.314</c:v>
                </c:pt>
                <c:pt idx="31">
                  <c:v>22.31</c:v>
                </c:pt>
                <c:pt idx="32">
                  <c:v>22.318000000000001</c:v>
                </c:pt>
                <c:pt idx="33">
                  <c:v>22.326000000000001</c:v>
                </c:pt>
                <c:pt idx="34">
                  <c:v>22.335999999999999</c:v>
                </c:pt>
                <c:pt idx="35">
                  <c:v>22.344999999999999</c:v>
                </c:pt>
                <c:pt idx="36">
                  <c:v>22.359000000000002</c:v>
                </c:pt>
                <c:pt idx="37">
                  <c:v>22.359000000000002</c:v>
                </c:pt>
                <c:pt idx="38">
                  <c:v>22.359000000000002</c:v>
                </c:pt>
                <c:pt idx="39">
                  <c:v>22.361999999999998</c:v>
                </c:pt>
                <c:pt idx="40">
                  <c:v>22.359000000000002</c:v>
                </c:pt>
                <c:pt idx="41">
                  <c:v>22.364999999999998</c:v>
                </c:pt>
                <c:pt idx="42">
                  <c:v>22.36</c:v>
                </c:pt>
                <c:pt idx="43">
                  <c:v>22.349</c:v>
                </c:pt>
                <c:pt idx="44">
                  <c:v>22.34</c:v>
                </c:pt>
                <c:pt idx="45">
                  <c:v>22.324000000000002</c:v>
                </c:pt>
                <c:pt idx="46">
                  <c:v>22.3</c:v>
                </c:pt>
                <c:pt idx="47">
                  <c:v>22.283000000000001</c:v>
                </c:pt>
                <c:pt idx="48">
                  <c:v>22.268999999999998</c:v>
                </c:pt>
                <c:pt idx="49">
                  <c:v>22.257999999999999</c:v>
                </c:pt>
                <c:pt idx="50">
                  <c:v>22.253</c:v>
                </c:pt>
                <c:pt idx="51">
                  <c:v>22.253</c:v>
                </c:pt>
                <c:pt idx="52">
                  <c:v>22.254000000000001</c:v>
                </c:pt>
                <c:pt idx="53">
                  <c:v>22.268999999999998</c:v>
                </c:pt>
                <c:pt idx="54">
                  <c:v>22.283999999999999</c:v>
                </c:pt>
                <c:pt idx="55">
                  <c:v>22.288</c:v>
                </c:pt>
                <c:pt idx="56">
                  <c:v>22.274000000000001</c:v>
                </c:pt>
                <c:pt idx="57">
                  <c:v>22.26</c:v>
                </c:pt>
                <c:pt idx="58">
                  <c:v>22.248999999999999</c:v>
                </c:pt>
                <c:pt idx="59">
                  <c:v>22.256</c:v>
                </c:pt>
                <c:pt idx="60">
                  <c:v>22.271000000000001</c:v>
                </c:pt>
                <c:pt idx="61">
                  <c:v>22.295000000000002</c:v>
                </c:pt>
                <c:pt idx="62">
                  <c:v>22.302</c:v>
                </c:pt>
                <c:pt idx="63">
                  <c:v>22.303000000000001</c:v>
                </c:pt>
                <c:pt idx="64">
                  <c:v>22.309000000000001</c:v>
                </c:pt>
                <c:pt idx="65">
                  <c:v>22.311</c:v>
                </c:pt>
                <c:pt idx="66">
                  <c:v>22.314</c:v>
                </c:pt>
                <c:pt idx="67">
                  <c:v>22.305</c:v>
                </c:pt>
                <c:pt idx="68">
                  <c:v>22.300999999999998</c:v>
                </c:pt>
                <c:pt idx="69">
                  <c:v>22.308</c:v>
                </c:pt>
                <c:pt idx="70">
                  <c:v>22.306999999999999</c:v>
                </c:pt>
                <c:pt idx="71">
                  <c:v>22.295999999999999</c:v>
                </c:pt>
                <c:pt idx="72">
                  <c:v>22.274000000000001</c:v>
                </c:pt>
                <c:pt idx="73">
                  <c:v>22.263999999999999</c:v>
                </c:pt>
                <c:pt idx="74">
                  <c:v>22.271000000000001</c:v>
                </c:pt>
                <c:pt idx="75">
                  <c:v>22.282</c:v>
                </c:pt>
                <c:pt idx="76">
                  <c:v>22.305</c:v>
                </c:pt>
                <c:pt idx="77">
                  <c:v>22.32</c:v>
                </c:pt>
                <c:pt idx="78">
                  <c:v>22.33</c:v>
                </c:pt>
                <c:pt idx="79">
                  <c:v>22.344999999999999</c:v>
                </c:pt>
                <c:pt idx="80">
                  <c:v>22.369</c:v>
                </c:pt>
                <c:pt idx="81">
                  <c:v>22.381</c:v>
                </c:pt>
                <c:pt idx="82">
                  <c:v>22.381</c:v>
                </c:pt>
                <c:pt idx="83">
                  <c:v>22.468</c:v>
                </c:pt>
                <c:pt idx="84">
                  <c:v>22.605</c:v>
                </c:pt>
                <c:pt idx="85">
                  <c:v>22.78</c:v>
                </c:pt>
                <c:pt idx="86">
                  <c:v>22.939</c:v>
                </c:pt>
                <c:pt idx="87">
                  <c:v>23.114000000000001</c:v>
                </c:pt>
                <c:pt idx="88">
                  <c:v>23.373000000000001</c:v>
                </c:pt>
                <c:pt idx="89">
                  <c:v>23.498000000000001</c:v>
                </c:pt>
                <c:pt idx="90">
                  <c:v>23.785</c:v>
                </c:pt>
                <c:pt idx="91">
                  <c:v>23.981000000000002</c:v>
                </c:pt>
                <c:pt idx="92">
                  <c:v>24.158999999999999</c:v>
                </c:pt>
                <c:pt idx="93">
                  <c:v>24.227</c:v>
                </c:pt>
                <c:pt idx="94">
                  <c:v>24.399000000000001</c:v>
                </c:pt>
                <c:pt idx="95">
                  <c:v>24.687999999999999</c:v>
                </c:pt>
                <c:pt idx="96">
                  <c:v>24.803999999999998</c:v>
                </c:pt>
                <c:pt idx="97">
                  <c:v>25.062000000000001</c:v>
                </c:pt>
                <c:pt idx="98">
                  <c:v>25.318000000000001</c:v>
                </c:pt>
                <c:pt idx="99">
                  <c:v>25.367999999999999</c:v>
                </c:pt>
                <c:pt idx="100">
                  <c:v>25.407</c:v>
                </c:pt>
                <c:pt idx="101">
                  <c:v>25.529</c:v>
                </c:pt>
                <c:pt idx="102">
                  <c:v>25.577000000000002</c:v>
                </c:pt>
                <c:pt idx="103">
                  <c:v>25.681000000000001</c:v>
                </c:pt>
                <c:pt idx="104">
                  <c:v>25.722999999999999</c:v>
                </c:pt>
                <c:pt idx="105">
                  <c:v>25.991</c:v>
                </c:pt>
                <c:pt idx="106">
                  <c:v>25.835000000000001</c:v>
                </c:pt>
                <c:pt idx="107">
                  <c:v>25.965</c:v>
                </c:pt>
                <c:pt idx="108">
                  <c:v>25.95</c:v>
                </c:pt>
                <c:pt idx="109">
                  <c:v>26.190999999999999</c:v>
                </c:pt>
                <c:pt idx="110">
                  <c:v>26.361999999999998</c:v>
                </c:pt>
                <c:pt idx="111">
                  <c:v>26.315999999999999</c:v>
                </c:pt>
                <c:pt idx="112">
                  <c:v>26.24</c:v>
                </c:pt>
                <c:pt idx="113">
                  <c:v>26.097999999999999</c:v>
                </c:pt>
                <c:pt idx="114">
                  <c:v>26.096</c:v>
                </c:pt>
                <c:pt idx="115">
                  <c:v>25.956</c:v>
                </c:pt>
                <c:pt idx="116">
                  <c:v>25.968</c:v>
                </c:pt>
                <c:pt idx="117">
                  <c:v>25.91</c:v>
                </c:pt>
                <c:pt idx="118">
                  <c:v>25.978000000000002</c:v>
                </c:pt>
                <c:pt idx="119">
                  <c:v>25.82</c:v>
                </c:pt>
                <c:pt idx="120">
                  <c:v>25.795000000000002</c:v>
                </c:pt>
                <c:pt idx="121">
                  <c:v>25.888999999999999</c:v>
                </c:pt>
                <c:pt idx="122">
                  <c:v>25.763999999999999</c:v>
                </c:pt>
                <c:pt idx="123">
                  <c:v>25.812000000000001</c:v>
                </c:pt>
                <c:pt idx="124">
                  <c:v>25.85</c:v>
                </c:pt>
                <c:pt idx="125">
                  <c:v>25.879000000000001</c:v>
                </c:pt>
                <c:pt idx="126">
                  <c:v>25.957000000000001</c:v>
                </c:pt>
                <c:pt idx="127">
                  <c:v>26.012</c:v>
                </c:pt>
                <c:pt idx="128">
                  <c:v>25.875</c:v>
                </c:pt>
                <c:pt idx="129">
                  <c:v>25.72</c:v>
                </c:pt>
                <c:pt idx="130">
                  <c:v>25.707000000000001</c:v>
                </c:pt>
                <c:pt idx="131">
                  <c:v>25.702999999999999</c:v>
                </c:pt>
                <c:pt idx="132">
                  <c:v>25.805</c:v>
                </c:pt>
                <c:pt idx="133">
                  <c:v>25.745000000000001</c:v>
                </c:pt>
                <c:pt idx="134">
                  <c:v>25.724</c:v>
                </c:pt>
                <c:pt idx="135">
                  <c:v>25.8</c:v>
                </c:pt>
                <c:pt idx="136">
                  <c:v>25.846</c:v>
                </c:pt>
                <c:pt idx="137">
                  <c:v>25.917000000000002</c:v>
                </c:pt>
                <c:pt idx="138">
                  <c:v>25.943000000000001</c:v>
                </c:pt>
                <c:pt idx="139">
                  <c:v>25.942</c:v>
                </c:pt>
                <c:pt idx="140">
                  <c:v>25.998999999999999</c:v>
                </c:pt>
                <c:pt idx="141">
                  <c:v>26.062999999999999</c:v>
                </c:pt>
                <c:pt idx="142">
                  <c:v>26.01</c:v>
                </c:pt>
                <c:pt idx="143">
                  <c:v>26.016999999999999</c:v>
                </c:pt>
                <c:pt idx="144">
                  <c:v>25.992000000000001</c:v>
                </c:pt>
                <c:pt idx="145">
                  <c:v>26.050999999999998</c:v>
                </c:pt>
                <c:pt idx="146">
                  <c:v>26.065000000000001</c:v>
                </c:pt>
                <c:pt idx="147">
                  <c:v>26.122</c:v>
                </c:pt>
                <c:pt idx="148">
                  <c:v>26.2</c:v>
                </c:pt>
                <c:pt idx="149">
                  <c:v>26.244</c:v>
                </c:pt>
                <c:pt idx="150">
                  <c:v>26.298999999999999</c:v>
                </c:pt>
                <c:pt idx="151">
                  <c:v>26.288</c:v>
                </c:pt>
                <c:pt idx="152">
                  <c:v>26.356000000000002</c:v>
                </c:pt>
                <c:pt idx="153">
                  <c:v>26.422999999999998</c:v>
                </c:pt>
                <c:pt idx="154">
                  <c:v>26.452000000000002</c:v>
                </c:pt>
                <c:pt idx="155">
                  <c:v>26.472000000000001</c:v>
                </c:pt>
                <c:pt idx="156">
                  <c:v>26.584</c:v>
                </c:pt>
                <c:pt idx="157">
                  <c:v>26.739000000000001</c:v>
                </c:pt>
                <c:pt idx="158">
                  <c:v>26.858000000000001</c:v>
                </c:pt>
                <c:pt idx="159">
                  <c:v>26.914000000000001</c:v>
                </c:pt>
                <c:pt idx="160">
                  <c:v>27.004000000000001</c:v>
                </c:pt>
                <c:pt idx="161">
                  <c:v>27.120999999999999</c:v>
                </c:pt>
                <c:pt idx="162">
                  <c:v>27.212</c:v>
                </c:pt>
                <c:pt idx="163">
                  <c:v>27.242999999999999</c:v>
                </c:pt>
                <c:pt idx="164">
                  <c:v>27.34</c:v>
                </c:pt>
                <c:pt idx="165">
                  <c:v>27.378</c:v>
                </c:pt>
                <c:pt idx="166">
                  <c:v>27.52</c:v>
                </c:pt>
                <c:pt idx="167">
                  <c:v>27.617000000000001</c:v>
                </c:pt>
                <c:pt idx="168">
                  <c:v>27.7</c:v>
                </c:pt>
                <c:pt idx="169">
                  <c:v>27.823</c:v>
                </c:pt>
                <c:pt idx="170">
                  <c:v>27.895</c:v>
                </c:pt>
                <c:pt idx="171">
                  <c:v>27.94</c:v>
                </c:pt>
                <c:pt idx="172">
                  <c:v>28.065000000000001</c:v>
                </c:pt>
                <c:pt idx="173">
                  <c:v>28.173999999999999</c:v>
                </c:pt>
                <c:pt idx="174">
                  <c:v>28.289000000000001</c:v>
                </c:pt>
                <c:pt idx="175">
                  <c:v>28.332000000000001</c:v>
                </c:pt>
                <c:pt idx="176">
                  <c:v>28.440999999999999</c:v>
                </c:pt>
                <c:pt idx="177">
                  <c:v>28.524000000000001</c:v>
                </c:pt>
                <c:pt idx="178">
                  <c:v>28.6</c:v>
                </c:pt>
                <c:pt idx="179">
                  <c:v>28.638000000000002</c:v>
                </c:pt>
                <c:pt idx="180">
                  <c:v>28.779</c:v>
                </c:pt>
                <c:pt idx="181">
                  <c:v>28.925999999999998</c:v>
                </c:pt>
                <c:pt idx="182">
                  <c:v>28.994</c:v>
                </c:pt>
                <c:pt idx="183">
                  <c:v>29.085000000000001</c:v>
                </c:pt>
                <c:pt idx="184">
                  <c:v>29.155999999999999</c:v>
                </c:pt>
                <c:pt idx="185">
                  <c:v>29.262</c:v>
                </c:pt>
                <c:pt idx="186">
                  <c:v>29.393000000000001</c:v>
                </c:pt>
                <c:pt idx="187">
                  <c:v>29.469000000000001</c:v>
                </c:pt>
                <c:pt idx="188">
                  <c:v>29.638999999999999</c:v>
                </c:pt>
                <c:pt idx="189">
                  <c:v>29.783999999999999</c:v>
                </c:pt>
                <c:pt idx="190">
                  <c:v>29.969000000000001</c:v>
                </c:pt>
                <c:pt idx="191">
                  <c:v>30.036000000000001</c:v>
                </c:pt>
                <c:pt idx="192">
                  <c:v>30.303000000000001</c:v>
                </c:pt>
                <c:pt idx="193">
                  <c:v>30.428999999999998</c:v>
                </c:pt>
                <c:pt idx="194">
                  <c:v>30.638999999999999</c:v>
                </c:pt>
                <c:pt idx="195">
                  <c:v>30.803000000000001</c:v>
                </c:pt>
                <c:pt idx="196">
                  <c:v>31.004999999999999</c:v>
                </c:pt>
                <c:pt idx="197">
                  <c:v>31.141999999999999</c:v>
                </c:pt>
                <c:pt idx="198">
                  <c:v>31.295000000000002</c:v>
                </c:pt>
                <c:pt idx="199">
                  <c:v>31.427</c:v>
                </c:pt>
                <c:pt idx="200">
                  <c:v>31.489000000000001</c:v>
                </c:pt>
                <c:pt idx="201">
                  <c:v>31.661999999999999</c:v>
                </c:pt>
                <c:pt idx="202">
                  <c:v>31.829000000000001</c:v>
                </c:pt>
                <c:pt idx="203">
                  <c:v>31.925000000000001</c:v>
                </c:pt>
                <c:pt idx="204">
                  <c:v>32.103999999999999</c:v>
                </c:pt>
                <c:pt idx="205">
                  <c:v>32.256999999999998</c:v>
                </c:pt>
                <c:pt idx="206">
                  <c:v>32.442</c:v>
                </c:pt>
                <c:pt idx="207">
                  <c:v>32.649000000000001</c:v>
                </c:pt>
                <c:pt idx="208">
                  <c:v>32.829000000000001</c:v>
                </c:pt>
                <c:pt idx="209">
                  <c:v>33.011000000000003</c:v>
                </c:pt>
                <c:pt idx="210">
                  <c:v>33.133000000000003</c:v>
                </c:pt>
                <c:pt idx="211">
                  <c:v>33.399000000000001</c:v>
                </c:pt>
                <c:pt idx="212">
                  <c:v>33.502000000000002</c:v>
                </c:pt>
                <c:pt idx="213">
                  <c:v>33.697000000000003</c:v>
                </c:pt>
                <c:pt idx="214">
                  <c:v>33.783999999999999</c:v>
                </c:pt>
                <c:pt idx="215">
                  <c:v>33.912999999999997</c:v>
                </c:pt>
                <c:pt idx="216">
                  <c:v>34.158000000000001</c:v>
                </c:pt>
                <c:pt idx="217">
                  <c:v>34.276000000000003</c:v>
                </c:pt>
                <c:pt idx="218">
                  <c:v>34.418999999999997</c:v>
                </c:pt>
                <c:pt idx="219">
                  <c:v>34.533000000000001</c:v>
                </c:pt>
                <c:pt idx="220">
                  <c:v>34.747999999999998</c:v>
                </c:pt>
                <c:pt idx="221">
                  <c:v>34.929000000000002</c:v>
                </c:pt>
                <c:pt idx="222">
                  <c:v>35.210999999999999</c:v>
                </c:pt>
                <c:pt idx="223">
                  <c:v>35.328000000000003</c:v>
                </c:pt>
                <c:pt idx="224">
                  <c:v>35.514000000000003</c:v>
                </c:pt>
                <c:pt idx="225">
                  <c:v>35.700000000000003</c:v>
                </c:pt>
                <c:pt idx="226">
                  <c:v>35.872999999999998</c:v>
                </c:pt>
                <c:pt idx="227">
                  <c:v>35.917000000000002</c:v>
                </c:pt>
                <c:pt idx="228">
                  <c:v>36.094000000000001</c:v>
                </c:pt>
                <c:pt idx="229">
                  <c:v>36.223999999999997</c:v>
                </c:pt>
                <c:pt idx="230">
                  <c:v>36.412999999999997</c:v>
                </c:pt>
                <c:pt idx="231">
                  <c:v>36.514000000000003</c:v>
                </c:pt>
                <c:pt idx="232">
                  <c:v>36.704999999999998</c:v>
                </c:pt>
                <c:pt idx="233">
                  <c:v>36.828000000000003</c:v>
                </c:pt>
                <c:pt idx="234">
                  <c:v>36.962000000000003</c:v>
                </c:pt>
                <c:pt idx="235">
                  <c:v>37.037999999999997</c:v>
                </c:pt>
                <c:pt idx="236">
                  <c:v>37.218000000000004</c:v>
                </c:pt>
                <c:pt idx="237">
                  <c:v>37.338999999999999</c:v>
                </c:pt>
                <c:pt idx="238">
                  <c:v>37.601999999999997</c:v>
                </c:pt>
                <c:pt idx="239">
                  <c:v>37.831000000000003</c:v>
                </c:pt>
                <c:pt idx="240">
                  <c:v>37.991999999999997</c:v>
                </c:pt>
                <c:pt idx="241">
                  <c:v>38.209000000000003</c:v>
                </c:pt>
                <c:pt idx="242">
                  <c:v>38.396999999999998</c:v>
                </c:pt>
                <c:pt idx="243">
                  <c:v>38.506</c:v>
                </c:pt>
                <c:pt idx="244">
                  <c:v>38.744999999999997</c:v>
                </c:pt>
                <c:pt idx="245">
                  <c:v>38.948</c:v>
                </c:pt>
                <c:pt idx="246">
                  <c:v>39.14</c:v>
                </c:pt>
                <c:pt idx="247">
                  <c:v>39.268999999999998</c:v>
                </c:pt>
                <c:pt idx="248">
                  <c:v>39.472999999999999</c:v>
                </c:pt>
                <c:pt idx="249">
                  <c:v>39.561</c:v>
                </c:pt>
                <c:pt idx="250">
                  <c:v>39.706000000000003</c:v>
                </c:pt>
                <c:pt idx="251">
                  <c:v>39.947000000000003</c:v>
                </c:pt>
                <c:pt idx="252">
                  <c:v>40.286999999999999</c:v>
                </c:pt>
                <c:pt idx="253">
                  <c:v>40.512999999999998</c:v>
                </c:pt>
                <c:pt idx="254">
                  <c:v>40.661999999999999</c:v>
                </c:pt>
                <c:pt idx="255">
                  <c:v>40.841999999999999</c:v>
                </c:pt>
                <c:pt idx="256">
                  <c:v>41.021000000000001</c:v>
                </c:pt>
                <c:pt idx="257">
                  <c:v>41.194000000000003</c:v>
                </c:pt>
                <c:pt idx="258">
                  <c:v>41.381999999999998</c:v>
                </c:pt>
                <c:pt idx="259">
                  <c:v>41.603999999999999</c:v>
                </c:pt>
                <c:pt idx="260">
                  <c:v>41.829000000000001</c:v>
                </c:pt>
                <c:pt idx="261">
                  <c:v>42.002000000000002</c:v>
                </c:pt>
                <c:pt idx="262">
                  <c:v>42.204999999999998</c:v>
                </c:pt>
                <c:pt idx="263">
                  <c:v>42.341000000000001</c:v>
                </c:pt>
                <c:pt idx="264">
                  <c:v>42.51</c:v>
                </c:pt>
                <c:pt idx="265">
                  <c:v>42.698</c:v>
                </c:pt>
                <c:pt idx="266">
                  <c:v>42.878999999999998</c:v>
                </c:pt>
                <c:pt idx="267">
                  <c:v>43.161000000000001</c:v>
                </c:pt>
                <c:pt idx="268">
                  <c:v>43.350999999999999</c:v>
                </c:pt>
                <c:pt idx="269">
                  <c:v>43.521000000000001</c:v>
                </c:pt>
                <c:pt idx="270">
                  <c:v>43.734000000000002</c:v>
                </c:pt>
                <c:pt idx="271">
                  <c:v>44.040999999999997</c:v>
                </c:pt>
                <c:pt idx="272">
                  <c:v>44.271000000000001</c:v>
                </c:pt>
                <c:pt idx="273">
                  <c:v>44.448999999999998</c:v>
                </c:pt>
                <c:pt idx="274">
                  <c:v>44.665999999999997</c:v>
                </c:pt>
                <c:pt idx="275">
                  <c:v>44.899000000000001</c:v>
                </c:pt>
                <c:pt idx="276">
                  <c:v>45.146000000000001</c:v>
                </c:pt>
                <c:pt idx="277">
                  <c:v>45.347000000000001</c:v>
                </c:pt>
                <c:pt idx="278">
                  <c:v>45.462000000000003</c:v>
                </c:pt>
                <c:pt idx="279">
                  <c:v>45.784999999999997</c:v>
                </c:pt>
                <c:pt idx="280">
                  <c:v>46.02</c:v>
                </c:pt>
                <c:pt idx="281">
                  <c:v>46.207000000000001</c:v>
                </c:pt>
                <c:pt idx="282">
                  <c:v>46.386000000000003</c:v>
                </c:pt>
                <c:pt idx="283">
                  <c:v>46.701000000000001</c:v>
                </c:pt>
                <c:pt idx="284">
                  <c:v>46.997</c:v>
                </c:pt>
                <c:pt idx="285">
                  <c:v>47.165999999999997</c:v>
                </c:pt>
                <c:pt idx="286">
                  <c:v>47.390999999999998</c:v>
                </c:pt>
                <c:pt idx="287">
                  <c:v>47.643000000000001</c:v>
                </c:pt>
                <c:pt idx="288">
                  <c:v>47.902999999999999</c:v>
                </c:pt>
                <c:pt idx="289">
                  <c:v>48.014000000000003</c:v>
                </c:pt>
                <c:pt idx="290">
                  <c:v>48.244</c:v>
                </c:pt>
                <c:pt idx="291">
                  <c:v>48.408000000000001</c:v>
                </c:pt>
                <c:pt idx="292">
                  <c:v>48.677999999999997</c:v>
                </c:pt>
                <c:pt idx="293">
                  <c:v>48.863999999999997</c:v>
                </c:pt>
                <c:pt idx="294">
                  <c:v>49.027999999999999</c:v>
                </c:pt>
                <c:pt idx="295">
                  <c:v>49.225999999999999</c:v>
                </c:pt>
                <c:pt idx="296">
                  <c:v>49.420999999999999</c:v>
                </c:pt>
                <c:pt idx="297">
                  <c:v>49.646999999999998</c:v>
                </c:pt>
                <c:pt idx="298">
                  <c:v>49.857999999999997</c:v>
                </c:pt>
                <c:pt idx="299">
                  <c:v>50.137</c:v>
                </c:pt>
                <c:pt idx="300">
                  <c:v>50.383000000000003</c:v>
                </c:pt>
                <c:pt idx="301">
                  <c:v>50.616999999999997</c:v>
                </c:pt>
                <c:pt idx="302">
                  <c:v>50.86</c:v>
                </c:pt>
                <c:pt idx="303">
                  <c:v>51.118000000000002</c:v>
                </c:pt>
                <c:pt idx="304">
                  <c:v>51.293999999999997</c:v>
                </c:pt>
                <c:pt idx="305">
                  <c:v>51.497</c:v>
                </c:pt>
                <c:pt idx="306">
                  <c:v>51.768999999999998</c:v>
                </c:pt>
                <c:pt idx="307">
                  <c:v>51.962000000000003</c:v>
                </c:pt>
                <c:pt idx="308">
                  <c:v>52.161999999999999</c:v>
                </c:pt>
                <c:pt idx="309">
                  <c:v>52.366999999999997</c:v>
                </c:pt>
                <c:pt idx="310">
                  <c:v>52.649000000000001</c:v>
                </c:pt>
                <c:pt idx="311">
                  <c:v>52.978999999999999</c:v>
                </c:pt>
                <c:pt idx="312">
                  <c:v>53.293999999999997</c:v>
                </c:pt>
                <c:pt idx="313">
                  <c:v>53.529000000000003</c:v>
                </c:pt>
                <c:pt idx="314">
                  <c:v>53.734999999999999</c:v>
                </c:pt>
                <c:pt idx="315">
                  <c:v>54.037999999999997</c:v>
                </c:pt>
                <c:pt idx="316">
                  <c:v>54.271999999999998</c:v>
                </c:pt>
                <c:pt idx="317">
                  <c:v>54.442</c:v>
                </c:pt>
                <c:pt idx="318">
                  <c:v>54.604999999999997</c:v>
                </c:pt>
                <c:pt idx="319">
                  <c:v>54.884999999999998</c:v>
                </c:pt>
                <c:pt idx="320">
                  <c:v>55.081000000000003</c:v>
                </c:pt>
                <c:pt idx="321">
                  <c:v>55.405999999999999</c:v>
                </c:pt>
                <c:pt idx="322">
                  <c:v>55.628</c:v>
                </c:pt>
                <c:pt idx="323">
                  <c:v>55.920999999999999</c:v>
                </c:pt>
                <c:pt idx="324">
                  <c:v>56.142000000000003</c:v>
                </c:pt>
                <c:pt idx="325">
                  <c:v>56.369</c:v>
                </c:pt>
                <c:pt idx="326">
                  <c:v>56.555999999999997</c:v>
                </c:pt>
                <c:pt idx="327">
                  <c:v>56.765999999999998</c:v>
                </c:pt>
                <c:pt idx="328">
                  <c:v>56.923999999999999</c:v>
                </c:pt>
                <c:pt idx="329">
                  <c:v>57.305</c:v>
                </c:pt>
                <c:pt idx="330">
                  <c:v>57.552999999999997</c:v>
                </c:pt>
                <c:pt idx="331">
                  <c:v>57.820999999999998</c:v>
                </c:pt>
                <c:pt idx="332">
                  <c:v>58.006999999999998</c:v>
                </c:pt>
                <c:pt idx="333">
                  <c:v>58.143999999999998</c:v>
                </c:pt>
                <c:pt idx="334">
                  <c:v>58.463000000000001</c:v>
                </c:pt>
                <c:pt idx="335">
                  <c:v>58.802999999999997</c:v>
                </c:pt>
                <c:pt idx="336">
                  <c:v>59.094000000000001</c:v>
                </c:pt>
                <c:pt idx="337">
                  <c:v>59.244</c:v>
                </c:pt>
                <c:pt idx="338">
                  <c:v>59.634</c:v>
                </c:pt>
                <c:pt idx="339">
                  <c:v>59.851999999999997</c:v>
                </c:pt>
                <c:pt idx="340">
                  <c:v>60.058</c:v>
                </c:pt>
                <c:pt idx="341">
                  <c:v>60.363</c:v>
                </c:pt>
                <c:pt idx="342">
                  <c:v>60.634</c:v>
                </c:pt>
                <c:pt idx="343">
                  <c:v>60.850999999999999</c:v>
                </c:pt>
                <c:pt idx="344">
                  <c:v>61.039000000000001</c:v>
                </c:pt>
                <c:pt idx="345">
                  <c:v>61.341000000000001</c:v>
                </c:pt>
                <c:pt idx="346">
                  <c:v>61.569000000000003</c:v>
                </c:pt>
                <c:pt idx="347">
                  <c:v>61.845999999999997</c:v>
                </c:pt>
                <c:pt idx="348">
                  <c:v>62.070999999999998</c:v>
                </c:pt>
                <c:pt idx="349">
                  <c:v>62.164000000000001</c:v>
                </c:pt>
                <c:pt idx="350">
                  <c:v>62.417000000000002</c:v>
                </c:pt>
                <c:pt idx="351">
                  <c:v>62.743000000000002</c:v>
                </c:pt>
                <c:pt idx="352">
                  <c:v>63.078000000000003</c:v>
                </c:pt>
                <c:pt idx="353">
                  <c:v>63.305999999999997</c:v>
                </c:pt>
                <c:pt idx="354">
                  <c:v>63.567</c:v>
                </c:pt>
                <c:pt idx="355">
                  <c:v>63.773000000000003</c:v>
                </c:pt>
                <c:pt idx="356">
                  <c:v>63.996000000000002</c:v>
                </c:pt>
                <c:pt idx="357">
                  <c:v>64.212000000000003</c:v>
                </c:pt>
                <c:pt idx="358">
                  <c:v>64.459999999999994</c:v>
                </c:pt>
                <c:pt idx="359">
                  <c:v>64.710999999999999</c:v>
                </c:pt>
                <c:pt idx="360">
                  <c:v>64.983999999999995</c:v>
                </c:pt>
                <c:pt idx="361">
                  <c:v>65.238</c:v>
                </c:pt>
                <c:pt idx="362">
                  <c:v>65.456000000000003</c:v>
                </c:pt>
                <c:pt idx="363">
                  <c:v>65.710999999999999</c:v>
                </c:pt>
                <c:pt idx="364">
                  <c:v>66.010999999999996</c:v>
                </c:pt>
                <c:pt idx="365">
                  <c:v>66.313000000000002</c:v>
                </c:pt>
                <c:pt idx="366">
                  <c:v>66.581999999999994</c:v>
                </c:pt>
                <c:pt idx="367">
                  <c:v>66.701999999999998</c:v>
                </c:pt>
                <c:pt idx="368">
                  <c:v>67.037000000000006</c:v>
                </c:pt>
                <c:pt idx="369">
                  <c:v>67.349000000000004</c:v>
                </c:pt>
                <c:pt idx="370">
                  <c:v>67.697000000000003</c:v>
                </c:pt>
                <c:pt idx="371">
                  <c:v>67.894999999999996</c:v>
                </c:pt>
                <c:pt idx="372">
                  <c:v>68.278999999999996</c:v>
                </c:pt>
                <c:pt idx="373">
                  <c:v>68.539000000000001</c:v>
                </c:pt>
                <c:pt idx="374">
                  <c:v>68.786000000000001</c:v>
                </c:pt>
                <c:pt idx="375">
                  <c:v>69.087000000000003</c:v>
                </c:pt>
                <c:pt idx="376">
                  <c:v>69.275000000000006</c:v>
                </c:pt>
                <c:pt idx="377">
                  <c:v>69.563000000000002</c:v>
                </c:pt>
                <c:pt idx="378">
                  <c:v>69.825999999999993</c:v>
                </c:pt>
                <c:pt idx="379">
                  <c:v>70.075000000000003</c:v>
                </c:pt>
                <c:pt idx="380">
                  <c:v>70.298000000000002</c:v>
                </c:pt>
                <c:pt idx="381">
                  <c:v>70.506</c:v>
                </c:pt>
                <c:pt idx="382">
                  <c:v>70.852000000000004</c:v>
                </c:pt>
                <c:pt idx="383">
                  <c:v>71.088999999999999</c:v>
                </c:pt>
                <c:pt idx="384">
                  <c:v>71.344999999999999</c:v>
                </c:pt>
                <c:pt idx="385">
                  <c:v>71.569000000000003</c:v>
                </c:pt>
                <c:pt idx="386">
                  <c:v>71.792000000000002</c:v>
                </c:pt>
                <c:pt idx="387">
                  <c:v>72.040000000000006</c:v>
                </c:pt>
                <c:pt idx="388">
                  <c:v>72.245000000000005</c:v>
                </c:pt>
                <c:pt idx="389">
                  <c:v>72.617999999999995</c:v>
                </c:pt>
                <c:pt idx="390">
                  <c:v>72.863</c:v>
                </c:pt>
                <c:pt idx="391">
                  <c:v>73.11</c:v>
                </c:pt>
                <c:pt idx="392">
                  <c:v>73.436000000000007</c:v>
                </c:pt>
                <c:pt idx="393">
                  <c:v>73.713999999999999</c:v>
                </c:pt>
                <c:pt idx="394">
                  <c:v>74</c:v>
                </c:pt>
                <c:pt idx="395">
                  <c:v>74.284000000000006</c:v>
                </c:pt>
                <c:pt idx="396">
                  <c:v>74.56</c:v>
                </c:pt>
                <c:pt idx="397">
                  <c:v>74.781999999999996</c:v>
                </c:pt>
                <c:pt idx="398">
                  <c:v>75.037999999999997</c:v>
                </c:pt>
                <c:pt idx="399">
                  <c:v>75.366</c:v>
                </c:pt>
                <c:pt idx="400">
                  <c:v>75.602999999999994</c:v>
                </c:pt>
                <c:pt idx="401">
                  <c:v>75.814999999999998</c:v>
                </c:pt>
                <c:pt idx="402">
                  <c:v>76.067999999999998</c:v>
                </c:pt>
                <c:pt idx="403">
                  <c:v>76.427000000000007</c:v>
                </c:pt>
                <c:pt idx="404">
                  <c:v>76.738</c:v>
                </c:pt>
                <c:pt idx="405">
                  <c:v>76.881</c:v>
                </c:pt>
                <c:pt idx="406">
                  <c:v>77.096999999999994</c:v>
                </c:pt>
                <c:pt idx="407">
                  <c:v>77.353999999999999</c:v>
                </c:pt>
                <c:pt idx="408">
                  <c:v>77.594999999999999</c:v>
                </c:pt>
                <c:pt idx="409">
                  <c:v>77.873999999999995</c:v>
                </c:pt>
                <c:pt idx="410">
                  <c:v>78.152000000000001</c:v>
                </c:pt>
                <c:pt idx="411">
                  <c:v>78.393000000000001</c:v>
                </c:pt>
                <c:pt idx="412">
                  <c:v>78.683999999999997</c:v>
                </c:pt>
                <c:pt idx="413">
                  <c:v>78.986000000000004</c:v>
                </c:pt>
                <c:pt idx="414">
                  <c:v>79.215999999999994</c:v>
                </c:pt>
                <c:pt idx="415">
                  <c:v>79.445999999999998</c:v>
                </c:pt>
                <c:pt idx="416">
                  <c:v>79.725999999999999</c:v>
                </c:pt>
                <c:pt idx="417">
                  <c:v>80.070999999999998</c:v>
                </c:pt>
                <c:pt idx="418">
                  <c:v>80.414000000000001</c:v>
                </c:pt>
                <c:pt idx="419">
                  <c:v>80.606999999999999</c:v>
                </c:pt>
                <c:pt idx="420">
                  <c:v>80.912000000000006</c:v>
                </c:pt>
                <c:pt idx="421">
                  <c:v>81.194999999999993</c:v>
                </c:pt>
                <c:pt idx="422">
                  <c:v>81.525000000000006</c:v>
                </c:pt>
                <c:pt idx="423">
                  <c:v>81.852999999999994</c:v>
                </c:pt>
                <c:pt idx="424">
                  <c:v>82.081999999999994</c:v>
                </c:pt>
                <c:pt idx="425">
                  <c:v>82.361000000000004</c:v>
                </c:pt>
                <c:pt idx="426">
                  <c:v>82.57</c:v>
                </c:pt>
                <c:pt idx="427">
                  <c:v>82.930999999999997</c:v>
                </c:pt>
                <c:pt idx="428">
                  <c:v>83.257999999999996</c:v>
                </c:pt>
                <c:pt idx="429">
                  <c:v>83.552000000000007</c:v>
                </c:pt>
                <c:pt idx="430">
                  <c:v>83.909000000000006</c:v>
                </c:pt>
                <c:pt idx="431">
                  <c:v>84.343999999999994</c:v>
                </c:pt>
                <c:pt idx="432">
                  <c:v>84.623000000000005</c:v>
                </c:pt>
                <c:pt idx="433">
                  <c:v>84.882999999999996</c:v>
                </c:pt>
                <c:pt idx="434">
                  <c:v>85.177000000000007</c:v>
                </c:pt>
                <c:pt idx="435">
                  <c:v>85.399000000000001</c:v>
                </c:pt>
                <c:pt idx="436">
                  <c:v>85.713999999999999</c:v>
                </c:pt>
                <c:pt idx="437">
                  <c:v>85.923000000000002</c:v>
                </c:pt>
                <c:pt idx="438">
                  <c:v>86.180999999999997</c:v>
                </c:pt>
                <c:pt idx="439">
                  <c:v>86.513000000000005</c:v>
                </c:pt>
                <c:pt idx="440">
                  <c:v>86.712999999999994</c:v>
                </c:pt>
                <c:pt idx="441">
                  <c:v>87.058000000000007</c:v>
                </c:pt>
                <c:pt idx="442">
                  <c:v>87.352999999999994</c:v>
                </c:pt>
                <c:pt idx="443">
                  <c:v>87.578000000000003</c:v>
                </c:pt>
                <c:pt idx="444">
                  <c:v>87.832999999999998</c:v>
                </c:pt>
                <c:pt idx="445">
                  <c:v>88.138000000000005</c:v>
                </c:pt>
                <c:pt idx="446">
                  <c:v>88.372</c:v>
                </c:pt>
                <c:pt idx="447">
                  <c:v>88.656999999999996</c:v>
                </c:pt>
                <c:pt idx="448">
                  <c:v>88.891999999999996</c:v>
                </c:pt>
                <c:pt idx="449">
                  <c:v>89.168999999999997</c:v>
                </c:pt>
                <c:pt idx="450">
                  <c:v>89.477000000000004</c:v>
                </c:pt>
                <c:pt idx="451">
                  <c:v>89.778999999999996</c:v>
                </c:pt>
                <c:pt idx="452">
                  <c:v>90.094999999999999</c:v>
                </c:pt>
                <c:pt idx="453">
                  <c:v>90.296999999999997</c:v>
                </c:pt>
                <c:pt idx="454">
                  <c:v>90.644000000000005</c:v>
                </c:pt>
                <c:pt idx="455">
                  <c:v>90.980999999999995</c:v>
                </c:pt>
                <c:pt idx="456">
                  <c:v>91.283000000000001</c:v>
                </c:pt>
                <c:pt idx="457">
                  <c:v>91.555999999999997</c:v>
                </c:pt>
                <c:pt idx="458">
                  <c:v>91.837999999999994</c:v>
                </c:pt>
                <c:pt idx="459">
                  <c:v>92.167000000000002</c:v>
                </c:pt>
                <c:pt idx="460">
                  <c:v>92.417000000000002</c:v>
                </c:pt>
                <c:pt idx="461">
                  <c:v>92.704999999999998</c:v>
                </c:pt>
                <c:pt idx="462">
                  <c:v>92.980999999999995</c:v>
                </c:pt>
                <c:pt idx="463">
                  <c:v>93.233999999999995</c:v>
                </c:pt>
                <c:pt idx="464">
                  <c:v>93.573999999999998</c:v>
                </c:pt>
                <c:pt idx="465">
                  <c:v>93.817999999999998</c:v>
                </c:pt>
                <c:pt idx="466">
                  <c:v>94.070999999999998</c:v>
                </c:pt>
                <c:pt idx="467">
                  <c:v>94.43</c:v>
                </c:pt>
                <c:pt idx="468">
                  <c:v>94.641999999999996</c:v>
                </c:pt>
                <c:pt idx="469">
                  <c:v>94.941000000000003</c:v>
                </c:pt>
                <c:pt idx="470">
                  <c:v>95.22</c:v>
                </c:pt>
                <c:pt idx="471">
                  <c:v>95.406000000000006</c:v>
                </c:pt>
                <c:pt idx="472">
                  <c:v>95.712000000000003</c:v>
                </c:pt>
                <c:pt idx="473">
                  <c:v>96.031000000000006</c:v>
                </c:pt>
                <c:pt idx="474">
                  <c:v>96.364999999999995</c:v>
                </c:pt>
                <c:pt idx="475">
                  <c:v>96.756</c:v>
                </c:pt>
                <c:pt idx="476">
                  <c:v>96.995999999999995</c:v>
                </c:pt>
                <c:pt idx="477">
                  <c:v>97.278000000000006</c:v>
                </c:pt>
                <c:pt idx="478">
                  <c:v>97.465999999999994</c:v>
                </c:pt>
                <c:pt idx="479">
                  <c:v>97.724000000000004</c:v>
                </c:pt>
                <c:pt idx="480">
                  <c:v>97.971000000000004</c:v>
                </c:pt>
                <c:pt idx="481">
                  <c:v>98.295000000000002</c:v>
                </c:pt>
                <c:pt idx="482">
                  <c:v>98.584000000000003</c:v>
                </c:pt>
                <c:pt idx="483">
                  <c:v>98.903999999999996</c:v>
                </c:pt>
                <c:pt idx="484">
                  <c:v>99.224999999999994</c:v>
                </c:pt>
                <c:pt idx="485">
                  <c:v>99.596999999999994</c:v>
                </c:pt>
                <c:pt idx="486">
                  <c:v>99.814999999999998</c:v>
                </c:pt>
                <c:pt idx="487">
                  <c:v>100.095</c:v>
                </c:pt>
                <c:pt idx="488">
                  <c:v>100.422</c:v>
                </c:pt>
                <c:pt idx="489">
                  <c:v>100.73699999999999</c:v>
                </c:pt>
                <c:pt idx="490">
                  <c:v>101.011</c:v>
                </c:pt>
                <c:pt idx="491">
                  <c:v>101.239</c:v>
                </c:pt>
                <c:pt idx="492">
                  <c:v>101.54600000000001</c:v>
                </c:pt>
                <c:pt idx="493">
                  <c:v>101.825</c:v>
                </c:pt>
                <c:pt idx="494">
                  <c:v>102.01300000000001</c:v>
                </c:pt>
                <c:pt idx="495">
                  <c:v>102.342</c:v>
                </c:pt>
                <c:pt idx="496">
                  <c:v>102.627</c:v>
                </c:pt>
                <c:pt idx="497">
                  <c:v>102.901</c:v>
                </c:pt>
                <c:pt idx="498">
                  <c:v>103.17400000000001</c:v>
                </c:pt>
                <c:pt idx="499">
                  <c:v>103.467</c:v>
                </c:pt>
                <c:pt idx="500">
                  <c:v>103.72499999999999</c:v>
                </c:pt>
                <c:pt idx="501">
                  <c:v>104.047</c:v>
                </c:pt>
                <c:pt idx="502">
                  <c:v>104.268</c:v>
                </c:pt>
                <c:pt idx="503">
                  <c:v>104.48099999999999</c:v>
                </c:pt>
                <c:pt idx="504">
                  <c:v>104.755</c:v>
                </c:pt>
                <c:pt idx="505">
                  <c:v>105.09699999999999</c:v>
                </c:pt>
                <c:pt idx="506">
                  <c:v>105.38500000000001</c:v>
                </c:pt>
                <c:pt idx="507">
                  <c:v>105.629</c:v>
                </c:pt>
                <c:pt idx="508">
                  <c:v>105.872</c:v>
                </c:pt>
                <c:pt idx="509">
                  <c:v>106.038</c:v>
                </c:pt>
                <c:pt idx="510">
                  <c:v>106.42100000000001</c:v>
                </c:pt>
                <c:pt idx="511">
                  <c:v>106.724</c:v>
                </c:pt>
                <c:pt idx="512">
                  <c:v>107.027</c:v>
                </c:pt>
                <c:pt idx="513">
                  <c:v>107.286</c:v>
                </c:pt>
                <c:pt idx="514">
                  <c:v>107.575</c:v>
                </c:pt>
                <c:pt idx="515">
                  <c:v>107.843</c:v>
                </c:pt>
                <c:pt idx="516">
                  <c:v>108.113</c:v>
                </c:pt>
                <c:pt idx="517">
                  <c:v>108.41800000000001</c:v>
                </c:pt>
                <c:pt idx="518">
                  <c:v>108.691</c:v>
                </c:pt>
                <c:pt idx="519">
                  <c:v>108.946</c:v>
                </c:pt>
                <c:pt idx="520">
                  <c:v>109.27</c:v>
                </c:pt>
                <c:pt idx="521">
                  <c:v>109.548</c:v>
                </c:pt>
                <c:pt idx="522">
                  <c:v>109.899</c:v>
                </c:pt>
                <c:pt idx="523">
                  <c:v>110.161</c:v>
                </c:pt>
                <c:pt idx="524">
                  <c:v>110.453</c:v>
                </c:pt>
                <c:pt idx="525">
                  <c:v>110.70099999999999</c:v>
                </c:pt>
                <c:pt idx="526">
                  <c:v>111.001</c:v>
                </c:pt>
                <c:pt idx="527">
                  <c:v>111.35</c:v>
                </c:pt>
                <c:pt idx="528">
                  <c:v>111.684</c:v>
                </c:pt>
                <c:pt idx="529">
                  <c:v>111.91800000000001</c:v>
                </c:pt>
                <c:pt idx="530">
                  <c:v>112.24</c:v>
                </c:pt>
                <c:pt idx="531">
                  <c:v>112.42400000000001</c:v>
                </c:pt>
                <c:pt idx="532">
                  <c:v>112.64</c:v>
                </c:pt>
                <c:pt idx="533">
                  <c:v>112.78400000000001</c:v>
                </c:pt>
                <c:pt idx="534">
                  <c:v>113.173</c:v>
                </c:pt>
                <c:pt idx="535">
                  <c:v>113.461</c:v>
                </c:pt>
                <c:pt idx="536">
                  <c:v>113.733</c:v>
                </c:pt>
                <c:pt idx="537">
                  <c:v>113.964</c:v>
                </c:pt>
                <c:pt idx="538">
                  <c:v>114.303</c:v>
                </c:pt>
                <c:pt idx="539">
                  <c:v>114.60299999999999</c:v>
                </c:pt>
                <c:pt idx="540">
                  <c:v>114.932</c:v>
                </c:pt>
                <c:pt idx="541">
                  <c:v>115.22499999999999</c:v>
                </c:pt>
                <c:pt idx="542">
                  <c:v>115.58</c:v>
                </c:pt>
                <c:pt idx="543">
                  <c:v>115.76600000000001</c:v>
                </c:pt>
                <c:pt idx="544">
                  <c:v>116.012</c:v>
                </c:pt>
                <c:pt idx="545">
                  <c:v>116.31399999999999</c:v>
                </c:pt>
                <c:pt idx="546">
                  <c:v>116.58</c:v>
                </c:pt>
                <c:pt idx="547">
                  <c:v>116.907</c:v>
                </c:pt>
                <c:pt idx="548">
                  <c:v>117.224</c:v>
                </c:pt>
                <c:pt idx="549">
                  <c:v>117.429</c:v>
                </c:pt>
                <c:pt idx="550">
                  <c:v>117.816</c:v>
                </c:pt>
                <c:pt idx="551">
                  <c:v>118.098</c:v>
                </c:pt>
                <c:pt idx="552">
                  <c:v>118.327</c:v>
                </c:pt>
                <c:pt idx="553">
                  <c:v>118.646</c:v>
                </c:pt>
                <c:pt idx="554">
                  <c:v>118.925</c:v>
                </c:pt>
                <c:pt idx="555">
                  <c:v>119.211</c:v>
                </c:pt>
                <c:pt idx="556">
                  <c:v>119.548</c:v>
                </c:pt>
                <c:pt idx="557">
                  <c:v>119.911</c:v>
                </c:pt>
                <c:pt idx="558">
                  <c:v>120.123</c:v>
                </c:pt>
                <c:pt idx="559">
                  <c:v>120.474</c:v>
                </c:pt>
                <c:pt idx="560">
                  <c:v>120.748</c:v>
                </c:pt>
                <c:pt idx="561">
                  <c:v>120.96299999999999</c:v>
                </c:pt>
                <c:pt idx="562">
                  <c:v>121.17</c:v>
                </c:pt>
                <c:pt idx="563">
                  <c:v>121.425</c:v>
                </c:pt>
                <c:pt idx="564">
                  <c:v>121.679</c:v>
                </c:pt>
                <c:pt idx="565">
                  <c:v>121.94199999999999</c:v>
                </c:pt>
                <c:pt idx="566">
                  <c:v>122.295</c:v>
                </c:pt>
                <c:pt idx="567">
                  <c:v>122.577</c:v>
                </c:pt>
                <c:pt idx="568">
                  <c:v>122.864</c:v>
                </c:pt>
                <c:pt idx="569">
                  <c:v>123.14100000000001</c:v>
                </c:pt>
                <c:pt idx="570">
                  <c:v>123.44499999999999</c:v>
                </c:pt>
                <c:pt idx="571">
                  <c:v>123.68300000000001</c:v>
                </c:pt>
                <c:pt idx="572">
                  <c:v>124.01600000000001</c:v>
                </c:pt>
                <c:pt idx="573">
                  <c:v>124.164</c:v>
                </c:pt>
                <c:pt idx="574">
                  <c:v>124.44799999999999</c:v>
                </c:pt>
                <c:pt idx="575">
                  <c:v>124.914</c:v>
                </c:pt>
                <c:pt idx="576">
                  <c:v>125.16</c:v>
                </c:pt>
                <c:pt idx="577">
                  <c:v>125.429</c:v>
                </c:pt>
                <c:pt idx="578">
                  <c:v>125.717</c:v>
                </c:pt>
                <c:pt idx="579">
                  <c:v>125.98699999999999</c:v>
                </c:pt>
                <c:pt idx="580">
                  <c:v>126.246</c:v>
                </c:pt>
                <c:pt idx="581">
                  <c:v>126.64</c:v>
                </c:pt>
                <c:pt idx="582">
                  <c:v>126.81399999999999</c:v>
                </c:pt>
                <c:pt idx="583">
                  <c:v>127.05</c:v>
                </c:pt>
                <c:pt idx="584">
                  <c:v>127.378</c:v>
                </c:pt>
                <c:pt idx="585">
                  <c:v>127.747</c:v>
                </c:pt>
                <c:pt idx="586">
                  <c:v>127.999</c:v>
                </c:pt>
                <c:pt idx="587">
                  <c:v>128.36000000000001</c:v>
                </c:pt>
                <c:pt idx="588">
                  <c:v>128.64400000000001</c:v>
                </c:pt>
                <c:pt idx="589">
                  <c:v>128.75</c:v>
                </c:pt>
                <c:pt idx="590">
                  <c:v>129.04900000000001</c:v>
                </c:pt>
                <c:pt idx="591">
                  <c:v>129.304</c:v>
                </c:pt>
                <c:pt idx="592">
                  <c:v>129.53800000000001</c:v>
                </c:pt>
                <c:pt idx="593">
                  <c:v>129.82400000000001</c:v>
                </c:pt>
                <c:pt idx="594">
                  <c:v>130.15</c:v>
                </c:pt>
                <c:pt idx="595">
                  <c:v>130.399</c:v>
                </c:pt>
                <c:pt idx="596">
                  <c:v>130.696</c:v>
                </c:pt>
                <c:pt idx="597">
                  <c:v>130.934</c:v>
                </c:pt>
                <c:pt idx="598">
                  <c:v>131.24299999999999</c:v>
                </c:pt>
                <c:pt idx="599">
                  <c:v>131.60300000000001</c:v>
                </c:pt>
                <c:pt idx="600">
                  <c:v>131.80000000000001</c:v>
                </c:pt>
                <c:pt idx="601">
                  <c:v>132.12700000000001</c:v>
                </c:pt>
                <c:pt idx="602">
                  <c:v>132.51499999999999</c:v>
                </c:pt>
                <c:pt idx="603">
                  <c:v>132.74199999999999</c:v>
                </c:pt>
                <c:pt idx="604">
                  <c:v>133.05000000000001</c:v>
                </c:pt>
                <c:pt idx="605">
                  <c:v>133.38900000000001</c:v>
                </c:pt>
                <c:pt idx="606">
                  <c:v>133.73099999999999</c:v>
                </c:pt>
                <c:pt idx="607">
                  <c:v>133.96100000000001</c:v>
                </c:pt>
                <c:pt idx="608">
                  <c:v>134.245</c:v>
                </c:pt>
                <c:pt idx="609">
                  <c:v>134.54499999999999</c:v>
                </c:pt>
                <c:pt idx="610">
                  <c:v>134.767</c:v>
                </c:pt>
                <c:pt idx="611">
                  <c:v>135.03299999999999</c:v>
                </c:pt>
                <c:pt idx="612">
                  <c:v>135.399</c:v>
                </c:pt>
                <c:pt idx="613">
                  <c:v>135.74199999999999</c:v>
                </c:pt>
                <c:pt idx="614">
                  <c:v>136.00899999999999</c:v>
                </c:pt>
                <c:pt idx="615">
                  <c:v>136.24799999999999</c:v>
                </c:pt>
                <c:pt idx="616">
                  <c:v>136.52199999999999</c:v>
                </c:pt>
                <c:pt idx="617">
                  <c:v>136.875</c:v>
                </c:pt>
                <c:pt idx="618">
                  <c:v>137.15700000000001</c:v>
                </c:pt>
                <c:pt idx="619">
                  <c:v>137.411</c:v>
                </c:pt>
                <c:pt idx="620">
                  <c:v>137.72200000000001</c:v>
                </c:pt>
                <c:pt idx="621">
                  <c:v>137.97300000000001</c:v>
                </c:pt>
                <c:pt idx="622">
                  <c:v>138.22399999999999</c:v>
                </c:pt>
                <c:pt idx="623">
                  <c:v>138.55000000000001</c:v>
                </c:pt>
                <c:pt idx="624">
                  <c:v>138.78800000000001</c:v>
                </c:pt>
                <c:pt idx="625">
                  <c:v>138.94499999999999</c:v>
                </c:pt>
                <c:pt idx="626">
                  <c:v>139.26</c:v>
                </c:pt>
                <c:pt idx="627">
                  <c:v>139.55099999999999</c:v>
                </c:pt>
                <c:pt idx="628">
                  <c:v>139.893</c:v>
                </c:pt>
                <c:pt idx="629">
                  <c:v>140.20599999999999</c:v>
                </c:pt>
                <c:pt idx="630">
                  <c:v>140.375</c:v>
                </c:pt>
                <c:pt idx="631">
                  <c:v>140.79400000000001</c:v>
                </c:pt>
                <c:pt idx="632">
                  <c:v>141.119</c:v>
                </c:pt>
                <c:pt idx="633">
                  <c:v>141.46100000000001</c:v>
                </c:pt>
                <c:pt idx="634">
                  <c:v>141.81899999999999</c:v>
                </c:pt>
                <c:pt idx="635">
                  <c:v>142.12899999999999</c:v>
                </c:pt>
                <c:pt idx="636">
                  <c:v>142.38800000000001</c:v>
                </c:pt>
                <c:pt idx="637">
                  <c:v>142.542</c:v>
                </c:pt>
                <c:pt idx="638">
                  <c:v>142.78299999999999</c:v>
                </c:pt>
                <c:pt idx="639">
                  <c:v>143.10300000000001</c:v>
                </c:pt>
                <c:pt idx="640">
                  <c:v>143.37700000000001</c:v>
                </c:pt>
                <c:pt idx="641">
                  <c:v>143.65100000000001</c:v>
                </c:pt>
                <c:pt idx="642">
                  <c:v>143.96799999999999</c:v>
                </c:pt>
                <c:pt idx="643">
                  <c:v>144.227</c:v>
                </c:pt>
                <c:pt idx="644">
                  <c:v>144.45500000000001</c:v>
                </c:pt>
                <c:pt idx="645">
                  <c:v>144.774</c:v>
                </c:pt>
                <c:pt idx="646">
                  <c:v>145.02699999999999</c:v>
                </c:pt>
                <c:pt idx="647">
                  <c:v>145.303</c:v>
                </c:pt>
                <c:pt idx="648">
                  <c:v>145.63999999999999</c:v>
                </c:pt>
                <c:pt idx="649">
                  <c:v>145.93799999999999</c:v>
                </c:pt>
                <c:pt idx="650">
                  <c:v>146.155</c:v>
                </c:pt>
                <c:pt idx="651">
                  <c:v>146.34200000000001</c:v>
                </c:pt>
                <c:pt idx="652">
                  <c:v>146.68199999999999</c:v>
                </c:pt>
                <c:pt idx="653">
                  <c:v>146.94399999999999</c:v>
                </c:pt>
                <c:pt idx="654">
                  <c:v>147.209</c:v>
                </c:pt>
                <c:pt idx="655">
                  <c:v>147.49600000000001</c:v>
                </c:pt>
                <c:pt idx="656">
                  <c:v>147.79</c:v>
                </c:pt>
                <c:pt idx="657">
                  <c:v>148.09899999999999</c:v>
                </c:pt>
                <c:pt idx="658">
                  <c:v>148.43700000000001</c:v>
                </c:pt>
                <c:pt idx="659">
                  <c:v>148.78899999999999</c:v>
                </c:pt>
                <c:pt idx="660">
                  <c:v>149.18199999999999</c:v>
                </c:pt>
                <c:pt idx="661">
                  <c:v>149.423</c:v>
                </c:pt>
                <c:pt idx="662">
                  <c:v>149.68199999999999</c:v>
                </c:pt>
                <c:pt idx="663">
                  <c:v>150.05099999999999</c:v>
                </c:pt>
                <c:pt idx="664">
                  <c:v>150.43799999999999</c:v>
                </c:pt>
                <c:pt idx="665">
                  <c:v>150.67699999999999</c:v>
                </c:pt>
                <c:pt idx="666">
                  <c:v>151.02699999999999</c:v>
                </c:pt>
                <c:pt idx="667">
                  <c:v>151.21799999999999</c:v>
                </c:pt>
                <c:pt idx="668">
                  <c:v>151.36699999999999</c:v>
                </c:pt>
                <c:pt idx="669">
                  <c:v>151.648</c:v>
                </c:pt>
                <c:pt idx="670">
                  <c:v>152.00299999999999</c:v>
                </c:pt>
                <c:pt idx="671">
                  <c:v>152.40899999999999</c:v>
                </c:pt>
                <c:pt idx="672">
                  <c:v>152.65700000000001</c:v>
                </c:pt>
                <c:pt idx="673">
                  <c:v>152.98500000000001</c:v>
                </c:pt>
                <c:pt idx="674">
                  <c:v>153.16800000000001</c:v>
                </c:pt>
                <c:pt idx="675">
                  <c:v>153.56800000000001</c:v>
                </c:pt>
                <c:pt idx="676">
                  <c:v>153.83099999999999</c:v>
                </c:pt>
                <c:pt idx="677">
                  <c:v>154.142</c:v>
                </c:pt>
                <c:pt idx="678">
                  <c:v>154.489</c:v>
                </c:pt>
                <c:pt idx="679">
                  <c:v>154.77000000000001</c:v>
                </c:pt>
                <c:pt idx="680">
                  <c:v>155.09800000000001</c:v>
                </c:pt>
                <c:pt idx="681">
                  <c:v>155.25</c:v>
                </c:pt>
                <c:pt idx="682">
                  <c:v>155.535</c:v>
                </c:pt>
                <c:pt idx="683">
                  <c:v>155.80199999999999</c:v>
                </c:pt>
                <c:pt idx="684">
                  <c:v>156.10499999999999</c:v>
                </c:pt>
                <c:pt idx="685">
                  <c:v>156.43</c:v>
                </c:pt>
                <c:pt idx="686">
                  <c:v>156.75399999999999</c:v>
                </c:pt>
                <c:pt idx="687">
                  <c:v>157.023</c:v>
                </c:pt>
                <c:pt idx="688">
                  <c:v>157.261</c:v>
                </c:pt>
                <c:pt idx="689">
                  <c:v>157.61099999999999</c:v>
                </c:pt>
                <c:pt idx="690">
                  <c:v>157.93100000000001</c:v>
                </c:pt>
                <c:pt idx="691">
                  <c:v>158.33799999999999</c:v>
                </c:pt>
                <c:pt idx="692">
                  <c:v>158.429</c:v>
                </c:pt>
                <c:pt idx="693">
                  <c:v>158.65299999999999</c:v>
                </c:pt>
                <c:pt idx="694">
                  <c:v>159.06899999999999</c:v>
                </c:pt>
                <c:pt idx="695">
                  <c:v>159.376</c:v>
                </c:pt>
                <c:pt idx="696">
                  <c:v>159.72800000000001</c:v>
                </c:pt>
                <c:pt idx="697">
                  <c:v>160.03299999999999</c:v>
                </c:pt>
                <c:pt idx="698">
                  <c:v>160.27099999999999</c:v>
                </c:pt>
                <c:pt idx="699">
                  <c:v>160.44900000000001</c:v>
                </c:pt>
                <c:pt idx="700">
                  <c:v>160.68</c:v>
                </c:pt>
                <c:pt idx="701">
                  <c:v>160.89099999999999</c:v>
                </c:pt>
                <c:pt idx="702">
                  <c:v>161.07900000000001</c:v>
                </c:pt>
                <c:pt idx="703">
                  <c:v>161.45599999999999</c:v>
                </c:pt>
                <c:pt idx="704">
                  <c:v>161.74</c:v>
                </c:pt>
                <c:pt idx="705">
                  <c:v>162.02099999999999</c:v>
                </c:pt>
                <c:pt idx="706">
                  <c:v>162.31399999999999</c:v>
                </c:pt>
                <c:pt idx="707">
                  <c:v>162.60400000000001</c:v>
                </c:pt>
                <c:pt idx="708">
                  <c:v>162.80799999999999</c:v>
                </c:pt>
                <c:pt idx="709">
                  <c:v>163.13300000000001</c:v>
                </c:pt>
                <c:pt idx="710">
                  <c:v>163.398</c:v>
                </c:pt>
                <c:pt idx="711">
                  <c:v>163.73599999999999</c:v>
                </c:pt>
                <c:pt idx="712">
                  <c:v>164.01400000000001</c:v>
                </c:pt>
                <c:pt idx="713">
                  <c:v>164.30199999999999</c:v>
                </c:pt>
                <c:pt idx="714">
                  <c:v>164.57400000000001</c:v>
                </c:pt>
                <c:pt idx="715">
                  <c:v>164.958</c:v>
                </c:pt>
                <c:pt idx="716">
                  <c:v>165.21799999999999</c:v>
                </c:pt>
                <c:pt idx="717">
                  <c:v>165.52600000000001</c:v>
                </c:pt>
                <c:pt idx="718">
                  <c:v>165.90199999999999</c:v>
                </c:pt>
                <c:pt idx="719">
                  <c:v>166.233</c:v>
                </c:pt>
                <c:pt idx="720">
                  <c:v>166.56700000000001</c:v>
                </c:pt>
                <c:pt idx="721">
                  <c:v>166.83199999999999</c:v>
                </c:pt>
                <c:pt idx="722">
                  <c:v>166.99600000000001</c:v>
                </c:pt>
                <c:pt idx="723">
                  <c:v>167.34800000000001</c:v>
                </c:pt>
                <c:pt idx="724">
                  <c:v>167.60599999999999</c:v>
                </c:pt>
                <c:pt idx="725">
                  <c:v>167.857</c:v>
                </c:pt>
                <c:pt idx="726">
                  <c:v>168.07599999999999</c:v>
                </c:pt>
                <c:pt idx="727">
                  <c:v>168.297</c:v>
                </c:pt>
                <c:pt idx="728">
                  <c:v>168.846</c:v>
                </c:pt>
                <c:pt idx="729">
                  <c:v>169.16800000000001</c:v>
                </c:pt>
                <c:pt idx="730">
                  <c:v>169.404</c:v>
                </c:pt>
                <c:pt idx="731">
                  <c:v>169.613</c:v>
                </c:pt>
                <c:pt idx="732">
                  <c:v>169.92699999999999</c:v>
                </c:pt>
                <c:pt idx="733">
                  <c:v>170.239</c:v>
                </c:pt>
                <c:pt idx="734">
                  <c:v>170.554</c:v>
                </c:pt>
                <c:pt idx="735">
                  <c:v>170.84299999999999</c:v>
                </c:pt>
                <c:pt idx="736">
                  <c:v>171.10900000000001</c:v>
                </c:pt>
                <c:pt idx="737">
                  <c:v>171.476</c:v>
                </c:pt>
                <c:pt idx="738">
                  <c:v>171.642</c:v>
                </c:pt>
                <c:pt idx="739">
                  <c:v>171.98699999999999</c:v>
                </c:pt>
                <c:pt idx="740">
                  <c:v>172.28899999999999</c:v>
                </c:pt>
                <c:pt idx="741">
                  <c:v>172.50200000000001</c:v>
                </c:pt>
                <c:pt idx="742">
                  <c:v>172.684</c:v>
                </c:pt>
                <c:pt idx="743">
                  <c:v>173.113</c:v>
                </c:pt>
                <c:pt idx="744">
                  <c:v>173.386</c:v>
                </c:pt>
                <c:pt idx="745">
                  <c:v>173.69800000000001</c:v>
                </c:pt>
                <c:pt idx="746">
                  <c:v>174.09399999999999</c:v>
                </c:pt>
                <c:pt idx="747">
                  <c:v>174.37700000000001</c:v>
                </c:pt>
                <c:pt idx="748">
                  <c:v>174.57900000000001</c:v>
                </c:pt>
                <c:pt idx="749">
                  <c:v>174.91300000000001</c:v>
                </c:pt>
                <c:pt idx="750">
                  <c:v>175.28299999999999</c:v>
                </c:pt>
                <c:pt idx="751">
                  <c:v>175.41499999999999</c:v>
                </c:pt>
                <c:pt idx="752">
                  <c:v>175.74799999999999</c:v>
                </c:pt>
                <c:pt idx="753">
                  <c:v>175.97</c:v>
                </c:pt>
                <c:pt idx="754">
                  <c:v>176.31800000000001</c:v>
                </c:pt>
                <c:pt idx="755">
                  <c:v>176.625</c:v>
                </c:pt>
                <c:pt idx="756">
                  <c:v>176.78399999999999</c:v>
                </c:pt>
                <c:pt idx="757">
                  <c:v>177.11600000000001</c:v>
                </c:pt>
                <c:pt idx="758">
                  <c:v>177.40899999999999</c:v>
                </c:pt>
                <c:pt idx="759">
                  <c:v>177.65600000000001</c:v>
                </c:pt>
                <c:pt idx="760">
                  <c:v>177.89599999999999</c:v>
                </c:pt>
                <c:pt idx="761">
                  <c:v>178.232</c:v>
                </c:pt>
                <c:pt idx="762">
                  <c:v>178.453</c:v>
                </c:pt>
                <c:pt idx="763">
                  <c:v>178.74799999999999</c:v>
                </c:pt>
                <c:pt idx="764">
                  <c:v>178.98400000000001</c:v>
                </c:pt>
                <c:pt idx="765">
                  <c:v>179.273</c:v>
                </c:pt>
                <c:pt idx="766">
                  <c:v>179.56800000000001</c:v>
                </c:pt>
                <c:pt idx="767">
                  <c:v>179.82599999999999</c:v>
                </c:pt>
                <c:pt idx="768">
                  <c:v>180.15700000000001</c:v>
                </c:pt>
                <c:pt idx="769">
                  <c:v>180.387</c:v>
                </c:pt>
                <c:pt idx="770">
                  <c:v>180.744</c:v>
                </c:pt>
                <c:pt idx="771">
                  <c:v>181.07599999999999</c:v>
                </c:pt>
                <c:pt idx="772">
                  <c:v>181.33699999999999</c:v>
                </c:pt>
                <c:pt idx="773">
                  <c:v>181.6</c:v>
                </c:pt>
                <c:pt idx="774">
                  <c:v>181.96299999999999</c:v>
                </c:pt>
                <c:pt idx="775">
                  <c:v>182.18600000000001</c:v>
                </c:pt>
                <c:pt idx="776">
                  <c:v>182.51599999999999</c:v>
                </c:pt>
                <c:pt idx="777">
                  <c:v>182.88</c:v>
                </c:pt>
                <c:pt idx="778">
                  <c:v>183.131</c:v>
                </c:pt>
                <c:pt idx="779">
                  <c:v>183.44300000000001</c:v>
                </c:pt>
                <c:pt idx="780">
                  <c:v>183.77099999999999</c:v>
                </c:pt>
                <c:pt idx="781">
                  <c:v>183.96799999999999</c:v>
                </c:pt>
                <c:pt idx="782">
                  <c:v>184.31299999999999</c:v>
                </c:pt>
                <c:pt idx="783">
                  <c:v>184.607</c:v>
                </c:pt>
                <c:pt idx="784">
                  <c:v>184.77</c:v>
                </c:pt>
                <c:pt idx="785">
                  <c:v>185.12299999999999</c:v>
                </c:pt>
                <c:pt idx="786">
                  <c:v>185.352</c:v>
                </c:pt>
                <c:pt idx="787">
                  <c:v>185.57599999999999</c:v>
                </c:pt>
                <c:pt idx="788">
                  <c:v>185.98500000000001</c:v>
                </c:pt>
                <c:pt idx="789">
                  <c:v>186.572</c:v>
                </c:pt>
                <c:pt idx="790">
                  <c:v>186.77199999999999</c:v>
                </c:pt>
                <c:pt idx="791">
                  <c:v>186.89599999999999</c:v>
                </c:pt>
                <c:pt idx="792">
                  <c:v>187.27799999999999</c:v>
                </c:pt>
                <c:pt idx="793">
                  <c:v>187.49199999999999</c:v>
                </c:pt>
                <c:pt idx="794">
                  <c:v>187.70599999999999</c:v>
                </c:pt>
                <c:pt idx="795">
                  <c:v>187.88800000000001</c:v>
                </c:pt>
                <c:pt idx="796">
                  <c:v>188.185</c:v>
                </c:pt>
                <c:pt idx="797">
                  <c:v>188.58699999999999</c:v>
                </c:pt>
                <c:pt idx="798">
                  <c:v>188.81200000000001</c:v>
                </c:pt>
                <c:pt idx="799">
                  <c:v>189.172</c:v>
                </c:pt>
                <c:pt idx="800">
                  <c:v>189.53800000000001</c:v>
                </c:pt>
                <c:pt idx="801">
                  <c:v>189.887</c:v>
                </c:pt>
                <c:pt idx="802">
                  <c:v>190.11</c:v>
                </c:pt>
                <c:pt idx="803">
                  <c:v>190.32499999999999</c:v>
                </c:pt>
                <c:pt idx="804">
                  <c:v>190.625</c:v>
                </c:pt>
                <c:pt idx="805">
                  <c:v>190.952</c:v>
                </c:pt>
                <c:pt idx="806">
                  <c:v>191.13800000000001</c:v>
                </c:pt>
                <c:pt idx="807">
                  <c:v>191.53800000000001</c:v>
                </c:pt>
                <c:pt idx="808">
                  <c:v>191.75700000000001</c:v>
                </c:pt>
                <c:pt idx="809">
                  <c:v>192.274</c:v>
                </c:pt>
                <c:pt idx="810">
                  <c:v>192.49600000000001</c:v>
                </c:pt>
                <c:pt idx="811">
                  <c:v>192.81399999999999</c:v>
                </c:pt>
                <c:pt idx="812">
                  <c:v>193.018</c:v>
                </c:pt>
                <c:pt idx="813">
                  <c:v>193.36</c:v>
                </c:pt>
                <c:pt idx="814">
                  <c:v>193.71700000000001</c:v>
                </c:pt>
                <c:pt idx="815">
                  <c:v>193.97399999999999</c:v>
                </c:pt>
                <c:pt idx="816">
                  <c:v>194.13399999999999</c:v>
                </c:pt>
                <c:pt idx="817">
                  <c:v>194.26</c:v>
                </c:pt>
                <c:pt idx="818">
                  <c:v>194.59100000000001</c:v>
                </c:pt>
                <c:pt idx="819">
                  <c:v>194.81899999999999</c:v>
                </c:pt>
                <c:pt idx="820">
                  <c:v>195.30099999999999</c:v>
                </c:pt>
                <c:pt idx="821">
                  <c:v>195.57499999999999</c:v>
                </c:pt>
                <c:pt idx="822">
                  <c:v>195.886</c:v>
                </c:pt>
                <c:pt idx="823">
                  <c:v>196.03</c:v>
                </c:pt>
                <c:pt idx="824">
                  <c:v>196.38499999999999</c:v>
                </c:pt>
                <c:pt idx="825">
                  <c:v>196.67400000000001</c:v>
                </c:pt>
                <c:pt idx="826">
                  <c:v>196.90199999999999</c:v>
                </c:pt>
                <c:pt idx="827">
                  <c:v>197.18299999999999</c:v>
                </c:pt>
                <c:pt idx="828">
                  <c:v>197.37299999999999</c:v>
                </c:pt>
                <c:pt idx="829">
                  <c:v>197.71</c:v>
                </c:pt>
                <c:pt idx="830">
                  <c:v>198.029</c:v>
                </c:pt>
                <c:pt idx="831">
                  <c:v>198.25299999999999</c:v>
                </c:pt>
                <c:pt idx="832">
                  <c:v>198.45400000000001</c:v>
                </c:pt>
                <c:pt idx="833">
                  <c:v>198.88</c:v>
                </c:pt>
                <c:pt idx="834">
                  <c:v>199.14599999999999</c:v>
                </c:pt>
                <c:pt idx="835">
                  <c:v>199.44200000000001</c:v>
                </c:pt>
                <c:pt idx="836">
                  <c:v>199.82400000000001</c:v>
                </c:pt>
                <c:pt idx="837">
                  <c:v>200.15199999999999</c:v>
                </c:pt>
                <c:pt idx="838">
                  <c:v>200.369</c:v>
                </c:pt>
                <c:pt idx="839">
                  <c:v>200.589</c:v>
                </c:pt>
                <c:pt idx="840">
                  <c:v>200.80199999999999</c:v>
                </c:pt>
                <c:pt idx="841">
                  <c:v>201.05600000000001</c:v>
                </c:pt>
                <c:pt idx="842">
                  <c:v>201.27</c:v>
                </c:pt>
                <c:pt idx="843">
                  <c:v>201.57</c:v>
                </c:pt>
                <c:pt idx="844">
                  <c:v>201.815</c:v>
                </c:pt>
                <c:pt idx="845">
                  <c:v>202.21199999999999</c:v>
                </c:pt>
                <c:pt idx="846">
                  <c:v>202.52099999999999</c:v>
                </c:pt>
                <c:pt idx="847">
                  <c:v>202.59</c:v>
                </c:pt>
                <c:pt idx="848">
                  <c:v>203.05199999999999</c:v>
                </c:pt>
                <c:pt idx="849">
                  <c:v>203.428</c:v>
                </c:pt>
                <c:pt idx="850">
                  <c:v>203.51499999999999</c:v>
                </c:pt>
                <c:pt idx="851">
                  <c:v>203.61799999999999</c:v>
                </c:pt>
                <c:pt idx="852">
                  <c:v>203.85400000000001</c:v>
                </c:pt>
                <c:pt idx="853">
                  <c:v>204.04300000000001</c:v>
                </c:pt>
                <c:pt idx="854">
                  <c:v>204.358</c:v>
                </c:pt>
                <c:pt idx="855">
                  <c:v>204.636</c:v>
                </c:pt>
                <c:pt idx="856">
                  <c:v>204.857</c:v>
                </c:pt>
                <c:pt idx="857">
                  <c:v>205.13200000000001</c:v>
                </c:pt>
                <c:pt idx="858">
                  <c:v>205.43</c:v>
                </c:pt>
                <c:pt idx="859">
                  <c:v>205.679</c:v>
                </c:pt>
                <c:pt idx="860">
                  <c:v>205.88</c:v>
                </c:pt>
                <c:pt idx="861">
                  <c:v>206.10499999999999</c:v>
                </c:pt>
                <c:pt idx="862">
                  <c:v>206.32499999999999</c:v>
                </c:pt>
                <c:pt idx="863">
                  <c:v>206.47</c:v>
                </c:pt>
                <c:pt idx="864">
                  <c:v>206.863</c:v>
                </c:pt>
                <c:pt idx="865">
                  <c:v>207.251</c:v>
                </c:pt>
                <c:pt idx="866">
                  <c:v>207.43899999999999</c:v>
                </c:pt>
                <c:pt idx="867">
                  <c:v>207.74199999999999</c:v>
                </c:pt>
                <c:pt idx="868">
                  <c:v>208.00299999999999</c:v>
                </c:pt>
                <c:pt idx="869">
                  <c:v>208.167</c:v>
                </c:pt>
                <c:pt idx="870">
                  <c:v>208.41300000000001</c:v>
                </c:pt>
                <c:pt idx="871">
                  <c:v>208.69800000000001</c:v>
                </c:pt>
                <c:pt idx="872">
                  <c:v>208.846</c:v>
                </c:pt>
                <c:pt idx="873">
                  <c:v>209.03299999999999</c:v>
                </c:pt>
                <c:pt idx="874">
                  <c:v>209.27699999999999</c:v>
                </c:pt>
                <c:pt idx="875">
                  <c:v>209.52099999999999</c:v>
                </c:pt>
                <c:pt idx="876">
                  <c:v>209.74600000000001</c:v>
                </c:pt>
                <c:pt idx="877">
                  <c:v>209.95</c:v>
                </c:pt>
                <c:pt idx="878">
                  <c:v>210.173</c:v>
                </c:pt>
                <c:pt idx="879">
                  <c:v>210.512</c:v>
                </c:pt>
                <c:pt idx="880">
                  <c:v>210.721</c:v>
                </c:pt>
                <c:pt idx="881">
                  <c:v>211.066</c:v>
                </c:pt>
                <c:pt idx="882">
                  <c:v>211.33199999999999</c:v>
                </c:pt>
                <c:pt idx="883">
                  <c:v>211.67699999999999</c:v>
                </c:pt>
                <c:pt idx="884">
                  <c:v>211.904</c:v>
                </c:pt>
                <c:pt idx="885">
                  <c:v>212.20099999999999</c:v>
                </c:pt>
                <c:pt idx="886">
                  <c:v>212.55699999999999</c:v>
                </c:pt>
                <c:pt idx="887">
                  <c:v>212.74600000000001</c:v>
                </c:pt>
                <c:pt idx="888">
                  <c:v>212.923</c:v>
                </c:pt>
                <c:pt idx="889">
                  <c:v>213.273</c:v>
                </c:pt>
                <c:pt idx="890">
                  <c:v>213.58500000000001</c:v>
                </c:pt>
                <c:pt idx="891">
                  <c:v>213.816</c:v>
                </c:pt>
                <c:pt idx="892">
                  <c:v>214.37899999999999</c:v>
                </c:pt>
                <c:pt idx="893">
                  <c:v>214.65899999999999</c:v>
                </c:pt>
                <c:pt idx="894">
                  <c:v>214.81299999999999</c:v>
                </c:pt>
                <c:pt idx="895">
                  <c:v>214.971</c:v>
                </c:pt>
                <c:pt idx="896">
                  <c:v>215.191</c:v>
                </c:pt>
                <c:pt idx="897">
                  <c:v>215.54599999999999</c:v>
                </c:pt>
                <c:pt idx="898">
                  <c:v>215.768</c:v>
                </c:pt>
                <c:pt idx="899">
                  <c:v>216.059</c:v>
                </c:pt>
                <c:pt idx="900">
                  <c:v>216.28200000000001</c:v>
                </c:pt>
                <c:pt idx="901">
                  <c:v>216.673</c:v>
                </c:pt>
                <c:pt idx="902">
                  <c:v>216.917</c:v>
                </c:pt>
                <c:pt idx="903">
                  <c:v>217.245</c:v>
                </c:pt>
                <c:pt idx="904">
                  <c:v>217.404</c:v>
                </c:pt>
                <c:pt idx="905">
                  <c:v>217.54</c:v>
                </c:pt>
                <c:pt idx="906">
                  <c:v>217.732</c:v>
                </c:pt>
                <c:pt idx="907">
                  <c:v>217.98500000000001</c:v>
                </c:pt>
                <c:pt idx="908">
                  <c:v>218.374</c:v>
                </c:pt>
                <c:pt idx="909">
                  <c:v>218.67099999999999</c:v>
                </c:pt>
                <c:pt idx="910">
                  <c:v>218.88200000000001</c:v>
                </c:pt>
                <c:pt idx="911">
                  <c:v>219.15</c:v>
                </c:pt>
                <c:pt idx="912">
                  <c:v>219.27699999999999</c:v>
                </c:pt>
                <c:pt idx="913">
                  <c:v>219.55699999999999</c:v>
                </c:pt>
                <c:pt idx="914">
                  <c:v>219.91900000000001</c:v>
                </c:pt>
                <c:pt idx="915">
                  <c:v>220.14599999999999</c:v>
                </c:pt>
                <c:pt idx="916">
                  <c:v>220.417</c:v>
                </c:pt>
                <c:pt idx="917">
                  <c:v>220.61500000000001</c:v>
                </c:pt>
                <c:pt idx="918">
                  <c:v>220.90799999999999</c:v>
                </c:pt>
                <c:pt idx="919">
                  <c:v>221.239</c:v>
                </c:pt>
                <c:pt idx="920">
                  <c:v>221.56700000000001</c:v>
                </c:pt>
                <c:pt idx="921">
                  <c:v>221.827</c:v>
                </c:pt>
                <c:pt idx="922">
                  <c:v>221.99700000000001</c:v>
                </c:pt>
                <c:pt idx="923">
                  <c:v>222.21100000000001</c:v>
                </c:pt>
                <c:pt idx="924">
                  <c:v>222.559</c:v>
                </c:pt>
                <c:pt idx="925">
                  <c:v>222.72900000000001</c:v>
                </c:pt>
                <c:pt idx="926">
                  <c:v>222.947</c:v>
                </c:pt>
                <c:pt idx="927">
                  <c:v>223.291</c:v>
                </c:pt>
                <c:pt idx="928">
                  <c:v>223.404</c:v>
                </c:pt>
                <c:pt idx="929">
                  <c:v>223.61099999999999</c:v>
                </c:pt>
                <c:pt idx="930">
                  <c:v>223.87200000000001</c:v>
                </c:pt>
                <c:pt idx="931">
                  <c:v>224.11600000000001</c:v>
                </c:pt>
                <c:pt idx="932">
                  <c:v>224.279</c:v>
                </c:pt>
                <c:pt idx="933">
                  <c:v>224.50899999999999</c:v>
                </c:pt>
                <c:pt idx="934">
                  <c:v>224.72800000000001</c:v>
                </c:pt>
                <c:pt idx="935">
                  <c:v>224.98699999999999</c:v>
                </c:pt>
                <c:pt idx="936">
                  <c:v>225.239</c:v>
                </c:pt>
                <c:pt idx="937">
                  <c:v>225.524</c:v>
                </c:pt>
                <c:pt idx="938">
                  <c:v>225.71</c:v>
                </c:pt>
                <c:pt idx="939">
                  <c:v>225.958</c:v>
                </c:pt>
                <c:pt idx="940">
                  <c:v>226.208</c:v>
                </c:pt>
                <c:pt idx="941">
                  <c:v>226.45</c:v>
                </c:pt>
                <c:pt idx="942">
                  <c:v>226.69399999999999</c:v>
                </c:pt>
                <c:pt idx="943">
                  <c:v>226.93799999999999</c:v>
                </c:pt>
                <c:pt idx="944">
                  <c:v>227.23</c:v>
                </c:pt>
                <c:pt idx="945">
                  <c:v>227.60499999999999</c:v>
                </c:pt>
                <c:pt idx="946">
                  <c:v>227.863</c:v>
                </c:pt>
                <c:pt idx="947">
                  <c:v>228.14</c:v>
                </c:pt>
                <c:pt idx="948">
                  <c:v>228.35</c:v>
                </c:pt>
                <c:pt idx="949">
                  <c:v>228.68799999999999</c:v>
                </c:pt>
                <c:pt idx="950">
                  <c:v>228.92400000000001</c:v>
                </c:pt>
                <c:pt idx="951">
                  <c:v>229.09100000000001</c:v>
                </c:pt>
                <c:pt idx="952">
                  <c:v>229.44</c:v>
                </c:pt>
                <c:pt idx="953">
                  <c:v>229.78800000000001</c:v>
                </c:pt>
                <c:pt idx="954">
                  <c:v>230.119</c:v>
                </c:pt>
                <c:pt idx="955">
                  <c:v>230.32</c:v>
                </c:pt>
                <c:pt idx="956">
                  <c:v>230.60599999999999</c:v>
                </c:pt>
                <c:pt idx="957">
                  <c:v>230.74600000000001</c:v>
                </c:pt>
                <c:pt idx="958">
                  <c:v>230.98500000000001</c:v>
                </c:pt>
                <c:pt idx="959">
                  <c:v>231.399</c:v>
                </c:pt>
                <c:pt idx="960">
                  <c:v>231.66399999999999</c:v>
                </c:pt>
                <c:pt idx="961">
                  <c:v>231.90299999999999</c:v>
                </c:pt>
                <c:pt idx="962">
                  <c:v>232.06200000000001</c:v>
                </c:pt>
                <c:pt idx="963">
                  <c:v>232.33199999999999</c:v>
                </c:pt>
                <c:pt idx="964">
                  <c:v>232.62700000000001</c:v>
                </c:pt>
                <c:pt idx="965">
                  <c:v>232.898</c:v>
                </c:pt>
                <c:pt idx="966">
                  <c:v>233.09700000000001</c:v>
                </c:pt>
                <c:pt idx="967">
                  <c:v>233.40600000000001</c:v>
                </c:pt>
                <c:pt idx="968">
                  <c:v>233.72900000000001</c:v>
                </c:pt>
                <c:pt idx="969">
                  <c:v>233.92500000000001</c:v>
                </c:pt>
                <c:pt idx="970">
                  <c:v>234.23099999999999</c:v>
                </c:pt>
                <c:pt idx="971">
                  <c:v>234.51</c:v>
                </c:pt>
                <c:pt idx="972">
                  <c:v>234.80099999999999</c:v>
                </c:pt>
                <c:pt idx="973">
                  <c:v>235.11199999999999</c:v>
                </c:pt>
                <c:pt idx="974">
                  <c:v>235.333</c:v>
                </c:pt>
                <c:pt idx="975">
                  <c:v>235.577</c:v>
                </c:pt>
                <c:pt idx="976">
                  <c:v>235.821</c:v>
                </c:pt>
                <c:pt idx="977">
                  <c:v>236.15199999999999</c:v>
                </c:pt>
                <c:pt idx="978">
                  <c:v>236.46799999999999</c:v>
                </c:pt>
                <c:pt idx="979">
                  <c:v>236.67500000000001</c:v>
                </c:pt>
                <c:pt idx="980">
                  <c:v>236.93</c:v>
                </c:pt>
                <c:pt idx="981">
                  <c:v>237.19499999999999</c:v>
                </c:pt>
                <c:pt idx="982">
                  <c:v>237.38</c:v>
                </c:pt>
                <c:pt idx="983">
                  <c:v>237.65</c:v>
                </c:pt>
                <c:pt idx="984">
                  <c:v>237.88399999999999</c:v>
                </c:pt>
                <c:pt idx="985">
                  <c:v>238.042</c:v>
                </c:pt>
                <c:pt idx="986">
                  <c:v>238.24</c:v>
                </c:pt>
                <c:pt idx="987">
                  <c:v>238.495</c:v>
                </c:pt>
                <c:pt idx="988">
                  <c:v>238.74299999999999</c:v>
                </c:pt>
                <c:pt idx="989">
                  <c:v>238.947</c:v>
                </c:pt>
                <c:pt idx="990">
                  <c:v>239.14699999999999</c:v>
                </c:pt>
                <c:pt idx="991">
                  <c:v>239.53700000000001</c:v>
                </c:pt>
                <c:pt idx="992">
                  <c:v>239.81299999999999</c:v>
                </c:pt>
                <c:pt idx="993">
                  <c:v>240.04400000000001</c:v>
                </c:pt>
                <c:pt idx="994">
                  <c:v>240.36</c:v>
                </c:pt>
                <c:pt idx="995">
                  <c:v>240.53100000000001</c:v>
                </c:pt>
                <c:pt idx="996">
                  <c:v>240.74799999999999</c:v>
                </c:pt>
                <c:pt idx="997">
                  <c:v>241.03800000000001</c:v>
                </c:pt>
                <c:pt idx="998">
                  <c:v>241.30600000000001</c:v>
                </c:pt>
                <c:pt idx="999">
                  <c:v>241.62700000000001</c:v>
                </c:pt>
                <c:pt idx="1000">
                  <c:v>241.93799999999999</c:v>
                </c:pt>
                <c:pt idx="1001">
                  <c:v>242.19200000000001</c:v>
                </c:pt>
                <c:pt idx="1002">
                  <c:v>242.57300000000001</c:v>
                </c:pt>
                <c:pt idx="1003">
                  <c:v>242.93899999999999</c:v>
                </c:pt>
                <c:pt idx="1004">
                  <c:v>243.07</c:v>
                </c:pt>
                <c:pt idx="1005">
                  <c:v>243.11799999999999</c:v>
                </c:pt>
                <c:pt idx="1006">
                  <c:v>243.41499999999999</c:v>
                </c:pt>
                <c:pt idx="1007">
                  <c:v>243.81899999999999</c:v>
                </c:pt>
                <c:pt idx="1008">
                  <c:v>244.20099999999999</c:v>
                </c:pt>
                <c:pt idx="1009">
                  <c:v>244.315</c:v>
                </c:pt>
                <c:pt idx="1010">
                  <c:v>244.72800000000001</c:v>
                </c:pt>
                <c:pt idx="1011">
                  <c:v>244.941</c:v>
                </c:pt>
                <c:pt idx="1012">
                  <c:v>245.16</c:v>
                </c:pt>
                <c:pt idx="1013">
                  <c:v>245.36</c:v>
                </c:pt>
                <c:pt idx="1014">
                  <c:v>245.58600000000001</c:v>
                </c:pt>
                <c:pt idx="1015">
                  <c:v>245.929</c:v>
                </c:pt>
                <c:pt idx="1016">
                  <c:v>245.99600000000001</c:v>
                </c:pt>
                <c:pt idx="1017">
                  <c:v>246.28</c:v>
                </c:pt>
                <c:pt idx="1018">
                  <c:v>246.459</c:v>
                </c:pt>
                <c:pt idx="1019">
                  <c:v>246.76</c:v>
                </c:pt>
                <c:pt idx="1020">
                  <c:v>247.21100000000001</c:v>
                </c:pt>
                <c:pt idx="1021">
                  <c:v>247.50299999999999</c:v>
                </c:pt>
                <c:pt idx="1022">
                  <c:v>247.71899999999999</c:v>
                </c:pt>
                <c:pt idx="1023">
                  <c:v>248.06</c:v>
                </c:pt>
                <c:pt idx="1024">
                  <c:v>248.315</c:v>
                </c:pt>
                <c:pt idx="1025">
                  <c:v>248.523</c:v>
                </c:pt>
                <c:pt idx="1026">
                  <c:v>248.73</c:v>
                </c:pt>
                <c:pt idx="1027">
                  <c:v>248.94200000000001</c:v>
                </c:pt>
                <c:pt idx="1028">
                  <c:v>249.24</c:v>
                </c:pt>
                <c:pt idx="1029">
                  <c:v>249.512</c:v>
                </c:pt>
                <c:pt idx="1030">
                  <c:v>249.77500000000001</c:v>
                </c:pt>
                <c:pt idx="1031">
                  <c:v>250.036</c:v>
                </c:pt>
                <c:pt idx="1032">
                  <c:v>250.29</c:v>
                </c:pt>
                <c:pt idx="1033">
                  <c:v>250.619</c:v>
                </c:pt>
                <c:pt idx="1034">
                  <c:v>250.87799999999999</c:v>
                </c:pt>
                <c:pt idx="1035">
                  <c:v>251.21100000000001</c:v>
                </c:pt>
                <c:pt idx="1036">
                  <c:v>251.37299999999999</c:v>
                </c:pt>
                <c:pt idx="1037">
                  <c:v>251.38399999999999</c:v>
                </c:pt>
                <c:pt idx="1038">
                  <c:v>251.61699999999999</c:v>
                </c:pt>
                <c:pt idx="1039">
                  <c:v>251.916</c:v>
                </c:pt>
                <c:pt idx="1040">
                  <c:v>252.203</c:v>
                </c:pt>
                <c:pt idx="1041">
                  <c:v>252.46199999999999</c:v>
                </c:pt>
                <c:pt idx="1042">
                  <c:v>252.68600000000001</c:v>
                </c:pt>
                <c:pt idx="1043">
                  <c:v>252.90899999999999</c:v>
                </c:pt>
                <c:pt idx="1044">
                  <c:v>253.19300000000001</c:v>
                </c:pt>
                <c:pt idx="1045">
                  <c:v>253.39</c:v>
                </c:pt>
                <c:pt idx="1046">
                  <c:v>253.715</c:v>
                </c:pt>
                <c:pt idx="1047">
                  <c:v>253.94399999999999</c:v>
                </c:pt>
                <c:pt idx="1048">
                  <c:v>254.16800000000001</c:v>
                </c:pt>
                <c:pt idx="1049">
                  <c:v>254.334</c:v>
                </c:pt>
                <c:pt idx="1050">
                  <c:v>254.68799999999999</c:v>
                </c:pt>
                <c:pt idx="1051">
                  <c:v>255.01300000000001</c:v>
                </c:pt>
                <c:pt idx="1052">
                  <c:v>255.31200000000001</c:v>
                </c:pt>
                <c:pt idx="1053">
                  <c:v>255.61600000000001</c:v>
                </c:pt>
                <c:pt idx="1054">
                  <c:v>255.87799999999999</c:v>
                </c:pt>
                <c:pt idx="1055">
                  <c:v>256.22399999999999</c:v>
                </c:pt>
                <c:pt idx="1056">
                  <c:v>256.39100000000002</c:v>
                </c:pt>
                <c:pt idx="1057">
                  <c:v>256.52300000000002</c:v>
                </c:pt>
                <c:pt idx="1058">
                  <c:v>256.79700000000003</c:v>
                </c:pt>
                <c:pt idx="1059">
                  <c:v>257.01600000000002</c:v>
                </c:pt>
                <c:pt idx="1060">
                  <c:v>257.43</c:v>
                </c:pt>
                <c:pt idx="1061">
                  <c:v>257.64299999999997</c:v>
                </c:pt>
                <c:pt idx="1062">
                  <c:v>257.988</c:v>
                </c:pt>
                <c:pt idx="1063">
                  <c:v>258.21300000000002</c:v>
                </c:pt>
                <c:pt idx="1064">
                  <c:v>258.49700000000001</c:v>
                </c:pt>
                <c:pt idx="1065">
                  <c:v>258.88900000000001</c:v>
                </c:pt>
                <c:pt idx="1066">
                  <c:v>259.03399999999999</c:v>
                </c:pt>
                <c:pt idx="1067">
                  <c:v>259.24900000000002</c:v>
                </c:pt>
                <c:pt idx="1068">
                  <c:v>259.49799999999999</c:v>
                </c:pt>
                <c:pt idx="1069">
                  <c:v>259.58100000000002</c:v>
                </c:pt>
                <c:pt idx="1070">
                  <c:v>259.678</c:v>
                </c:pt>
                <c:pt idx="1071">
                  <c:v>259.97699999999998</c:v>
                </c:pt>
                <c:pt idx="1072">
                  <c:v>260.30099999999999</c:v>
                </c:pt>
                <c:pt idx="1073">
                  <c:v>260.59399999999999</c:v>
                </c:pt>
                <c:pt idx="1074">
                  <c:v>260.88400000000001</c:v>
                </c:pt>
                <c:pt idx="1075">
                  <c:v>261.08800000000002</c:v>
                </c:pt>
                <c:pt idx="1076">
                  <c:v>261.52199999999999</c:v>
                </c:pt>
                <c:pt idx="1077">
                  <c:v>261.76600000000002</c:v>
                </c:pt>
                <c:pt idx="1078">
                  <c:v>262.142</c:v>
                </c:pt>
                <c:pt idx="1079">
                  <c:v>262.19600000000003</c:v>
                </c:pt>
                <c:pt idx="1080">
                  <c:v>262.24700000000001</c:v>
                </c:pt>
                <c:pt idx="1081">
                  <c:v>262.59399999999999</c:v>
                </c:pt>
                <c:pt idx="1082">
                  <c:v>262.80799999999999</c:v>
                </c:pt>
                <c:pt idx="1083">
                  <c:v>263.07100000000003</c:v>
                </c:pt>
                <c:pt idx="1084">
                  <c:v>263.43900000000002</c:v>
                </c:pt>
                <c:pt idx="1085">
                  <c:v>263.70800000000003</c:v>
                </c:pt>
                <c:pt idx="1086">
                  <c:v>263.98899999999998</c:v>
                </c:pt>
                <c:pt idx="1087">
                  <c:v>264.26400000000001</c:v>
                </c:pt>
                <c:pt idx="1088">
                  <c:v>264.53199999999998</c:v>
                </c:pt>
                <c:pt idx="1089">
                  <c:v>264.74099999999999</c:v>
                </c:pt>
                <c:pt idx="1090">
                  <c:v>264.92</c:v>
                </c:pt>
                <c:pt idx="1091">
                  <c:v>265.202</c:v>
                </c:pt>
                <c:pt idx="1092">
                  <c:v>265.29599999999999</c:v>
                </c:pt>
                <c:pt idx="1093">
                  <c:v>265.45400000000001</c:v>
                </c:pt>
                <c:pt idx="1094">
                  <c:v>265.78800000000001</c:v>
                </c:pt>
                <c:pt idx="1095">
                  <c:v>265.99799999999999</c:v>
                </c:pt>
                <c:pt idx="1096">
                  <c:v>266.24900000000002</c:v>
                </c:pt>
                <c:pt idx="1097">
                  <c:v>266.56900000000002</c:v>
                </c:pt>
                <c:pt idx="1098">
                  <c:v>266.85199999999998</c:v>
                </c:pt>
                <c:pt idx="1099">
                  <c:v>267.10399999999998</c:v>
                </c:pt>
                <c:pt idx="1100">
                  <c:v>267.28100000000001</c:v>
                </c:pt>
                <c:pt idx="1101">
                  <c:v>267.54599999999999</c:v>
                </c:pt>
                <c:pt idx="1102">
                  <c:v>267.767</c:v>
                </c:pt>
                <c:pt idx="1103">
                  <c:v>268.09899999999999</c:v>
                </c:pt>
                <c:pt idx="1104">
                  <c:v>268.38400000000001</c:v>
                </c:pt>
                <c:pt idx="1105">
                  <c:v>268.49200000000002</c:v>
                </c:pt>
                <c:pt idx="1106">
                  <c:v>268.85700000000003</c:v>
                </c:pt>
                <c:pt idx="1107">
                  <c:v>269.19</c:v>
                </c:pt>
                <c:pt idx="1108">
                  <c:v>269.53500000000003</c:v>
                </c:pt>
                <c:pt idx="1109">
                  <c:v>269.70800000000003</c:v>
                </c:pt>
                <c:pt idx="1110">
                  <c:v>269.92200000000003</c:v>
                </c:pt>
                <c:pt idx="1111">
                  <c:v>270.22800000000001</c:v>
                </c:pt>
                <c:pt idx="1112">
                  <c:v>270.52300000000002</c:v>
                </c:pt>
                <c:pt idx="1113">
                  <c:v>270.66899999999998</c:v>
                </c:pt>
                <c:pt idx="1114">
                  <c:v>270.95100000000002</c:v>
                </c:pt>
                <c:pt idx="1115">
                  <c:v>271.34300000000002</c:v>
                </c:pt>
                <c:pt idx="1116">
                  <c:v>271.65100000000001</c:v>
                </c:pt>
                <c:pt idx="1117">
                  <c:v>271.92599999999999</c:v>
                </c:pt>
                <c:pt idx="1118">
                  <c:v>272.21100000000001</c:v>
                </c:pt>
                <c:pt idx="1119">
                  <c:v>272.30599999999998</c:v>
                </c:pt>
                <c:pt idx="1120">
                  <c:v>272.52999999999997</c:v>
                </c:pt>
                <c:pt idx="1121">
                  <c:v>272.85500000000002</c:v>
                </c:pt>
                <c:pt idx="1122">
                  <c:v>273.19</c:v>
                </c:pt>
                <c:pt idx="1123">
                  <c:v>273.49599999999998</c:v>
                </c:pt>
                <c:pt idx="1124">
                  <c:v>273.7</c:v>
                </c:pt>
                <c:pt idx="1125">
                  <c:v>273.935</c:v>
                </c:pt>
                <c:pt idx="1126">
                  <c:v>274.16899999999998</c:v>
                </c:pt>
                <c:pt idx="1127">
                  <c:v>274.27699999999999</c:v>
                </c:pt>
                <c:pt idx="1128">
                  <c:v>274.661</c:v>
                </c:pt>
                <c:pt idx="1129">
                  <c:v>274.91000000000003</c:v>
                </c:pt>
                <c:pt idx="1130">
                  <c:v>275.351</c:v>
                </c:pt>
                <c:pt idx="1131">
                  <c:v>275.64100000000002</c:v>
                </c:pt>
                <c:pt idx="1132">
                  <c:v>276.02600000000001</c:v>
                </c:pt>
                <c:pt idx="1133">
                  <c:v>276.16899999999998</c:v>
                </c:pt>
                <c:pt idx="1134">
                  <c:v>276.39999999999998</c:v>
                </c:pt>
                <c:pt idx="1135">
                  <c:v>276.55700000000002</c:v>
                </c:pt>
                <c:pt idx="1136">
                  <c:v>276.899</c:v>
                </c:pt>
                <c:pt idx="1137">
                  <c:v>277.209</c:v>
                </c:pt>
                <c:pt idx="1138">
                  <c:v>277.26600000000002</c:v>
                </c:pt>
                <c:pt idx="1139">
                  <c:v>277.57499999999999</c:v>
                </c:pt>
                <c:pt idx="1140">
                  <c:v>277.93400000000003</c:v>
                </c:pt>
                <c:pt idx="1141">
                  <c:v>278.12700000000001</c:v>
                </c:pt>
                <c:pt idx="1142">
                  <c:v>278.33699999999999</c:v>
                </c:pt>
                <c:pt idx="1143">
                  <c:v>278.61599999999999</c:v>
                </c:pt>
                <c:pt idx="1144">
                  <c:v>279.02800000000002</c:v>
                </c:pt>
                <c:pt idx="1145">
                  <c:v>279.13200000000001</c:v>
                </c:pt>
                <c:pt idx="1146">
                  <c:v>279.13</c:v>
                </c:pt>
                <c:pt idx="1147">
                  <c:v>279.38799999999998</c:v>
                </c:pt>
                <c:pt idx="1148">
                  <c:v>279.69400000000002</c:v>
                </c:pt>
                <c:pt idx="1149">
                  <c:v>280.12400000000002</c:v>
                </c:pt>
                <c:pt idx="1150">
                  <c:v>280.51799999999997</c:v>
                </c:pt>
                <c:pt idx="1151">
                  <c:v>280.798</c:v>
                </c:pt>
                <c:pt idx="1152">
                  <c:v>280.89</c:v>
                </c:pt>
                <c:pt idx="1153">
                  <c:v>281.19600000000003</c:v>
                </c:pt>
                <c:pt idx="1154">
                  <c:v>281.60199999999998</c:v>
                </c:pt>
                <c:pt idx="1155">
                  <c:v>281.834</c:v>
                </c:pt>
                <c:pt idx="1156">
                  <c:v>282.072</c:v>
                </c:pt>
                <c:pt idx="1157">
                  <c:v>282.27999999999997</c:v>
                </c:pt>
                <c:pt idx="1158">
                  <c:v>282.41399999999999</c:v>
                </c:pt>
                <c:pt idx="1159">
                  <c:v>282.767</c:v>
                </c:pt>
                <c:pt idx="1160">
                  <c:v>283.28100000000001</c:v>
                </c:pt>
                <c:pt idx="1161">
                  <c:v>283.61399999999998</c:v>
                </c:pt>
                <c:pt idx="1162">
                  <c:v>283.608</c:v>
                </c:pt>
                <c:pt idx="1163">
                  <c:v>284.32900000000001</c:v>
                </c:pt>
                <c:pt idx="1164">
                  <c:v>284.45499999999998</c:v>
                </c:pt>
                <c:pt idx="1165">
                  <c:v>284.61399999999998</c:v>
                </c:pt>
                <c:pt idx="1166">
                  <c:v>284.78500000000003</c:v>
                </c:pt>
                <c:pt idx="1167">
                  <c:v>284.80099999999999</c:v>
                </c:pt>
                <c:pt idx="1168">
                  <c:v>284.911</c:v>
                </c:pt>
                <c:pt idx="1169">
                  <c:v>285.17099999999999</c:v>
                </c:pt>
                <c:pt idx="1170">
                  <c:v>285.92899999999997</c:v>
                </c:pt>
                <c:pt idx="1171">
                  <c:v>286.33600000000001</c:v>
                </c:pt>
                <c:pt idx="1172">
                  <c:v>286.39499999999998</c:v>
                </c:pt>
                <c:pt idx="1173">
                  <c:v>286.5</c:v>
                </c:pt>
                <c:pt idx="1174">
                  <c:v>286.40800000000002</c:v>
                </c:pt>
                <c:pt idx="1175">
                  <c:v>286.73500000000001</c:v>
                </c:pt>
                <c:pt idx="1176">
                  <c:v>287.09300000000002</c:v>
                </c:pt>
                <c:pt idx="1177">
                  <c:v>287.25</c:v>
                </c:pt>
                <c:pt idx="1178">
                  <c:v>287.613</c:v>
                </c:pt>
                <c:pt idx="1179">
                  <c:v>287.68400000000003</c:v>
                </c:pt>
                <c:pt idx="1180">
                  <c:v>287.84899999999999</c:v>
                </c:pt>
                <c:pt idx="1181">
                  <c:v>288.06</c:v>
                </c:pt>
                <c:pt idx="1182">
                  <c:v>288.37299999999999</c:v>
                </c:pt>
                <c:pt idx="1183">
                  <c:v>288.7</c:v>
                </c:pt>
                <c:pt idx="1184">
                  <c:v>288.96300000000002</c:v>
                </c:pt>
                <c:pt idx="1185">
                  <c:v>289.13900000000001</c:v>
                </c:pt>
                <c:pt idx="1186">
                  <c:v>289.36099999999999</c:v>
                </c:pt>
                <c:pt idx="1187">
                  <c:v>289.49700000000001</c:v>
                </c:pt>
                <c:pt idx="1188">
                  <c:v>289.84500000000003</c:v>
                </c:pt>
                <c:pt idx="1189">
                  <c:v>290.31299999999999</c:v>
                </c:pt>
                <c:pt idx="1190">
                  <c:v>290.57100000000003</c:v>
                </c:pt>
                <c:pt idx="1191">
                  <c:v>290.63499999999999</c:v>
                </c:pt>
                <c:pt idx="1192">
                  <c:v>291.02300000000002</c:v>
                </c:pt>
                <c:pt idx="1193">
                  <c:v>291.21499999999997</c:v>
                </c:pt>
                <c:pt idx="1194">
                  <c:v>291.49299999999999</c:v>
                </c:pt>
                <c:pt idx="1195">
                  <c:v>291.55099999999999</c:v>
                </c:pt>
                <c:pt idx="1196">
                  <c:v>291.85000000000002</c:v>
                </c:pt>
                <c:pt idx="1197">
                  <c:v>292.06599999999997</c:v>
                </c:pt>
                <c:pt idx="1198">
                  <c:v>292.25700000000001</c:v>
                </c:pt>
                <c:pt idx="1199">
                  <c:v>292.262</c:v>
                </c:pt>
                <c:pt idx="1200">
                  <c:v>292.60399999999998</c:v>
                </c:pt>
                <c:pt idx="1201">
                  <c:v>292.827</c:v>
                </c:pt>
                <c:pt idx="1202">
                  <c:v>293.03199999999998</c:v>
                </c:pt>
                <c:pt idx="1203">
                  <c:v>293.35399999999998</c:v>
                </c:pt>
                <c:pt idx="1204">
                  <c:v>293.67700000000002</c:v>
                </c:pt>
                <c:pt idx="1205">
                  <c:v>293.928</c:v>
                </c:pt>
                <c:pt idx="1206">
                  <c:v>294.06700000000001</c:v>
                </c:pt>
                <c:pt idx="1207">
                  <c:v>294.44</c:v>
                </c:pt>
                <c:pt idx="1208">
                  <c:v>294.67500000000001</c:v>
                </c:pt>
                <c:pt idx="1209">
                  <c:v>294.81200000000001</c:v>
                </c:pt>
                <c:pt idx="1210">
                  <c:v>295.18900000000002</c:v>
                </c:pt>
                <c:pt idx="1211">
                  <c:v>295.63400000000001</c:v>
                </c:pt>
                <c:pt idx="1212">
                  <c:v>295.93799999999999</c:v>
                </c:pt>
                <c:pt idx="1213">
                  <c:v>295.99099999999999</c:v>
                </c:pt>
                <c:pt idx="1214">
                  <c:v>296.26900000000001</c:v>
                </c:pt>
                <c:pt idx="1215">
                  <c:v>296.49700000000001</c:v>
                </c:pt>
                <c:pt idx="1216">
                  <c:v>297.03699999999998</c:v>
                </c:pt>
                <c:pt idx="1217">
                  <c:v>297.33800000000002</c:v>
                </c:pt>
                <c:pt idx="1218">
                  <c:v>297.97199999999998</c:v>
                </c:pt>
                <c:pt idx="1219">
                  <c:v>298.42099999999999</c:v>
                </c:pt>
                <c:pt idx="1220">
                  <c:v>298.73500000000001</c:v>
                </c:pt>
                <c:pt idx="1221">
                  <c:v>298.62</c:v>
                </c:pt>
                <c:pt idx="1222">
                  <c:v>298.61099999999999</c:v>
                </c:pt>
                <c:pt idx="1223">
                  <c:v>299.06099999999998</c:v>
                </c:pt>
                <c:pt idx="1224">
                  <c:v>299.23099999999999</c:v>
                </c:pt>
                <c:pt idx="1225">
                  <c:v>299.32600000000002</c:v>
                </c:pt>
                <c:pt idx="1226">
                  <c:v>299.63900000000001</c:v>
                </c:pt>
                <c:pt idx="1227">
                  <c:v>300.20800000000003</c:v>
                </c:pt>
                <c:pt idx="1228">
                  <c:v>300.23500000000001</c:v>
                </c:pt>
                <c:pt idx="1229">
                  <c:v>300.37</c:v>
                </c:pt>
                <c:pt idx="1230">
                  <c:v>300.52300000000002</c:v>
                </c:pt>
                <c:pt idx="1231">
                  <c:v>300.66800000000001</c:v>
                </c:pt>
                <c:pt idx="1232">
                  <c:v>300.68099999999998</c:v>
                </c:pt>
                <c:pt idx="1233">
                  <c:v>300.83</c:v>
                </c:pt>
                <c:pt idx="1234">
                  <c:v>301.13600000000002</c:v>
                </c:pt>
                <c:pt idx="1235">
                  <c:v>301.40100000000001</c:v>
                </c:pt>
                <c:pt idx="1236">
                  <c:v>301.72399999999999</c:v>
                </c:pt>
                <c:pt idx="1237">
                  <c:v>301.89999999999998</c:v>
                </c:pt>
                <c:pt idx="1238">
                  <c:v>302.02800000000002</c:v>
                </c:pt>
                <c:pt idx="1239">
                  <c:v>302.35599999999999</c:v>
                </c:pt>
                <c:pt idx="1240">
                  <c:v>302.67200000000003</c:v>
                </c:pt>
                <c:pt idx="1241">
                  <c:v>302.82100000000003</c:v>
                </c:pt>
                <c:pt idx="1242">
                  <c:v>303.05599999999998</c:v>
                </c:pt>
                <c:pt idx="1243">
                  <c:v>303.27999999999997</c:v>
                </c:pt>
                <c:pt idx="1244">
                  <c:v>303.33499999999998</c:v>
                </c:pt>
                <c:pt idx="1245">
                  <c:v>303.63200000000001</c:v>
                </c:pt>
                <c:pt idx="1246">
                  <c:v>303.99900000000002</c:v>
                </c:pt>
                <c:pt idx="1247">
                  <c:v>304.411</c:v>
                </c:pt>
                <c:pt idx="1248">
                  <c:v>304.637</c:v>
                </c:pt>
                <c:pt idx="1249">
                  <c:v>304.86799999999999</c:v>
                </c:pt>
                <c:pt idx="1250">
                  <c:v>305.05399999999997</c:v>
                </c:pt>
                <c:pt idx="1251">
                  <c:v>305.42700000000002</c:v>
                </c:pt>
                <c:pt idx="1252">
                  <c:v>305.43299999999999</c:v>
                </c:pt>
                <c:pt idx="1253">
                  <c:v>305.654</c:v>
                </c:pt>
                <c:pt idx="1254">
                  <c:v>305.85899999999998</c:v>
                </c:pt>
                <c:pt idx="1255">
                  <c:v>306.18200000000002</c:v>
                </c:pt>
                <c:pt idx="1256">
                  <c:v>306.39400000000001</c:v>
                </c:pt>
                <c:pt idx="1257">
                  <c:v>306.63499999999999</c:v>
                </c:pt>
                <c:pt idx="1258">
                  <c:v>306.88</c:v>
                </c:pt>
                <c:pt idx="1259">
                  <c:v>307.09699999999998</c:v>
                </c:pt>
                <c:pt idx="1260">
                  <c:v>307.34399999999999</c:v>
                </c:pt>
                <c:pt idx="1261">
                  <c:v>307.69200000000001</c:v>
                </c:pt>
                <c:pt idx="1262">
                  <c:v>308.017</c:v>
                </c:pt>
                <c:pt idx="1263">
                  <c:v>308.274</c:v>
                </c:pt>
                <c:pt idx="1264">
                  <c:v>308.59699999999998</c:v>
                </c:pt>
                <c:pt idx="1265">
                  <c:v>308.87599999999998</c:v>
                </c:pt>
                <c:pt idx="1266">
                  <c:v>309.18299999999999</c:v>
                </c:pt>
                <c:pt idx="1267">
                  <c:v>309.37400000000002</c:v>
                </c:pt>
                <c:pt idx="1268">
                  <c:v>309.63499999999999</c:v>
                </c:pt>
                <c:pt idx="1269">
                  <c:v>309.803</c:v>
                </c:pt>
                <c:pt idx="1270">
                  <c:v>310.06</c:v>
                </c:pt>
                <c:pt idx="1271">
                  <c:v>310.12599999999998</c:v>
                </c:pt>
                <c:pt idx="1272">
                  <c:v>310.56</c:v>
                </c:pt>
                <c:pt idx="1273">
                  <c:v>310.99700000000001</c:v>
                </c:pt>
                <c:pt idx="1274">
                  <c:v>311.654</c:v>
                </c:pt>
                <c:pt idx="1275">
                  <c:v>311.928</c:v>
                </c:pt>
                <c:pt idx="1276">
                  <c:v>312.30900000000003</c:v>
                </c:pt>
                <c:pt idx="1277">
                  <c:v>312.87900000000002</c:v>
                </c:pt>
                <c:pt idx="1278">
                  <c:v>313.00700000000001</c:v>
                </c:pt>
                <c:pt idx="1279">
                  <c:v>313.50299999999999</c:v>
                </c:pt>
                <c:pt idx="1280">
                  <c:v>313.71699999999998</c:v>
                </c:pt>
                <c:pt idx="1281">
                  <c:v>313.82799999999997</c:v>
                </c:pt>
                <c:pt idx="1282">
                  <c:v>313.72300000000001</c:v>
                </c:pt>
                <c:pt idx="1283">
                  <c:v>313.90800000000002</c:v>
                </c:pt>
                <c:pt idx="1284">
                  <c:v>314.33300000000003</c:v>
                </c:pt>
                <c:pt idx="1285">
                  <c:v>314.57299999999998</c:v>
                </c:pt>
                <c:pt idx="1286">
                  <c:v>314.995</c:v>
                </c:pt>
                <c:pt idx="1287">
                  <c:v>315.08800000000002</c:v>
                </c:pt>
                <c:pt idx="1288">
                  <c:v>315.05399999999997</c:v>
                </c:pt>
                <c:pt idx="1289">
                  <c:v>315.41800000000001</c:v>
                </c:pt>
                <c:pt idx="1290">
                  <c:v>315.39299999999997</c:v>
                </c:pt>
                <c:pt idx="1291">
                  <c:v>315.84199999999998</c:v>
                </c:pt>
                <c:pt idx="1292">
                  <c:v>315.87599999999998</c:v>
                </c:pt>
                <c:pt idx="1293">
                  <c:v>316.45499999999998</c:v>
                </c:pt>
                <c:pt idx="1294">
                  <c:v>316.92500000000001</c:v>
                </c:pt>
                <c:pt idx="1295">
                  <c:v>316.82600000000002</c:v>
                </c:pt>
                <c:pt idx="1296">
                  <c:v>316.71199999999999</c:v>
                </c:pt>
                <c:pt idx="1297">
                  <c:v>316.86200000000002</c:v>
                </c:pt>
                <c:pt idx="1298">
                  <c:v>317.113</c:v>
                </c:pt>
                <c:pt idx="1299">
                  <c:v>317.44799999999998</c:v>
                </c:pt>
                <c:pt idx="1300">
                  <c:v>317.62400000000002</c:v>
                </c:pt>
                <c:pt idx="1301">
                  <c:v>317.86099999999999</c:v>
                </c:pt>
                <c:pt idx="1302">
                  <c:v>318.351</c:v>
                </c:pt>
                <c:pt idx="1303">
                  <c:v>318.70600000000002</c:v>
                </c:pt>
                <c:pt idx="1304">
                  <c:v>318.80900000000003</c:v>
                </c:pt>
                <c:pt idx="1305">
                  <c:v>319</c:v>
                </c:pt>
                <c:pt idx="1306">
                  <c:v>319.06400000000002</c:v>
                </c:pt>
                <c:pt idx="1307">
                  <c:v>319.19499999999999</c:v>
                </c:pt>
                <c:pt idx="1308">
                  <c:v>319.29899999999998</c:v>
                </c:pt>
                <c:pt idx="1309">
                  <c:v>319.54199999999997</c:v>
                </c:pt>
                <c:pt idx="1310">
                  <c:v>319.76499999999999</c:v>
                </c:pt>
                <c:pt idx="1311">
                  <c:v>320.012</c:v>
                </c:pt>
                <c:pt idx="1312">
                  <c:v>320.31700000000001</c:v>
                </c:pt>
                <c:pt idx="1313">
                  <c:v>320.66399999999999</c:v>
                </c:pt>
                <c:pt idx="1314">
                  <c:v>320.86</c:v>
                </c:pt>
                <c:pt idx="1315">
                  <c:v>321.202</c:v>
                </c:pt>
                <c:pt idx="1316">
                  <c:v>321.46699999999998</c:v>
                </c:pt>
                <c:pt idx="1317">
                  <c:v>321.81599999999997</c:v>
                </c:pt>
                <c:pt idx="1318">
                  <c:v>321.94</c:v>
                </c:pt>
                <c:pt idx="1319">
                  <c:v>322.26</c:v>
                </c:pt>
                <c:pt idx="1320">
                  <c:v>322.548</c:v>
                </c:pt>
                <c:pt idx="1321">
                  <c:v>322.733</c:v>
                </c:pt>
                <c:pt idx="1322">
                  <c:v>322.84300000000002</c:v>
                </c:pt>
                <c:pt idx="1323">
                  <c:v>323.495</c:v>
                </c:pt>
                <c:pt idx="1324">
                  <c:v>323.88299999999998</c:v>
                </c:pt>
                <c:pt idx="1325">
                  <c:v>324.61399999999998</c:v>
                </c:pt>
                <c:pt idx="1326">
                  <c:v>324.79300000000001</c:v>
                </c:pt>
                <c:pt idx="1327">
                  <c:v>325.09100000000001</c:v>
                </c:pt>
                <c:pt idx="1328">
                  <c:v>325.339</c:v>
                </c:pt>
                <c:pt idx="1329">
                  <c:v>325.59800000000001</c:v>
                </c:pt>
                <c:pt idx="1330">
                  <c:v>326.13499999999999</c:v>
                </c:pt>
                <c:pt idx="1331">
                  <c:v>326.54300000000001</c:v>
                </c:pt>
                <c:pt idx="1332">
                  <c:v>326.88299999999998</c:v>
                </c:pt>
                <c:pt idx="1333">
                  <c:v>327.10599999999999</c:v>
                </c:pt>
                <c:pt idx="1334">
                  <c:v>326.67099999999999</c:v>
                </c:pt>
                <c:pt idx="1335">
                  <c:v>326.51600000000002</c:v>
                </c:pt>
                <c:pt idx="1336">
                  <c:v>326.952</c:v>
                </c:pt>
                <c:pt idx="1337">
                  <c:v>326.81099999999998</c:v>
                </c:pt>
                <c:pt idx="1338">
                  <c:v>327.26</c:v>
                </c:pt>
                <c:pt idx="1339">
                  <c:v>327.97399999999999</c:v>
                </c:pt>
                <c:pt idx="1340">
                  <c:v>328.35500000000002</c:v>
                </c:pt>
                <c:pt idx="1341">
                  <c:v>328.4</c:v>
                </c:pt>
                <c:pt idx="1342">
                  <c:v>328.64400000000001</c:v>
                </c:pt>
                <c:pt idx="1343">
                  <c:v>328.99900000000002</c:v>
                </c:pt>
                <c:pt idx="1344">
                  <c:v>329.06400000000002</c:v>
                </c:pt>
                <c:pt idx="1345">
                  <c:v>329.221</c:v>
                </c:pt>
                <c:pt idx="1346">
                  <c:v>329.35899999999998</c:v>
                </c:pt>
                <c:pt idx="1347">
                  <c:v>329.37099999999998</c:v>
                </c:pt>
                <c:pt idx="1348">
                  <c:v>329.59399999999999</c:v>
                </c:pt>
                <c:pt idx="1349">
                  <c:v>329.66800000000001</c:v>
                </c:pt>
                <c:pt idx="1350">
                  <c:v>329.97199999999998</c:v>
                </c:pt>
                <c:pt idx="1351">
                  <c:v>330.34800000000001</c:v>
                </c:pt>
                <c:pt idx="1352">
                  <c:v>330.25599999999997</c:v>
                </c:pt>
                <c:pt idx="1353">
                  <c:v>330.37700000000001</c:v>
                </c:pt>
                <c:pt idx="1354">
                  <c:v>330.65699999999998</c:v>
                </c:pt>
                <c:pt idx="1355">
                  <c:v>330.89800000000002</c:v>
                </c:pt>
                <c:pt idx="1356">
                  <c:v>331.32</c:v>
                </c:pt>
                <c:pt idx="1357">
                  <c:v>331.92599999999999</c:v>
                </c:pt>
                <c:pt idx="1358">
                  <c:v>332.31200000000001</c:v>
                </c:pt>
                <c:pt idx="1359">
                  <c:v>332.49400000000003</c:v>
                </c:pt>
                <c:pt idx="1360">
                  <c:v>332.93400000000003</c:v>
                </c:pt>
                <c:pt idx="1361">
                  <c:v>333.19299999999998</c:v>
                </c:pt>
                <c:pt idx="1362">
                  <c:v>333.26100000000002</c:v>
                </c:pt>
                <c:pt idx="1363">
                  <c:v>333.37700000000001</c:v>
                </c:pt>
                <c:pt idx="1364">
                  <c:v>333.387</c:v>
                </c:pt>
                <c:pt idx="1365">
                  <c:v>333.67599999999999</c:v>
                </c:pt>
                <c:pt idx="1366">
                  <c:v>334.02499999999998</c:v>
                </c:pt>
                <c:pt idx="1367">
                  <c:v>334.41300000000001</c:v>
                </c:pt>
                <c:pt idx="1368">
                  <c:v>334.56700000000001</c:v>
                </c:pt>
                <c:pt idx="1369">
                  <c:v>334.91800000000001</c:v>
                </c:pt>
                <c:pt idx="1370">
                  <c:v>335.392</c:v>
                </c:pt>
                <c:pt idx="1371">
                  <c:v>335.58</c:v>
                </c:pt>
                <c:pt idx="1372">
                  <c:v>335.81200000000001</c:v>
                </c:pt>
                <c:pt idx="1373">
                  <c:v>336.21499999999997</c:v>
                </c:pt>
                <c:pt idx="1374">
                  <c:v>336.24099999999999</c:v>
                </c:pt>
                <c:pt idx="1375">
                  <c:v>336.51900000000001</c:v>
                </c:pt>
                <c:pt idx="1376">
                  <c:v>337.31299999999999</c:v>
                </c:pt>
                <c:pt idx="1377">
                  <c:v>338.03500000000003</c:v>
                </c:pt>
                <c:pt idx="1378">
                  <c:v>338.51799999999997</c:v>
                </c:pt>
                <c:pt idx="1379">
                  <c:v>338.875</c:v>
                </c:pt>
                <c:pt idx="1380">
                  <c:v>339.05399999999997</c:v>
                </c:pt>
                <c:pt idx="1381">
                  <c:v>339.149</c:v>
                </c:pt>
                <c:pt idx="1382">
                  <c:v>338.83</c:v>
                </c:pt>
                <c:pt idx="1383">
                  <c:v>338.92500000000001</c:v>
                </c:pt>
                <c:pt idx="1384">
                  <c:v>339.26499999999999</c:v>
                </c:pt>
                <c:pt idx="1385">
                  <c:v>339.39100000000002</c:v>
                </c:pt>
                <c:pt idx="1386">
                  <c:v>339.75799999999998</c:v>
                </c:pt>
                <c:pt idx="1387">
                  <c:v>340.03100000000001</c:v>
                </c:pt>
                <c:pt idx="1388">
                  <c:v>340.60500000000002</c:v>
                </c:pt>
                <c:pt idx="1389">
                  <c:v>340.99</c:v>
                </c:pt>
                <c:pt idx="1390">
                  <c:v>340.74599999999998</c:v>
                </c:pt>
                <c:pt idx="1391">
                  <c:v>341.00700000000001</c:v>
                </c:pt>
                <c:pt idx="1392">
                  <c:v>340.95499999999998</c:v>
                </c:pt>
                <c:pt idx="1393">
                  <c:v>341.06299999999999</c:v>
                </c:pt>
                <c:pt idx="1394">
                  <c:v>341.12</c:v>
                </c:pt>
                <c:pt idx="1395">
                  <c:v>341.26799999999997</c:v>
                </c:pt>
                <c:pt idx="1396">
                  <c:v>341.58</c:v>
                </c:pt>
                <c:pt idx="1397">
                  <c:v>341.79199999999997</c:v>
                </c:pt>
                <c:pt idx="1398">
                  <c:v>342.041</c:v>
                </c:pt>
                <c:pt idx="1399">
                  <c:v>342.25700000000001</c:v>
                </c:pt>
                <c:pt idx="1400">
                  <c:v>342.71499999999997</c:v>
                </c:pt>
                <c:pt idx="1401">
                  <c:v>343.096</c:v>
                </c:pt>
                <c:pt idx="1402">
                  <c:v>343.44200000000001</c:v>
                </c:pt>
                <c:pt idx="1403">
                  <c:v>343.97500000000002</c:v>
                </c:pt>
                <c:pt idx="1404">
                  <c:v>344.54</c:v>
                </c:pt>
                <c:pt idx="1405">
                  <c:v>344.99900000000002</c:v>
                </c:pt>
                <c:pt idx="1406">
                  <c:v>345.13799999999998</c:v>
                </c:pt>
                <c:pt idx="1407">
                  <c:v>345.52600000000001</c:v>
                </c:pt>
                <c:pt idx="1408">
                  <c:v>345.46600000000001</c:v>
                </c:pt>
                <c:pt idx="1409">
                  <c:v>345.84300000000002</c:v>
                </c:pt>
                <c:pt idx="1410">
                  <c:v>346.08</c:v>
                </c:pt>
                <c:pt idx="1411">
                  <c:v>345.93</c:v>
                </c:pt>
                <c:pt idx="1412">
                  <c:v>345.86399999999998</c:v>
                </c:pt>
                <c:pt idx="1413">
                  <c:v>345.94200000000001</c:v>
                </c:pt>
                <c:pt idx="1414">
                  <c:v>346.04199999999997</c:v>
                </c:pt>
                <c:pt idx="1415">
                  <c:v>346.27800000000002</c:v>
                </c:pt>
                <c:pt idx="1416">
                  <c:v>346.64800000000002</c:v>
                </c:pt>
                <c:pt idx="1417">
                  <c:v>347.02600000000001</c:v>
                </c:pt>
                <c:pt idx="1418">
                  <c:v>347.13099999999997</c:v>
                </c:pt>
                <c:pt idx="1419">
                  <c:v>347.48099999999999</c:v>
                </c:pt>
                <c:pt idx="1420">
                  <c:v>347.67700000000002</c:v>
                </c:pt>
                <c:pt idx="1421">
                  <c:v>347.97699999999998</c:v>
                </c:pt>
                <c:pt idx="1422">
                  <c:v>348.32499999999999</c:v>
                </c:pt>
                <c:pt idx="1423">
                  <c:v>348.7</c:v>
                </c:pt>
                <c:pt idx="1424">
                  <c:v>348.923</c:v>
                </c:pt>
                <c:pt idx="1425">
                  <c:v>349.11900000000003</c:v>
                </c:pt>
                <c:pt idx="1426">
                  <c:v>349.50900000000001</c:v>
                </c:pt>
                <c:pt idx="1427">
                  <c:v>349.99700000000001</c:v>
                </c:pt>
                <c:pt idx="1428">
                  <c:v>350.80900000000003</c:v>
                </c:pt>
                <c:pt idx="1429">
                  <c:v>351.47800000000001</c:v>
                </c:pt>
                <c:pt idx="1430">
                  <c:v>351.3</c:v>
                </c:pt>
                <c:pt idx="1431">
                  <c:v>351.81400000000002</c:v>
                </c:pt>
                <c:pt idx="1432">
                  <c:v>352.00200000000001</c:v>
                </c:pt>
                <c:pt idx="1433">
                  <c:v>352.44799999999998</c:v>
                </c:pt>
                <c:pt idx="1434">
                  <c:v>352.82</c:v>
                </c:pt>
                <c:pt idx="1435">
                  <c:v>353.25599999999997</c:v>
                </c:pt>
                <c:pt idx="1436">
                  <c:v>353.56700000000001</c:v>
                </c:pt>
                <c:pt idx="1437">
                  <c:v>353.81900000000002</c:v>
                </c:pt>
                <c:pt idx="1438">
                  <c:v>354.065</c:v>
                </c:pt>
                <c:pt idx="1439">
                  <c:v>354.226</c:v>
                </c:pt>
                <c:pt idx="1440">
                  <c:v>353.97500000000002</c:v>
                </c:pt>
                <c:pt idx="1441">
                  <c:v>354.43400000000003</c:v>
                </c:pt>
                <c:pt idx="1442">
                  <c:v>354.34300000000002</c:v>
                </c:pt>
                <c:pt idx="1443">
                  <c:v>354.45499999999998</c:v>
                </c:pt>
                <c:pt idx="1444">
                  <c:v>354.74799999999999</c:v>
                </c:pt>
                <c:pt idx="1445">
                  <c:v>354.83699999999999</c:v>
                </c:pt>
                <c:pt idx="1446">
                  <c:v>355.26400000000001</c:v>
                </c:pt>
                <c:pt idx="1447">
                  <c:v>355.346</c:v>
                </c:pt>
                <c:pt idx="1448">
                  <c:v>355.62</c:v>
                </c:pt>
                <c:pt idx="1449">
                  <c:v>355.60500000000002</c:v>
                </c:pt>
                <c:pt idx="1450">
                  <c:v>355.75900000000001</c:v>
                </c:pt>
                <c:pt idx="1451">
                  <c:v>355.82100000000003</c:v>
                </c:pt>
                <c:pt idx="1452">
                  <c:v>355.86</c:v>
                </c:pt>
                <c:pt idx="1453">
                  <c:v>356.21300000000002</c:v>
                </c:pt>
                <c:pt idx="1454">
                  <c:v>356.553</c:v>
                </c:pt>
                <c:pt idx="1455">
                  <c:v>357.09800000000001</c:v>
                </c:pt>
                <c:pt idx="1456">
                  <c:v>357.577</c:v>
                </c:pt>
                <c:pt idx="1457">
                  <c:v>357.63499999999999</c:v>
                </c:pt>
                <c:pt idx="1458">
                  <c:v>358.02699999999999</c:v>
                </c:pt>
                <c:pt idx="1459">
                  <c:v>358.35399999999998</c:v>
                </c:pt>
                <c:pt idx="1460">
                  <c:v>358.74099999999999</c:v>
                </c:pt>
                <c:pt idx="1461">
                  <c:v>358.96</c:v>
                </c:pt>
                <c:pt idx="1462">
                  <c:v>358.91199999999998</c:v>
                </c:pt>
                <c:pt idx="1463">
                  <c:v>358.89400000000001</c:v>
                </c:pt>
                <c:pt idx="1464">
                  <c:v>359.11</c:v>
                </c:pt>
                <c:pt idx="1465">
                  <c:v>359.6</c:v>
                </c:pt>
                <c:pt idx="1466">
                  <c:v>359.79599999999999</c:v>
                </c:pt>
                <c:pt idx="1467">
                  <c:v>360.10300000000001</c:v>
                </c:pt>
                <c:pt idx="1468">
                  <c:v>360.28</c:v>
                </c:pt>
                <c:pt idx="1469">
                  <c:v>360.76600000000002</c:v>
                </c:pt>
                <c:pt idx="1470">
                  <c:v>361.04599999999999</c:v>
                </c:pt>
                <c:pt idx="1471">
                  <c:v>361.49200000000002</c:v>
                </c:pt>
                <c:pt idx="1472">
                  <c:v>361.84399999999999</c:v>
                </c:pt>
                <c:pt idx="1473">
                  <c:v>361.98099999999999</c:v>
                </c:pt>
                <c:pt idx="1474">
                  <c:v>362.07799999999997</c:v>
                </c:pt>
                <c:pt idx="1475">
                  <c:v>362.214</c:v>
                </c:pt>
                <c:pt idx="1476">
                  <c:v>362.71800000000002</c:v>
                </c:pt>
                <c:pt idx="1477">
                  <c:v>363.08800000000002</c:v>
                </c:pt>
                <c:pt idx="1478">
                  <c:v>363.61099999999999</c:v>
                </c:pt>
                <c:pt idx="1479">
                  <c:v>364.00299999999999</c:v>
                </c:pt>
                <c:pt idx="1480">
                  <c:v>364.404</c:v>
                </c:pt>
                <c:pt idx="1481">
                  <c:v>364.83100000000002</c:v>
                </c:pt>
                <c:pt idx="1482">
                  <c:v>365.18400000000003</c:v>
                </c:pt>
                <c:pt idx="1483">
                  <c:v>365.654</c:v>
                </c:pt>
                <c:pt idx="1484">
                  <c:v>365.69900000000001</c:v>
                </c:pt>
                <c:pt idx="1485">
                  <c:v>365.786</c:v>
                </c:pt>
                <c:pt idx="1486">
                  <c:v>366.04300000000001</c:v>
                </c:pt>
                <c:pt idx="1487">
                  <c:v>366.35599999999999</c:v>
                </c:pt>
                <c:pt idx="1488">
                  <c:v>366.61099999999999</c:v>
                </c:pt>
                <c:pt idx="1489">
                  <c:v>366.79500000000002</c:v>
                </c:pt>
                <c:pt idx="1490">
                  <c:v>366.86200000000002</c:v>
                </c:pt>
                <c:pt idx="1491">
                  <c:v>367.44099999999997</c:v>
                </c:pt>
                <c:pt idx="1492">
                  <c:v>367.40100000000001</c:v>
                </c:pt>
                <c:pt idx="1493">
                  <c:v>367.63099999999997</c:v>
                </c:pt>
                <c:pt idx="1494">
                  <c:v>368.029</c:v>
                </c:pt>
                <c:pt idx="1495">
                  <c:v>368.15499999999997</c:v>
                </c:pt>
                <c:pt idx="1496">
                  <c:v>368.46800000000002</c:v>
                </c:pt>
                <c:pt idx="1497">
                  <c:v>368.61200000000002</c:v>
                </c:pt>
                <c:pt idx="1498">
                  <c:v>369.10199999999998</c:v>
                </c:pt>
                <c:pt idx="1499">
                  <c:v>369.33199999999999</c:v>
                </c:pt>
                <c:pt idx="1500">
                  <c:v>369.53699999999998</c:v>
                </c:pt>
                <c:pt idx="1501">
                  <c:v>369.59399999999999</c:v>
                </c:pt>
                <c:pt idx="1502">
                  <c:v>369.99200000000002</c:v>
                </c:pt>
                <c:pt idx="1503">
                  <c:v>370.15800000000002</c:v>
                </c:pt>
                <c:pt idx="1504">
                  <c:v>370.41199999999998</c:v>
                </c:pt>
                <c:pt idx="1505">
                  <c:v>370.68599999999998</c:v>
                </c:pt>
                <c:pt idx="1506">
                  <c:v>370.791</c:v>
                </c:pt>
                <c:pt idx="1507">
                  <c:v>371.04300000000001</c:v>
                </c:pt>
                <c:pt idx="1508">
                  <c:v>371.221</c:v>
                </c:pt>
                <c:pt idx="1509">
                  <c:v>371.47500000000002</c:v>
                </c:pt>
                <c:pt idx="1510">
                  <c:v>371.73899999999998</c:v>
                </c:pt>
                <c:pt idx="1511">
                  <c:v>371.90600000000001</c:v>
                </c:pt>
                <c:pt idx="1512">
                  <c:v>372.05200000000002</c:v>
                </c:pt>
                <c:pt idx="1513">
                  <c:v>372.40499999999997</c:v>
                </c:pt>
                <c:pt idx="1514">
                  <c:v>372.80099999999999</c:v>
                </c:pt>
                <c:pt idx="1515">
                  <c:v>372.995</c:v>
                </c:pt>
                <c:pt idx="1516">
                  <c:v>373.24700000000001</c:v>
                </c:pt>
                <c:pt idx="1517">
                  <c:v>373.58499999999998</c:v>
                </c:pt>
                <c:pt idx="1518">
                  <c:v>373.71100000000001</c:v>
                </c:pt>
                <c:pt idx="1519">
                  <c:v>373.88400000000001</c:v>
                </c:pt>
                <c:pt idx="1520">
                  <c:v>374.27600000000001</c:v>
                </c:pt>
                <c:pt idx="1521">
                  <c:v>374.42700000000002</c:v>
                </c:pt>
                <c:pt idx="1522">
                  <c:v>374.42700000000002</c:v>
                </c:pt>
                <c:pt idx="1523">
                  <c:v>374.84399999999999</c:v>
                </c:pt>
                <c:pt idx="1524">
                  <c:v>375.255</c:v>
                </c:pt>
                <c:pt idx="1525">
                  <c:v>375.51299999999998</c:v>
                </c:pt>
                <c:pt idx="1526">
                  <c:v>375.77699999999999</c:v>
                </c:pt>
                <c:pt idx="1527">
                  <c:v>375.98399999999998</c:v>
                </c:pt>
                <c:pt idx="1528">
                  <c:v>376.339</c:v>
                </c:pt>
                <c:pt idx="1529">
                  <c:v>376.66199999999998</c:v>
                </c:pt>
                <c:pt idx="1530">
                  <c:v>376.96</c:v>
                </c:pt>
                <c:pt idx="1531">
                  <c:v>377.286</c:v>
                </c:pt>
                <c:pt idx="1532">
                  <c:v>377.52</c:v>
                </c:pt>
                <c:pt idx="1533">
                  <c:v>377.80799999999999</c:v>
                </c:pt>
                <c:pt idx="1534">
                  <c:v>378.29300000000001</c:v>
                </c:pt>
                <c:pt idx="1535">
                  <c:v>378.49900000000002</c:v>
                </c:pt>
                <c:pt idx="1536">
                  <c:v>378.70600000000002</c:v>
                </c:pt>
                <c:pt idx="1537">
                  <c:v>379.113</c:v>
                </c:pt>
                <c:pt idx="1538">
                  <c:v>379.19299999999998</c:v>
                </c:pt>
                <c:pt idx="1539">
                  <c:v>379.41800000000001</c:v>
                </c:pt>
                <c:pt idx="1540">
                  <c:v>379.91699999999997</c:v>
                </c:pt>
                <c:pt idx="1541">
                  <c:v>379.90600000000001</c:v>
                </c:pt>
                <c:pt idx="1542">
                  <c:v>380.20100000000002</c:v>
                </c:pt>
                <c:pt idx="1543">
                  <c:v>380.40800000000002</c:v>
                </c:pt>
                <c:pt idx="1544">
                  <c:v>380.572</c:v>
                </c:pt>
                <c:pt idx="1545">
                  <c:v>380.89499999999998</c:v>
                </c:pt>
                <c:pt idx="1546">
                  <c:v>381.30599999999998</c:v>
                </c:pt>
                <c:pt idx="1547">
                  <c:v>381.52300000000002</c:v>
                </c:pt>
                <c:pt idx="1548">
                  <c:v>381.77300000000002</c:v>
                </c:pt>
                <c:pt idx="1549">
                  <c:v>381.928</c:v>
                </c:pt>
                <c:pt idx="1550">
                  <c:v>382.245</c:v>
                </c:pt>
                <c:pt idx="1551">
                  <c:v>382.60700000000003</c:v>
                </c:pt>
                <c:pt idx="1552">
                  <c:v>382.95299999999997</c:v>
                </c:pt>
                <c:pt idx="1553">
                  <c:v>383.01</c:v>
                </c:pt>
                <c:pt idx="1554">
                  <c:v>383.55</c:v>
                </c:pt>
                <c:pt idx="1555">
                  <c:v>383.87900000000002</c:v>
                </c:pt>
                <c:pt idx="1556">
                  <c:v>383.81799999999998</c:v>
                </c:pt>
                <c:pt idx="1557">
                  <c:v>384.04300000000001</c:v>
                </c:pt>
                <c:pt idx="1558">
                  <c:v>384.262</c:v>
                </c:pt>
                <c:pt idx="1559">
                  <c:v>384.51799999999997</c:v>
                </c:pt>
                <c:pt idx="1560">
                  <c:v>385.017</c:v>
                </c:pt>
                <c:pt idx="1561">
                  <c:v>385.24299999999999</c:v>
                </c:pt>
                <c:pt idx="1562">
                  <c:v>385.53699999999998</c:v>
                </c:pt>
                <c:pt idx="1563">
                  <c:v>385.59800000000001</c:v>
                </c:pt>
                <c:pt idx="1564">
                  <c:v>385.90300000000002</c:v>
                </c:pt>
                <c:pt idx="1565">
                  <c:v>385.995</c:v>
                </c:pt>
                <c:pt idx="1566">
                  <c:v>386.399</c:v>
                </c:pt>
                <c:pt idx="1567">
                  <c:v>386.64699999999999</c:v>
                </c:pt>
                <c:pt idx="1568">
                  <c:v>386.73700000000002</c:v>
                </c:pt>
                <c:pt idx="1569">
                  <c:v>387.05599999999998</c:v>
                </c:pt>
                <c:pt idx="1570">
                  <c:v>387.48</c:v>
                </c:pt>
                <c:pt idx="1571">
                  <c:v>387.58600000000001</c:v>
                </c:pt>
                <c:pt idx="1572">
                  <c:v>387.78800000000001</c:v>
                </c:pt>
                <c:pt idx="1573">
                  <c:v>388.089</c:v>
                </c:pt>
                <c:pt idx="1574">
                  <c:v>388.53100000000001</c:v>
                </c:pt>
                <c:pt idx="1575">
                  <c:v>388.62599999999998</c:v>
                </c:pt>
                <c:pt idx="1576">
                  <c:v>389.00099999999998</c:v>
                </c:pt>
                <c:pt idx="1577">
                  <c:v>389.36599999999999</c:v>
                </c:pt>
                <c:pt idx="1578">
                  <c:v>389.637</c:v>
                </c:pt>
                <c:pt idx="1579">
                  <c:v>389.76600000000002</c:v>
                </c:pt>
                <c:pt idx="1580">
                  <c:v>390.03800000000001</c:v>
                </c:pt>
                <c:pt idx="1581">
                  <c:v>390.22699999999998</c:v>
                </c:pt>
                <c:pt idx="1582">
                  <c:v>390.58199999999999</c:v>
                </c:pt>
                <c:pt idx="1583">
                  <c:v>390.786</c:v>
                </c:pt>
                <c:pt idx="1584">
                  <c:v>390.97899999999998</c:v>
                </c:pt>
                <c:pt idx="1585">
                  <c:v>391.25900000000001</c:v>
                </c:pt>
                <c:pt idx="1586">
                  <c:v>391.67099999999999</c:v>
                </c:pt>
                <c:pt idx="1587">
                  <c:v>391.90300000000002</c:v>
                </c:pt>
                <c:pt idx="1588">
                  <c:v>392.20800000000003</c:v>
                </c:pt>
                <c:pt idx="1589">
                  <c:v>392.47899999999998</c:v>
                </c:pt>
                <c:pt idx="1590">
                  <c:v>392.60500000000002</c:v>
                </c:pt>
                <c:pt idx="1591">
                  <c:v>392.77100000000002</c:v>
                </c:pt>
                <c:pt idx="1592">
                  <c:v>392.90800000000002</c:v>
                </c:pt>
                <c:pt idx="1593">
                  <c:v>393.26400000000001</c:v>
                </c:pt>
                <c:pt idx="1594">
                  <c:v>393.68200000000002</c:v>
                </c:pt>
                <c:pt idx="1595">
                  <c:v>394.01299999999998</c:v>
                </c:pt>
                <c:pt idx="1596">
                  <c:v>394.26</c:v>
                </c:pt>
                <c:pt idx="1597">
                  <c:v>394.45600000000002</c:v>
                </c:pt>
                <c:pt idx="1598">
                  <c:v>394.76600000000002</c:v>
                </c:pt>
                <c:pt idx="1599">
                  <c:v>394.92500000000001</c:v>
                </c:pt>
                <c:pt idx="1600">
                  <c:v>395.12799999999999</c:v>
                </c:pt>
                <c:pt idx="1601">
                  <c:v>395.77</c:v>
                </c:pt>
                <c:pt idx="1602">
                  <c:v>396.09899999999999</c:v>
                </c:pt>
                <c:pt idx="1603">
                  <c:v>396.19900000000001</c:v>
                </c:pt>
                <c:pt idx="1604">
                  <c:v>396.63900000000001</c:v>
                </c:pt>
                <c:pt idx="1605">
                  <c:v>396.87</c:v>
                </c:pt>
                <c:pt idx="1606">
                  <c:v>396.92399999999998</c:v>
                </c:pt>
                <c:pt idx="1607">
                  <c:v>397.09100000000001</c:v>
                </c:pt>
                <c:pt idx="1608">
                  <c:v>397.351</c:v>
                </c:pt>
                <c:pt idx="1609">
                  <c:v>397.41500000000002</c:v>
                </c:pt>
                <c:pt idx="1610">
                  <c:v>397.67200000000003</c:v>
                </c:pt>
                <c:pt idx="1611">
                  <c:v>397.83499999999998</c:v>
                </c:pt>
                <c:pt idx="1612">
                  <c:v>398.12700000000001</c:v>
                </c:pt>
                <c:pt idx="1613">
                  <c:v>398.43700000000001</c:v>
                </c:pt>
                <c:pt idx="1614">
                  <c:v>398.68900000000002</c:v>
                </c:pt>
                <c:pt idx="1615">
                  <c:v>399.06</c:v>
                </c:pt>
                <c:pt idx="1616">
                  <c:v>399.37099999999998</c:v>
                </c:pt>
                <c:pt idx="1617">
                  <c:v>399.55200000000002</c:v>
                </c:pt>
                <c:pt idx="1618">
                  <c:v>399.82900000000001</c:v>
                </c:pt>
                <c:pt idx="1619">
                  <c:v>400.13600000000002</c:v>
                </c:pt>
                <c:pt idx="1620">
                  <c:v>400.423</c:v>
                </c:pt>
                <c:pt idx="1621">
                  <c:v>400.61900000000003</c:v>
                </c:pt>
                <c:pt idx="1622">
                  <c:v>401.125</c:v>
                </c:pt>
                <c:pt idx="1623">
                  <c:v>401.447</c:v>
                </c:pt>
                <c:pt idx="1624">
                  <c:v>401.84500000000003</c:v>
                </c:pt>
                <c:pt idx="1625">
                  <c:v>402.05799999999999</c:v>
                </c:pt>
                <c:pt idx="1626">
                  <c:v>402.10700000000003</c:v>
                </c:pt>
                <c:pt idx="1627">
                  <c:v>402.50599999999997</c:v>
                </c:pt>
                <c:pt idx="1628">
                  <c:v>402.79700000000003</c:v>
                </c:pt>
                <c:pt idx="1629">
                  <c:v>402.923</c:v>
                </c:pt>
                <c:pt idx="1630">
                  <c:v>403.17899999999997</c:v>
                </c:pt>
                <c:pt idx="1631">
                  <c:v>403.565</c:v>
                </c:pt>
                <c:pt idx="1632">
                  <c:v>403.95400000000001</c:v>
                </c:pt>
                <c:pt idx="1633">
                  <c:v>404.38099999999997</c:v>
                </c:pt>
                <c:pt idx="1634">
                  <c:v>404.517</c:v>
                </c:pt>
                <c:pt idx="1635">
                  <c:v>404.81400000000002</c:v>
                </c:pt>
                <c:pt idx="1636">
                  <c:v>405.03500000000003</c:v>
                </c:pt>
                <c:pt idx="1637">
                  <c:v>404.892</c:v>
                </c:pt>
                <c:pt idx="1638">
                  <c:v>405.19400000000002</c:v>
                </c:pt>
                <c:pt idx="1639">
                  <c:v>405.73700000000002</c:v>
                </c:pt>
                <c:pt idx="1640">
                  <c:v>405.81900000000002</c:v>
                </c:pt>
                <c:pt idx="1641">
                  <c:v>406.11399999999998</c:v>
                </c:pt>
                <c:pt idx="1642">
                  <c:v>406.48599999999999</c:v>
                </c:pt>
                <c:pt idx="1643">
                  <c:v>406.85899999999998</c:v>
                </c:pt>
                <c:pt idx="1644">
                  <c:v>407.21</c:v>
                </c:pt>
                <c:pt idx="1645">
                  <c:v>407.41800000000001</c:v>
                </c:pt>
                <c:pt idx="1646">
                  <c:v>407.67599999999999</c:v>
                </c:pt>
                <c:pt idx="1647">
                  <c:v>407.92500000000001</c:v>
                </c:pt>
                <c:pt idx="1648">
                  <c:v>408.26299999999998</c:v>
                </c:pt>
                <c:pt idx="1649">
                  <c:v>408.38299999999998</c:v>
                </c:pt>
                <c:pt idx="1650">
                  <c:v>408.52</c:v>
                </c:pt>
                <c:pt idx="1651">
                  <c:v>408.73500000000001</c:v>
                </c:pt>
                <c:pt idx="1652">
                  <c:v>409.202</c:v>
                </c:pt>
                <c:pt idx="1653">
                  <c:v>409.29599999999999</c:v>
                </c:pt>
                <c:pt idx="1654">
                  <c:v>409.70499999999998</c:v>
                </c:pt>
                <c:pt idx="1655">
                  <c:v>410.065</c:v>
                </c:pt>
                <c:pt idx="1656">
                  <c:v>410.32600000000002</c:v>
                </c:pt>
                <c:pt idx="1657">
                  <c:v>410.52499999999998</c:v>
                </c:pt>
                <c:pt idx="1658">
                  <c:v>410.834</c:v>
                </c:pt>
                <c:pt idx="1659">
                  <c:v>410.92599999999999</c:v>
                </c:pt>
                <c:pt idx="1660">
                  <c:v>411.27600000000001</c:v>
                </c:pt>
                <c:pt idx="1661">
                  <c:v>411.54</c:v>
                </c:pt>
                <c:pt idx="1662">
                  <c:v>411.75200000000001</c:v>
                </c:pt>
                <c:pt idx="1663">
                  <c:v>411.971</c:v>
                </c:pt>
                <c:pt idx="1664">
                  <c:v>412.13799999999998</c:v>
                </c:pt>
                <c:pt idx="1665">
                  <c:v>412.48500000000001</c:v>
                </c:pt>
                <c:pt idx="1666">
                  <c:v>412.73700000000002</c:v>
                </c:pt>
                <c:pt idx="1667">
                  <c:v>412.779</c:v>
                </c:pt>
                <c:pt idx="1668">
                  <c:v>413.08600000000001</c:v>
                </c:pt>
                <c:pt idx="1669">
                  <c:v>413.43</c:v>
                </c:pt>
                <c:pt idx="1670">
                  <c:v>413.81299999999999</c:v>
                </c:pt>
                <c:pt idx="1671">
                  <c:v>414.06</c:v>
                </c:pt>
                <c:pt idx="1672">
                  <c:v>414.28199999999998</c:v>
                </c:pt>
                <c:pt idx="1673">
                  <c:v>414.44799999999998</c:v>
                </c:pt>
                <c:pt idx="1674">
                  <c:v>414.81799999999998</c:v>
                </c:pt>
                <c:pt idx="1675">
                  <c:v>415.17700000000002</c:v>
                </c:pt>
                <c:pt idx="1676">
                  <c:v>415.11599999999999</c:v>
                </c:pt>
                <c:pt idx="1677">
                  <c:v>415.42200000000003</c:v>
                </c:pt>
                <c:pt idx="1678">
                  <c:v>415.75900000000001</c:v>
                </c:pt>
                <c:pt idx="1679">
                  <c:v>415.84399999999999</c:v>
                </c:pt>
                <c:pt idx="1680">
                  <c:v>416.11099999999999</c:v>
                </c:pt>
                <c:pt idx="1681">
                  <c:v>416.375</c:v>
                </c:pt>
                <c:pt idx="1682">
                  <c:v>416.73599999999999</c:v>
                </c:pt>
                <c:pt idx="1683">
                  <c:v>417.05200000000002</c:v>
                </c:pt>
                <c:pt idx="1684">
                  <c:v>417.52300000000002</c:v>
                </c:pt>
                <c:pt idx="1685">
                  <c:v>417.75900000000001</c:v>
                </c:pt>
                <c:pt idx="1686">
                  <c:v>417.94</c:v>
                </c:pt>
                <c:pt idx="1687">
                  <c:v>418.10899999999998</c:v>
                </c:pt>
                <c:pt idx="1688">
                  <c:v>418.61</c:v>
                </c:pt>
                <c:pt idx="1689">
                  <c:v>418.89699999999999</c:v>
                </c:pt>
                <c:pt idx="1690">
                  <c:v>419.18299999999999</c:v>
                </c:pt>
                <c:pt idx="1691">
                  <c:v>419.524</c:v>
                </c:pt>
                <c:pt idx="1692">
                  <c:v>419.70699999999999</c:v>
                </c:pt>
                <c:pt idx="1693">
                  <c:v>420.19299999999998</c:v>
                </c:pt>
                <c:pt idx="1694">
                  <c:v>420.36900000000003</c:v>
                </c:pt>
                <c:pt idx="1695">
                  <c:v>420.625</c:v>
                </c:pt>
                <c:pt idx="1696">
                  <c:v>420.88499999999999</c:v>
                </c:pt>
                <c:pt idx="1697">
                  <c:v>420.98099999999999</c:v>
                </c:pt>
                <c:pt idx="1698">
                  <c:v>421.03899999999999</c:v>
                </c:pt>
                <c:pt idx="1699">
                  <c:v>421.43900000000002</c:v>
                </c:pt>
                <c:pt idx="1700">
                  <c:v>421.91500000000002</c:v>
                </c:pt>
                <c:pt idx="1701">
                  <c:v>422.29399999999998</c:v>
                </c:pt>
                <c:pt idx="1702">
                  <c:v>422.55</c:v>
                </c:pt>
                <c:pt idx="1703">
                  <c:v>422.63200000000001</c:v>
                </c:pt>
                <c:pt idx="1704">
                  <c:v>422.923</c:v>
                </c:pt>
                <c:pt idx="1705">
                  <c:v>423.26600000000002</c:v>
                </c:pt>
                <c:pt idx="1706">
                  <c:v>423.36700000000002</c:v>
                </c:pt>
                <c:pt idx="1707">
                  <c:v>423.82900000000001</c:v>
                </c:pt>
                <c:pt idx="1708">
                  <c:v>424.25900000000001</c:v>
                </c:pt>
                <c:pt idx="1709">
                  <c:v>424.339</c:v>
                </c:pt>
                <c:pt idx="1710">
                  <c:v>424.55</c:v>
                </c:pt>
                <c:pt idx="1711">
                  <c:v>424.892</c:v>
                </c:pt>
                <c:pt idx="1712">
                  <c:v>425.142</c:v>
                </c:pt>
                <c:pt idx="1713">
                  <c:v>425.47800000000001</c:v>
                </c:pt>
                <c:pt idx="1714">
                  <c:v>425.57499999999999</c:v>
                </c:pt>
                <c:pt idx="1715">
                  <c:v>425.74599999999998</c:v>
                </c:pt>
                <c:pt idx="1716">
                  <c:v>426.108</c:v>
                </c:pt>
                <c:pt idx="1717">
                  <c:v>426.255</c:v>
                </c:pt>
                <c:pt idx="1718">
                  <c:v>426.67099999999999</c:v>
                </c:pt>
                <c:pt idx="1719">
                  <c:v>426.851</c:v>
                </c:pt>
                <c:pt idx="1720">
                  <c:v>427.005</c:v>
                </c:pt>
                <c:pt idx="1721">
                  <c:v>427.346</c:v>
                </c:pt>
                <c:pt idx="1722">
                  <c:v>427.79500000000002</c:v>
                </c:pt>
                <c:pt idx="1723">
                  <c:v>428.06400000000002</c:v>
                </c:pt>
                <c:pt idx="1724">
                  <c:v>428.46800000000002</c:v>
                </c:pt>
                <c:pt idx="1725">
                  <c:v>428.66899999999998</c:v>
                </c:pt>
                <c:pt idx="1726">
                  <c:v>428.85700000000003</c:v>
                </c:pt>
                <c:pt idx="1727">
                  <c:v>429.00599999999997</c:v>
                </c:pt>
                <c:pt idx="1728">
                  <c:v>429.20400000000001</c:v>
                </c:pt>
                <c:pt idx="1729">
                  <c:v>429.41800000000001</c:v>
                </c:pt>
                <c:pt idx="1730">
                  <c:v>429.93799999999999</c:v>
                </c:pt>
                <c:pt idx="1731">
                  <c:v>430.428</c:v>
                </c:pt>
                <c:pt idx="1732">
                  <c:v>430.63200000000001</c:v>
                </c:pt>
                <c:pt idx="1733">
                  <c:v>431.07900000000001</c:v>
                </c:pt>
                <c:pt idx="1734">
                  <c:v>431.29300000000001</c:v>
                </c:pt>
                <c:pt idx="1735">
                  <c:v>431.79300000000001</c:v>
                </c:pt>
                <c:pt idx="1736">
                  <c:v>431.82799999999997</c:v>
                </c:pt>
                <c:pt idx="1737">
                  <c:v>432.01600000000002</c:v>
                </c:pt>
                <c:pt idx="1738">
                  <c:v>432.20499999999998</c:v>
                </c:pt>
                <c:pt idx="1739">
                  <c:v>432.47199999999998</c:v>
                </c:pt>
                <c:pt idx="1740">
                  <c:v>432.80700000000002</c:v>
                </c:pt>
                <c:pt idx="1741">
                  <c:v>432.87400000000002</c:v>
                </c:pt>
                <c:pt idx="1742">
                  <c:v>433.34500000000003</c:v>
                </c:pt>
                <c:pt idx="1743">
                  <c:v>433.61</c:v>
                </c:pt>
                <c:pt idx="1744">
                  <c:v>433.83199999999999</c:v>
                </c:pt>
                <c:pt idx="1745">
                  <c:v>433.89800000000002</c:v>
                </c:pt>
                <c:pt idx="1746">
                  <c:v>434.10500000000002</c:v>
                </c:pt>
                <c:pt idx="1747">
                  <c:v>434.61599999999999</c:v>
                </c:pt>
                <c:pt idx="1748">
                  <c:v>434.70100000000002</c:v>
                </c:pt>
                <c:pt idx="1749">
                  <c:v>434.87599999999998</c:v>
                </c:pt>
                <c:pt idx="1750">
                  <c:v>435.41300000000001</c:v>
                </c:pt>
                <c:pt idx="1751">
                  <c:v>435.959</c:v>
                </c:pt>
                <c:pt idx="1752">
                  <c:v>436.40699999999998</c:v>
                </c:pt>
                <c:pt idx="1753">
                  <c:v>436.50299999999999</c:v>
                </c:pt>
                <c:pt idx="1754">
                  <c:v>436.60500000000002</c:v>
                </c:pt>
                <c:pt idx="1755">
                  <c:v>436.92</c:v>
                </c:pt>
                <c:pt idx="1756">
                  <c:v>437.04700000000003</c:v>
                </c:pt>
                <c:pt idx="1757">
                  <c:v>437.33800000000002</c:v>
                </c:pt>
                <c:pt idx="1758">
                  <c:v>437.58499999999998</c:v>
                </c:pt>
                <c:pt idx="1759">
                  <c:v>437.923</c:v>
                </c:pt>
                <c:pt idx="1760">
                  <c:v>438.46600000000001</c:v>
                </c:pt>
                <c:pt idx="1761">
                  <c:v>438.56099999999998</c:v>
                </c:pt>
                <c:pt idx="1762">
                  <c:v>438.63200000000001</c:v>
                </c:pt>
                <c:pt idx="1763">
                  <c:v>438.78699999999998</c:v>
                </c:pt>
                <c:pt idx="1764">
                  <c:v>438.93700000000001</c:v>
                </c:pt>
                <c:pt idx="1765">
                  <c:v>439.178</c:v>
                </c:pt>
                <c:pt idx="1766">
                  <c:v>439.45600000000002</c:v>
                </c:pt>
                <c:pt idx="1767">
                  <c:v>439.83600000000001</c:v>
                </c:pt>
                <c:pt idx="1768">
                  <c:v>440.02600000000001</c:v>
                </c:pt>
                <c:pt idx="1769">
                  <c:v>440.39600000000002</c:v>
                </c:pt>
                <c:pt idx="1770">
                  <c:v>440.51600000000002</c:v>
                </c:pt>
                <c:pt idx="1771">
                  <c:v>440.82900000000001</c:v>
                </c:pt>
                <c:pt idx="1772">
                  <c:v>441.15300000000002</c:v>
                </c:pt>
                <c:pt idx="1773">
                  <c:v>441.31700000000001</c:v>
                </c:pt>
                <c:pt idx="1774">
                  <c:v>441.61399999999998</c:v>
                </c:pt>
                <c:pt idx="1775">
                  <c:v>442.09199999999998</c:v>
                </c:pt>
                <c:pt idx="1776">
                  <c:v>442.49</c:v>
                </c:pt>
                <c:pt idx="1777">
                  <c:v>442.65899999999999</c:v>
                </c:pt>
                <c:pt idx="1778">
                  <c:v>442.88499999999999</c:v>
                </c:pt>
                <c:pt idx="1779">
                  <c:v>443.06599999999997</c:v>
                </c:pt>
                <c:pt idx="1780">
                  <c:v>443.267</c:v>
                </c:pt>
                <c:pt idx="1781">
                  <c:v>443.36200000000002</c:v>
                </c:pt>
                <c:pt idx="1782">
                  <c:v>443.54199999999997</c:v>
                </c:pt>
                <c:pt idx="1783">
                  <c:v>443.78300000000002</c:v>
                </c:pt>
                <c:pt idx="1784">
                  <c:v>444.25200000000001</c:v>
                </c:pt>
                <c:pt idx="1785">
                  <c:v>444.76799999999997</c:v>
                </c:pt>
                <c:pt idx="1786">
                  <c:v>444.93</c:v>
                </c:pt>
                <c:pt idx="1787">
                  <c:v>445.33499999999998</c:v>
                </c:pt>
                <c:pt idx="1788">
                  <c:v>445.714</c:v>
                </c:pt>
                <c:pt idx="1789">
                  <c:v>445.90499999999997</c:v>
                </c:pt>
                <c:pt idx="1790">
                  <c:v>446.024</c:v>
                </c:pt>
                <c:pt idx="1791">
                  <c:v>446.33699999999999</c:v>
                </c:pt>
                <c:pt idx="1792">
                  <c:v>446.66399999999999</c:v>
                </c:pt>
                <c:pt idx="1793">
                  <c:v>446.76499999999999</c:v>
                </c:pt>
                <c:pt idx="1794">
                  <c:v>446.98599999999999</c:v>
                </c:pt>
                <c:pt idx="1795">
                  <c:v>447.34800000000001</c:v>
                </c:pt>
                <c:pt idx="1796">
                  <c:v>447.69499999999999</c:v>
                </c:pt>
                <c:pt idx="1797">
                  <c:v>447.98899999999998</c:v>
                </c:pt>
                <c:pt idx="1798">
                  <c:v>448.31299999999999</c:v>
                </c:pt>
                <c:pt idx="1799">
                  <c:v>448.39</c:v>
                </c:pt>
                <c:pt idx="1800">
                  <c:v>448.59100000000001</c:v>
                </c:pt>
                <c:pt idx="1801">
                  <c:v>448.899</c:v>
                </c:pt>
                <c:pt idx="1802">
                  <c:v>449.06200000000001</c:v>
                </c:pt>
                <c:pt idx="1803">
                  <c:v>449.41800000000001</c:v>
                </c:pt>
                <c:pt idx="1804">
                  <c:v>449.65100000000001</c:v>
                </c:pt>
                <c:pt idx="1805">
                  <c:v>449.96499999999997</c:v>
                </c:pt>
                <c:pt idx="1806">
                  <c:v>450.37400000000002</c:v>
                </c:pt>
                <c:pt idx="1807">
                  <c:v>450.71800000000002</c:v>
                </c:pt>
                <c:pt idx="1808">
                  <c:v>450.96199999999999</c:v>
                </c:pt>
                <c:pt idx="1809">
                  <c:v>451.15600000000001</c:v>
                </c:pt>
                <c:pt idx="1810">
                  <c:v>451.35199999999998</c:v>
                </c:pt>
                <c:pt idx="1811">
                  <c:v>451.404</c:v>
                </c:pt>
                <c:pt idx="1812">
                  <c:v>451.78399999999999</c:v>
                </c:pt>
                <c:pt idx="1813">
                  <c:v>452.04899999999998</c:v>
                </c:pt>
                <c:pt idx="1814">
                  <c:v>452.202</c:v>
                </c:pt>
                <c:pt idx="1815">
                  <c:v>452.51100000000002</c:v>
                </c:pt>
                <c:pt idx="1816">
                  <c:v>452.69</c:v>
                </c:pt>
                <c:pt idx="1817">
                  <c:v>452.93700000000001</c:v>
                </c:pt>
                <c:pt idx="1818">
                  <c:v>453.21300000000002</c:v>
                </c:pt>
                <c:pt idx="1819">
                  <c:v>453.34899999999999</c:v>
                </c:pt>
                <c:pt idx="1820">
                  <c:v>453.52800000000002</c:v>
                </c:pt>
                <c:pt idx="1821">
                  <c:v>453.84399999999999</c:v>
                </c:pt>
                <c:pt idx="1822">
                  <c:v>454.13400000000001</c:v>
                </c:pt>
                <c:pt idx="1823">
                  <c:v>454.47399999999999</c:v>
                </c:pt>
                <c:pt idx="1824">
                  <c:v>454.81200000000001</c:v>
                </c:pt>
                <c:pt idx="1825">
                  <c:v>454.94600000000003</c:v>
                </c:pt>
                <c:pt idx="1826">
                  <c:v>455.089</c:v>
                </c:pt>
                <c:pt idx="1827">
                  <c:v>455.36200000000002</c:v>
                </c:pt>
                <c:pt idx="1828">
                  <c:v>455.822</c:v>
                </c:pt>
                <c:pt idx="1829">
                  <c:v>456.13900000000001</c:v>
                </c:pt>
                <c:pt idx="1830">
                  <c:v>456.25299999999999</c:v>
                </c:pt>
                <c:pt idx="1831">
                  <c:v>456.56299999999999</c:v>
                </c:pt>
                <c:pt idx="1832">
                  <c:v>456.83699999999999</c:v>
                </c:pt>
                <c:pt idx="1833">
                  <c:v>457.15499999999997</c:v>
                </c:pt>
                <c:pt idx="1834">
                  <c:v>457.30900000000003</c:v>
                </c:pt>
                <c:pt idx="1835">
                  <c:v>457.76299999999998</c:v>
                </c:pt>
                <c:pt idx="1836">
                  <c:v>458.05799999999999</c:v>
                </c:pt>
                <c:pt idx="1837">
                  <c:v>458.41800000000001</c:v>
                </c:pt>
                <c:pt idx="1838">
                  <c:v>458.70800000000003</c:v>
                </c:pt>
                <c:pt idx="1839">
                  <c:v>458.779</c:v>
                </c:pt>
                <c:pt idx="1840">
                  <c:v>459.02100000000002</c:v>
                </c:pt>
                <c:pt idx="1841">
                  <c:v>459.42399999999998</c:v>
                </c:pt>
                <c:pt idx="1842">
                  <c:v>459.51900000000001</c:v>
                </c:pt>
                <c:pt idx="1843">
                  <c:v>459.81200000000001</c:v>
                </c:pt>
                <c:pt idx="1844">
                  <c:v>460.065</c:v>
                </c:pt>
                <c:pt idx="1845">
                  <c:v>460.46499999999997</c:v>
                </c:pt>
                <c:pt idx="1846">
                  <c:v>460.82600000000002</c:v>
                </c:pt>
                <c:pt idx="1847">
                  <c:v>461.19499999999999</c:v>
                </c:pt>
                <c:pt idx="1848">
                  <c:v>461.57499999999999</c:v>
                </c:pt>
                <c:pt idx="1849">
                  <c:v>461.69499999999999</c:v>
                </c:pt>
                <c:pt idx="1850">
                  <c:v>461.85500000000002</c:v>
                </c:pt>
                <c:pt idx="1851">
                  <c:v>462.149</c:v>
                </c:pt>
                <c:pt idx="1852">
                  <c:v>462.56099999999998</c:v>
                </c:pt>
                <c:pt idx="1853">
                  <c:v>462.79700000000003</c:v>
                </c:pt>
                <c:pt idx="1854">
                  <c:v>463.012</c:v>
                </c:pt>
                <c:pt idx="1855">
                  <c:v>463.10399999999998</c:v>
                </c:pt>
                <c:pt idx="1856">
                  <c:v>463.49299999999999</c:v>
                </c:pt>
                <c:pt idx="1857">
                  <c:v>463.7</c:v>
                </c:pt>
                <c:pt idx="1858">
                  <c:v>464.07799999999997</c:v>
                </c:pt>
                <c:pt idx="1859">
                  <c:v>463.95299999999997</c:v>
                </c:pt>
                <c:pt idx="1860">
                  <c:v>464.05200000000002</c:v>
                </c:pt>
                <c:pt idx="1861">
                  <c:v>464.44799999999998</c:v>
                </c:pt>
                <c:pt idx="1862">
                  <c:v>464.60899999999998</c:v>
                </c:pt>
                <c:pt idx="1863">
                  <c:v>464.70400000000001</c:v>
                </c:pt>
                <c:pt idx="1864">
                  <c:v>464.98200000000003</c:v>
                </c:pt>
                <c:pt idx="1865">
                  <c:v>465.52100000000002</c:v>
                </c:pt>
                <c:pt idx="1866">
                  <c:v>465.815</c:v>
                </c:pt>
                <c:pt idx="1867">
                  <c:v>466.084</c:v>
                </c:pt>
                <c:pt idx="1868">
                  <c:v>466.26799999999997</c:v>
                </c:pt>
                <c:pt idx="1869">
                  <c:v>466.41899999999998</c:v>
                </c:pt>
                <c:pt idx="1870">
                  <c:v>466.62400000000002</c:v>
                </c:pt>
                <c:pt idx="1871">
                  <c:v>466.82100000000003</c:v>
                </c:pt>
                <c:pt idx="1872">
                  <c:v>467.35700000000003</c:v>
                </c:pt>
                <c:pt idx="1873">
                  <c:v>467.57900000000001</c:v>
                </c:pt>
                <c:pt idx="1874">
                  <c:v>467.67200000000003</c:v>
                </c:pt>
                <c:pt idx="1875">
                  <c:v>468.00900000000001</c:v>
                </c:pt>
                <c:pt idx="1876">
                  <c:v>468.452</c:v>
                </c:pt>
                <c:pt idx="1877">
                  <c:v>468.70499999999998</c:v>
                </c:pt>
                <c:pt idx="1878">
                  <c:v>468.98200000000003</c:v>
                </c:pt>
                <c:pt idx="1879">
                  <c:v>469.20100000000002</c:v>
                </c:pt>
                <c:pt idx="1880">
                  <c:v>469.39299999999997</c:v>
                </c:pt>
                <c:pt idx="1881">
                  <c:v>469.72199999999998</c:v>
                </c:pt>
                <c:pt idx="1882">
                  <c:v>470.06200000000001</c:v>
                </c:pt>
                <c:pt idx="1883">
                  <c:v>470.28300000000002</c:v>
                </c:pt>
                <c:pt idx="1884">
                  <c:v>470.76799999999997</c:v>
                </c:pt>
                <c:pt idx="1885">
                  <c:v>470.93400000000003</c:v>
                </c:pt>
                <c:pt idx="1886">
                  <c:v>471.28</c:v>
                </c:pt>
                <c:pt idx="1887">
                  <c:v>471.35700000000003</c:v>
                </c:pt>
                <c:pt idx="1888">
                  <c:v>471.815</c:v>
                </c:pt>
                <c:pt idx="1889">
                  <c:v>472.03800000000001</c:v>
                </c:pt>
                <c:pt idx="1890">
                  <c:v>472.30399999999997</c:v>
                </c:pt>
                <c:pt idx="1891">
                  <c:v>472.39299999999997</c:v>
                </c:pt>
                <c:pt idx="1892">
                  <c:v>472.80099999999999</c:v>
                </c:pt>
                <c:pt idx="1893">
                  <c:v>472.99700000000001</c:v>
                </c:pt>
                <c:pt idx="1894">
                  <c:v>473.411</c:v>
                </c:pt>
                <c:pt idx="1895">
                  <c:v>473.65300000000002</c:v>
                </c:pt>
                <c:pt idx="1896">
                  <c:v>473.75099999999998</c:v>
                </c:pt>
                <c:pt idx="1897">
                  <c:v>474.11599999999999</c:v>
                </c:pt>
                <c:pt idx="1898">
                  <c:v>474.51</c:v>
                </c:pt>
                <c:pt idx="1899">
                  <c:v>474.60399999999998</c:v>
                </c:pt>
                <c:pt idx="1900">
                  <c:v>474.93700000000001</c:v>
                </c:pt>
                <c:pt idx="1901">
                  <c:v>475.20800000000003</c:v>
                </c:pt>
                <c:pt idx="1902">
                  <c:v>475.40499999999997</c:v>
                </c:pt>
                <c:pt idx="1903">
                  <c:v>475.47199999999998</c:v>
                </c:pt>
                <c:pt idx="1904">
                  <c:v>475.899</c:v>
                </c:pt>
                <c:pt idx="1905">
                  <c:v>476.17</c:v>
                </c:pt>
                <c:pt idx="1906">
                  <c:v>476.34800000000001</c:v>
                </c:pt>
                <c:pt idx="1907">
                  <c:v>476.512</c:v>
                </c:pt>
                <c:pt idx="1908">
                  <c:v>476.649</c:v>
                </c:pt>
                <c:pt idx="1909">
                  <c:v>477.05799999999999</c:v>
                </c:pt>
                <c:pt idx="1910">
                  <c:v>477.37400000000002</c:v>
                </c:pt>
                <c:pt idx="1911">
                  <c:v>477.69</c:v>
                </c:pt>
                <c:pt idx="1912">
                  <c:v>478.084</c:v>
                </c:pt>
                <c:pt idx="1913">
                  <c:v>478.24200000000002</c:v>
                </c:pt>
                <c:pt idx="1914">
                  <c:v>478.50099999999998</c:v>
                </c:pt>
                <c:pt idx="1915">
                  <c:v>478.57799999999997</c:v>
                </c:pt>
                <c:pt idx="1916">
                  <c:v>478.92200000000003</c:v>
                </c:pt>
                <c:pt idx="1917">
                  <c:v>479.12799999999999</c:v>
                </c:pt>
                <c:pt idx="1918">
                  <c:v>479.24</c:v>
                </c:pt>
                <c:pt idx="1919">
                  <c:v>479.83300000000003</c:v>
                </c:pt>
                <c:pt idx="1920">
                  <c:v>479.80700000000002</c:v>
                </c:pt>
                <c:pt idx="1921">
                  <c:v>480.12</c:v>
                </c:pt>
                <c:pt idx="1922">
                  <c:v>480.47699999999998</c:v>
                </c:pt>
                <c:pt idx="1923">
                  <c:v>480.88200000000001</c:v>
                </c:pt>
                <c:pt idx="1924">
                  <c:v>481.13900000000001</c:v>
                </c:pt>
                <c:pt idx="1925">
                  <c:v>481.37700000000001</c:v>
                </c:pt>
                <c:pt idx="1926">
                  <c:v>481.58600000000001</c:v>
                </c:pt>
                <c:pt idx="1927">
                  <c:v>481.96699999999998</c:v>
                </c:pt>
                <c:pt idx="1928">
                  <c:v>482.10599999999999</c:v>
                </c:pt>
                <c:pt idx="1929">
                  <c:v>482.59300000000002</c:v>
                </c:pt>
                <c:pt idx="1930">
                  <c:v>482.84</c:v>
                </c:pt>
                <c:pt idx="1931">
                  <c:v>483.10599999999999</c:v>
                </c:pt>
                <c:pt idx="1932">
                  <c:v>483.39800000000002</c:v>
                </c:pt>
                <c:pt idx="1933">
                  <c:v>483.63900000000001</c:v>
                </c:pt>
                <c:pt idx="1934">
                  <c:v>483.63400000000001</c:v>
                </c:pt>
                <c:pt idx="1935">
                  <c:v>484.00099999999998</c:v>
                </c:pt>
                <c:pt idx="1936">
                  <c:v>484.34</c:v>
                </c:pt>
                <c:pt idx="1937">
                  <c:v>484.70100000000002</c:v>
                </c:pt>
                <c:pt idx="1938">
                  <c:v>484.78399999999999</c:v>
                </c:pt>
                <c:pt idx="1939">
                  <c:v>484.83800000000002</c:v>
                </c:pt>
                <c:pt idx="1940">
                  <c:v>485.21899999999999</c:v>
                </c:pt>
                <c:pt idx="1941">
                  <c:v>485.47500000000002</c:v>
                </c:pt>
                <c:pt idx="1942">
                  <c:v>485.77100000000002</c:v>
                </c:pt>
                <c:pt idx="1943">
                  <c:v>486.15899999999999</c:v>
                </c:pt>
                <c:pt idx="1944">
                  <c:v>486.32299999999998</c:v>
                </c:pt>
                <c:pt idx="1945">
                  <c:v>486.73200000000003</c:v>
                </c:pt>
                <c:pt idx="1946">
                  <c:v>486.84</c:v>
                </c:pt>
                <c:pt idx="1947">
                  <c:v>487.137</c:v>
                </c:pt>
                <c:pt idx="1948">
                  <c:v>487.54300000000001</c:v>
                </c:pt>
                <c:pt idx="1949">
                  <c:v>487.851</c:v>
                </c:pt>
                <c:pt idx="1950">
                  <c:v>488.041</c:v>
                </c:pt>
                <c:pt idx="1951">
                  <c:v>488.34100000000001</c:v>
                </c:pt>
                <c:pt idx="1952">
                  <c:v>488.52300000000002</c:v>
                </c:pt>
                <c:pt idx="1953">
                  <c:v>488.79599999999999</c:v>
                </c:pt>
                <c:pt idx="1954">
                  <c:v>489.238</c:v>
                </c:pt>
                <c:pt idx="1955">
                  <c:v>489.392</c:v>
                </c:pt>
                <c:pt idx="1956">
                  <c:v>489.68400000000003</c:v>
                </c:pt>
                <c:pt idx="1957">
                  <c:v>490.00099999999998</c:v>
                </c:pt>
                <c:pt idx="1958">
                  <c:v>490.334</c:v>
                </c:pt>
                <c:pt idx="1959">
                  <c:v>490.529</c:v>
                </c:pt>
                <c:pt idx="1960">
                  <c:v>490.66399999999999</c:v>
                </c:pt>
                <c:pt idx="1961">
                  <c:v>490.92599999999999</c:v>
                </c:pt>
                <c:pt idx="1962">
                  <c:v>491.18599999999998</c:v>
                </c:pt>
                <c:pt idx="1963">
                  <c:v>491.42200000000003</c:v>
                </c:pt>
                <c:pt idx="1964">
                  <c:v>491.77</c:v>
                </c:pt>
                <c:pt idx="1965">
                  <c:v>491.81099999999998</c:v>
                </c:pt>
                <c:pt idx="1966">
                  <c:v>492.12099999999998</c:v>
                </c:pt>
                <c:pt idx="1967">
                  <c:v>492.53800000000001</c:v>
                </c:pt>
                <c:pt idx="1968">
                  <c:v>492.976</c:v>
                </c:pt>
                <c:pt idx="1969">
                  <c:v>493.18599999999998</c:v>
                </c:pt>
                <c:pt idx="1970">
                  <c:v>493.35</c:v>
                </c:pt>
                <c:pt idx="1971">
                  <c:v>493.62400000000002</c:v>
                </c:pt>
                <c:pt idx="1972">
                  <c:v>493.91500000000002</c:v>
                </c:pt>
                <c:pt idx="1973">
                  <c:v>494.13900000000001</c:v>
                </c:pt>
                <c:pt idx="1974">
                  <c:v>494.33</c:v>
                </c:pt>
                <c:pt idx="1975">
                  <c:v>494.834</c:v>
                </c:pt>
                <c:pt idx="1976">
                  <c:v>494.93700000000001</c:v>
                </c:pt>
                <c:pt idx="1977">
                  <c:v>495.33199999999999</c:v>
                </c:pt>
                <c:pt idx="1978">
                  <c:v>495.49599999999998</c:v>
                </c:pt>
                <c:pt idx="1979">
                  <c:v>495.58</c:v>
                </c:pt>
                <c:pt idx="1980">
                  <c:v>496.108</c:v>
                </c:pt>
                <c:pt idx="1981">
                  <c:v>496.35500000000002</c:v>
                </c:pt>
                <c:pt idx="1982">
                  <c:v>496.74400000000003</c:v>
                </c:pt>
                <c:pt idx="1983">
                  <c:v>497.04500000000002</c:v>
                </c:pt>
                <c:pt idx="1984">
                  <c:v>497.36399999999998</c:v>
                </c:pt>
                <c:pt idx="1985">
                  <c:v>497.63499999999999</c:v>
                </c:pt>
                <c:pt idx="1986">
                  <c:v>498.11</c:v>
                </c:pt>
                <c:pt idx="1987">
                  <c:v>498.28800000000001</c:v>
                </c:pt>
                <c:pt idx="1988">
                  <c:v>498.30799999999999</c:v>
                </c:pt>
                <c:pt idx="1989">
                  <c:v>498.416</c:v>
                </c:pt>
                <c:pt idx="1990">
                  <c:v>498.86599999999999</c:v>
                </c:pt>
                <c:pt idx="1991">
                  <c:v>499.13900000000001</c:v>
                </c:pt>
                <c:pt idx="1992">
                  <c:v>499.41199999999998</c:v>
                </c:pt>
                <c:pt idx="1993">
                  <c:v>499.69400000000002</c:v>
                </c:pt>
                <c:pt idx="1994">
                  <c:v>499.85700000000003</c:v>
                </c:pt>
                <c:pt idx="1995">
                  <c:v>500.077</c:v>
                </c:pt>
                <c:pt idx="1996">
                  <c:v>500.16399999999999</c:v>
                </c:pt>
                <c:pt idx="1997">
                  <c:v>500.608</c:v>
                </c:pt>
                <c:pt idx="1998">
                  <c:v>500.976</c:v>
                </c:pt>
                <c:pt idx="1999">
                  <c:v>501.03300000000002</c:v>
                </c:pt>
                <c:pt idx="2000">
                  <c:v>501.399</c:v>
                </c:pt>
                <c:pt idx="2001">
                  <c:v>501.91199999999998</c:v>
                </c:pt>
                <c:pt idx="2002">
                  <c:v>502.11900000000003</c:v>
                </c:pt>
                <c:pt idx="2003">
                  <c:v>502.27699999999999</c:v>
                </c:pt>
                <c:pt idx="2004">
                  <c:v>502.471</c:v>
                </c:pt>
                <c:pt idx="2005">
                  <c:v>502.82400000000001</c:v>
                </c:pt>
                <c:pt idx="2006">
                  <c:v>502.98200000000003</c:v>
                </c:pt>
                <c:pt idx="2007">
                  <c:v>503.245</c:v>
                </c:pt>
                <c:pt idx="2008">
                  <c:v>503.32900000000001</c:v>
                </c:pt>
                <c:pt idx="2009">
                  <c:v>503.75</c:v>
                </c:pt>
                <c:pt idx="2010">
                  <c:v>503.82600000000002</c:v>
                </c:pt>
                <c:pt idx="2011">
                  <c:v>504.10599999999999</c:v>
                </c:pt>
                <c:pt idx="2012">
                  <c:v>504.517</c:v>
                </c:pt>
                <c:pt idx="2013">
                  <c:v>504.899</c:v>
                </c:pt>
                <c:pt idx="2014">
                  <c:v>505.48</c:v>
                </c:pt>
                <c:pt idx="2015">
                  <c:v>505.52</c:v>
                </c:pt>
                <c:pt idx="2016">
                  <c:v>505.64600000000002</c:v>
                </c:pt>
                <c:pt idx="2017">
                  <c:v>505.99599999999998</c:v>
                </c:pt>
                <c:pt idx="2018">
                  <c:v>506.47699999999998</c:v>
                </c:pt>
                <c:pt idx="2019">
                  <c:v>506.67</c:v>
                </c:pt>
                <c:pt idx="2020">
                  <c:v>506.84199999999998</c:v>
                </c:pt>
                <c:pt idx="2021">
                  <c:v>507.21</c:v>
                </c:pt>
                <c:pt idx="2022">
                  <c:v>507.48200000000003</c:v>
                </c:pt>
                <c:pt idx="2023">
                  <c:v>507.73599999999999</c:v>
                </c:pt>
                <c:pt idx="2024">
                  <c:v>508.07900000000001</c:v>
                </c:pt>
                <c:pt idx="2025">
                  <c:v>508.20499999999998</c:v>
                </c:pt>
                <c:pt idx="2026">
                  <c:v>508.54899999999998</c:v>
                </c:pt>
                <c:pt idx="2027">
                  <c:v>508.64699999999999</c:v>
                </c:pt>
                <c:pt idx="2028">
                  <c:v>508.74700000000001</c:v>
                </c:pt>
                <c:pt idx="2029">
                  <c:v>509.07600000000002</c:v>
                </c:pt>
                <c:pt idx="2030">
                  <c:v>509.57900000000001</c:v>
                </c:pt>
                <c:pt idx="2031">
                  <c:v>509.81799999999998</c:v>
                </c:pt>
                <c:pt idx="2032">
                  <c:v>510.13</c:v>
                </c:pt>
                <c:pt idx="2033">
                  <c:v>510.548</c:v>
                </c:pt>
                <c:pt idx="2034">
                  <c:v>510.803</c:v>
                </c:pt>
                <c:pt idx="2035">
                  <c:v>510.94600000000003</c:v>
                </c:pt>
                <c:pt idx="2036">
                  <c:v>511.33600000000001</c:v>
                </c:pt>
                <c:pt idx="2037">
                  <c:v>511.49799999999999</c:v>
                </c:pt>
                <c:pt idx="2038">
                  <c:v>511.77100000000002</c:v>
                </c:pt>
                <c:pt idx="2039">
                  <c:v>512.10400000000004</c:v>
                </c:pt>
                <c:pt idx="2040">
                  <c:v>512.23900000000003</c:v>
                </c:pt>
                <c:pt idx="2041">
                  <c:v>512.41099999999994</c:v>
                </c:pt>
                <c:pt idx="2042">
                  <c:v>512.87599999999998</c:v>
                </c:pt>
                <c:pt idx="2043">
                  <c:v>512.79300000000001</c:v>
                </c:pt>
                <c:pt idx="2044">
                  <c:v>512.83199999999999</c:v>
                </c:pt>
                <c:pt idx="2045">
                  <c:v>513.40800000000002</c:v>
                </c:pt>
                <c:pt idx="2046">
                  <c:v>513.85900000000004</c:v>
                </c:pt>
                <c:pt idx="2047">
                  <c:v>513.89499999999998</c:v>
                </c:pt>
                <c:pt idx="2048">
                  <c:v>514.13</c:v>
                </c:pt>
                <c:pt idx="2049">
                  <c:v>514.50599999999997</c:v>
                </c:pt>
                <c:pt idx="2050">
                  <c:v>514.60799999999995</c:v>
                </c:pt>
                <c:pt idx="2051">
                  <c:v>514.90300000000002</c:v>
                </c:pt>
                <c:pt idx="2052">
                  <c:v>515.41</c:v>
                </c:pt>
                <c:pt idx="2053">
                  <c:v>515.64300000000003</c:v>
                </c:pt>
                <c:pt idx="2054">
                  <c:v>516.08199999999999</c:v>
                </c:pt>
                <c:pt idx="2055">
                  <c:v>516.20799999999997</c:v>
                </c:pt>
                <c:pt idx="2056">
                  <c:v>516.52099999999996</c:v>
                </c:pt>
                <c:pt idx="2057">
                  <c:v>516.60799999999995</c:v>
                </c:pt>
                <c:pt idx="2058">
                  <c:v>516.92399999999998</c:v>
                </c:pt>
                <c:pt idx="2059">
                  <c:v>517.16399999999999</c:v>
                </c:pt>
                <c:pt idx="2060">
                  <c:v>517.21799999999996</c:v>
                </c:pt>
                <c:pt idx="2061">
                  <c:v>517.60299999999995</c:v>
                </c:pt>
                <c:pt idx="2062">
                  <c:v>517.90800000000002</c:v>
                </c:pt>
                <c:pt idx="2063">
                  <c:v>518.27499999999998</c:v>
                </c:pt>
                <c:pt idx="2064">
                  <c:v>518.51900000000001</c:v>
                </c:pt>
                <c:pt idx="2065">
                  <c:v>518.78</c:v>
                </c:pt>
                <c:pt idx="2066">
                  <c:v>518.97900000000004</c:v>
                </c:pt>
                <c:pt idx="2067">
                  <c:v>519.4</c:v>
                </c:pt>
                <c:pt idx="2068">
                  <c:v>519.61199999999997</c:v>
                </c:pt>
                <c:pt idx="2069">
                  <c:v>519.85699999999997</c:v>
                </c:pt>
                <c:pt idx="2070">
                  <c:v>520.29300000000001</c:v>
                </c:pt>
                <c:pt idx="2071">
                  <c:v>520.61699999999996</c:v>
                </c:pt>
                <c:pt idx="2072">
                  <c:v>520.89400000000001</c:v>
                </c:pt>
                <c:pt idx="2073">
                  <c:v>521.31299999999999</c:v>
                </c:pt>
                <c:pt idx="2074">
                  <c:v>521.57500000000005</c:v>
                </c:pt>
                <c:pt idx="2075">
                  <c:v>521.58600000000001</c:v>
                </c:pt>
                <c:pt idx="2076">
                  <c:v>521.91300000000001</c:v>
                </c:pt>
                <c:pt idx="2077">
                  <c:v>522.178</c:v>
                </c:pt>
                <c:pt idx="2078">
                  <c:v>522.71600000000001</c:v>
                </c:pt>
                <c:pt idx="2079">
                  <c:v>523.30600000000004</c:v>
                </c:pt>
                <c:pt idx="2080">
                  <c:v>523.37699999999995</c:v>
                </c:pt>
                <c:pt idx="2081">
                  <c:v>523.476</c:v>
                </c:pt>
                <c:pt idx="2082">
                  <c:v>523.74099999999999</c:v>
                </c:pt>
                <c:pt idx="2083">
                  <c:v>523.92700000000002</c:v>
                </c:pt>
                <c:pt idx="2084">
                  <c:v>524.26199999999994</c:v>
                </c:pt>
                <c:pt idx="2085">
                  <c:v>524.55600000000004</c:v>
                </c:pt>
                <c:pt idx="2086">
                  <c:v>524.98099999999999</c:v>
                </c:pt>
                <c:pt idx="2087">
                  <c:v>525.06700000000001</c:v>
                </c:pt>
                <c:pt idx="2088">
                  <c:v>525.09699999999998</c:v>
                </c:pt>
                <c:pt idx="2089">
                  <c:v>525.59900000000005</c:v>
                </c:pt>
                <c:pt idx="2090">
                  <c:v>525.95600000000002</c:v>
                </c:pt>
                <c:pt idx="2091">
                  <c:v>526.27599999999995</c:v>
                </c:pt>
                <c:pt idx="2092">
                  <c:v>526.45899999999995</c:v>
                </c:pt>
                <c:pt idx="2093">
                  <c:v>526.82399999999996</c:v>
                </c:pt>
                <c:pt idx="2094">
                  <c:v>526.97900000000004</c:v>
                </c:pt>
                <c:pt idx="2095">
                  <c:v>527.05799999999999</c:v>
                </c:pt>
                <c:pt idx="2096">
                  <c:v>527.26199999999994</c:v>
                </c:pt>
                <c:pt idx="2097">
                  <c:v>527.28200000000004</c:v>
                </c:pt>
                <c:pt idx="2098">
                  <c:v>527.59100000000001</c:v>
                </c:pt>
                <c:pt idx="2099">
                  <c:v>527.85299999999995</c:v>
                </c:pt>
                <c:pt idx="2100">
                  <c:v>527.93600000000004</c:v>
                </c:pt>
                <c:pt idx="2101">
                  <c:v>528.27800000000002</c:v>
                </c:pt>
                <c:pt idx="2102">
                  <c:v>528.55899999999997</c:v>
                </c:pt>
                <c:pt idx="2103">
                  <c:v>529.10900000000004</c:v>
                </c:pt>
                <c:pt idx="2104">
                  <c:v>529.39400000000001</c:v>
                </c:pt>
                <c:pt idx="2105">
                  <c:v>529.39300000000003</c:v>
                </c:pt>
                <c:pt idx="2106">
                  <c:v>529.68299999999999</c:v>
                </c:pt>
                <c:pt idx="2107">
                  <c:v>529.995</c:v>
                </c:pt>
                <c:pt idx="2108">
                  <c:v>530.06600000000003</c:v>
                </c:pt>
                <c:pt idx="2109">
                  <c:v>530.22699999999998</c:v>
                </c:pt>
                <c:pt idx="2110">
                  <c:v>530.39099999999996</c:v>
                </c:pt>
                <c:pt idx="2111">
                  <c:v>530.697</c:v>
                </c:pt>
                <c:pt idx="2112">
                  <c:v>531.15499999999997</c:v>
                </c:pt>
                <c:pt idx="2113">
                  <c:v>531.298</c:v>
                </c:pt>
                <c:pt idx="2114">
                  <c:v>531.56700000000001</c:v>
                </c:pt>
                <c:pt idx="2115">
                  <c:v>532.04100000000005</c:v>
                </c:pt>
                <c:pt idx="2116">
                  <c:v>532.57399999999996</c:v>
                </c:pt>
                <c:pt idx="2117">
                  <c:v>532.875</c:v>
                </c:pt>
                <c:pt idx="2118">
                  <c:v>532.846</c:v>
                </c:pt>
                <c:pt idx="2119">
                  <c:v>532.75599999999997</c:v>
                </c:pt>
                <c:pt idx="2120">
                  <c:v>533.26</c:v>
                </c:pt>
                <c:pt idx="2121">
                  <c:v>533.447</c:v>
                </c:pt>
                <c:pt idx="2122">
                  <c:v>533.81399999999996</c:v>
                </c:pt>
                <c:pt idx="2123">
                  <c:v>534.30899999999997</c:v>
                </c:pt>
                <c:pt idx="2124">
                  <c:v>534.59299999999996</c:v>
                </c:pt>
                <c:pt idx="2125">
                  <c:v>534.71400000000006</c:v>
                </c:pt>
                <c:pt idx="2126">
                  <c:v>535.06100000000004</c:v>
                </c:pt>
                <c:pt idx="2127">
                  <c:v>535.38300000000004</c:v>
                </c:pt>
                <c:pt idx="2128">
                  <c:v>535.423</c:v>
                </c:pt>
                <c:pt idx="2129">
                  <c:v>535.50400000000002</c:v>
                </c:pt>
                <c:pt idx="2130">
                  <c:v>535.81500000000005</c:v>
                </c:pt>
                <c:pt idx="2131">
                  <c:v>536.31799999999998</c:v>
                </c:pt>
                <c:pt idx="2132">
                  <c:v>536.55799999999999</c:v>
                </c:pt>
                <c:pt idx="2133">
                  <c:v>536.77200000000005</c:v>
                </c:pt>
                <c:pt idx="2134">
                  <c:v>536.84799999999996</c:v>
                </c:pt>
                <c:pt idx="2135">
                  <c:v>537.23400000000004</c:v>
                </c:pt>
                <c:pt idx="2136">
                  <c:v>537.53200000000004</c:v>
                </c:pt>
                <c:pt idx="2137">
                  <c:v>537.51400000000001</c:v>
                </c:pt>
                <c:pt idx="2138">
                  <c:v>538.06500000000005</c:v>
                </c:pt>
                <c:pt idx="2139">
                  <c:v>538.34699999999998</c:v>
                </c:pt>
                <c:pt idx="2140">
                  <c:v>538.76400000000001</c:v>
                </c:pt>
                <c:pt idx="2141">
                  <c:v>538.96500000000003</c:v>
                </c:pt>
                <c:pt idx="2142">
                  <c:v>539.23800000000006</c:v>
                </c:pt>
                <c:pt idx="2143">
                  <c:v>539.47900000000004</c:v>
                </c:pt>
                <c:pt idx="2144">
                  <c:v>539.82600000000002</c:v>
                </c:pt>
                <c:pt idx="2145">
                  <c:v>540.25800000000004</c:v>
                </c:pt>
                <c:pt idx="2146">
                  <c:v>540.36199999999997</c:v>
                </c:pt>
                <c:pt idx="2147">
                  <c:v>540.476</c:v>
                </c:pt>
                <c:pt idx="2148">
                  <c:v>540.80200000000002</c:v>
                </c:pt>
                <c:pt idx="2149">
                  <c:v>541.00699999999995</c:v>
                </c:pt>
                <c:pt idx="2150">
                  <c:v>541.38800000000003</c:v>
                </c:pt>
                <c:pt idx="2151">
                  <c:v>541.68299999999999</c:v>
                </c:pt>
                <c:pt idx="2152">
                  <c:v>541.82100000000003</c:v>
                </c:pt>
                <c:pt idx="2153">
                  <c:v>542.04899999999998</c:v>
                </c:pt>
                <c:pt idx="2154">
                  <c:v>542.21600000000001</c:v>
                </c:pt>
                <c:pt idx="2155">
                  <c:v>542.404</c:v>
                </c:pt>
                <c:pt idx="2156">
                  <c:v>542.75699999999995</c:v>
                </c:pt>
                <c:pt idx="2157">
                  <c:v>542.65599999999995</c:v>
                </c:pt>
                <c:pt idx="2158">
                  <c:v>542.83600000000001</c:v>
                </c:pt>
                <c:pt idx="2159">
                  <c:v>543.13800000000003</c:v>
                </c:pt>
                <c:pt idx="2160">
                  <c:v>543.51800000000003</c:v>
                </c:pt>
                <c:pt idx="2161">
                  <c:v>543.86699999999996</c:v>
                </c:pt>
                <c:pt idx="2162">
                  <c:v>544.29600000000005</c:v>
                </c:pt>
                <c:pt idx="2163">
                  <c:v>544.40099999999995</c:v>
                </c:pt>
                <c:pt idx="2164">
                  <c:v>544.71799999999996</c:v>
                </c:pt>
                <c:pt idx="2165">
                  <c:v>544.74099999999999</c:v>
                </c:pt>
                <c:pt idx="2166">
                  <c:v>545.25400000000002</c:v>
                </c:pt>
                <c:pt idx="2167">
                  <c:v>545.67999999999995</c:v>
                </c:pt>
                <c:pt idx="2168">
                  <c:v>545.69899999999996</c:v>
                </c:pt>
                <c:pt idx="2169">
                  <c:v>545.94000000000005</c:v>
                </c:pt>
                <c:pt idx="2170">
                  <c:v>546.23099999999999</c:v>
                </c:pt>
                <c:pt idx="2171">
                  <c:v>546.70699999999999</c:v>
                </c:pt>
                <c:pt idx="2172">
                  <c:v>547.14400000000001</c:v>
                </c:pt>
                <c:pt idx="2173">
                  <c:v>547.30499999999995</c:v>
                </c:pt>
                <c:pt idx="2174">
                  <c:v>547.61699999999996</c:v>
                </c:pt>
                <c:pt idx="2175">
                  <c:v>547.95000000000005</c:v>
                </c:pt>
                <c:pt idx="2176">
                  <c:v>548.04100000000005</c:v>
                </c:pt>
                <c:pt idx="2177">
                  <c:v>548.34699999999998</c:v>
                </c:pt>
                <c:pt idx="2178">
                  <c:v>548.42999999999995</c:v>
                </c:pt>
                <c:pt idx="2179">
                  <c:v>548.73299999999995</c:v>
                </c:pt>
                <c:pt idx="2180">
                  <c:v>548.88499999999999</c:v>
                </c:pt>
                <c:pt idx="2181">
                  <c:v>549.18799999999999</c:v>
                </c:pt>
                <c:pt idx="2182">
                  <c:v>549.40800000000002</c:v>
                </c:pt>
                <c:pt idx="2183">
                  <c:v>549.76199999999994</c:v>
                </c:pt>
                <c:pt idx="2184">
                  <c:v>549.86500000000001</c:v>
                </c:pt>
                <c:pt idx="2185">
                  <c:v>550.17399999999998</c:v>
                </c:pt>
                <c:pt idx="2186">
                  <c:v>550.53899999999999</c:v>
                </c:pt>
                <c:pt idx="2187">
                  <c:v>550.46799999999996</c:v>
                </c:pt>
                <c:pt idx="2188">
                  <c:v>550.78499999999997</c:v>
                </c:pt>
                <c:pt idx="2189">
                  <c:v>551.06899999999996</c:v>
                </c:pt>
                <c:pt idx="2190">
                  <c:v>551.13</c:v>
                </c:pt>
                <c:pt idx="2191">
                  <c:v>551.73599999999999</c:v>
                </c:pt>
                <c:pt idx="2192">
                  <c:v>551.91999999999996</c:v>
                </c:pt>
                <c:pt idx="2193">
                  <c:v>552.15599999999995</c:v>
                </c:pt>
                <c:pt idx="2194">
                  <c:v>552.43200000000002</c:v>
                </c:pt>
                <c:pt idx="2195">
                  <c:v>552.36</c:v>
                </c:pt>
                <c:pt idx="2196">
                  <c:v>552.88</c:v>
                </c:pt>
                <c:pt idx="2197">
                  <c:v>553.447</c:v>
                </c:pt>
                <c:pt idx="2198">
                  <c:v>553.70000000000005</c:v>
                </c:pt>
                <c:pt idx="2199">
                  <c:v>554.05399999999997</c:v>
                </c:pt>
                <c:pt idx="2200">
                  <c:v>553.99599999999998</c:v>
                </c:pt>
                <c:pt idx="2201">
                  <c:v>554.28399999999999</c:v>
                </c:pt>
                <c:pt idx="2202">
                  <c:v>554.23500000000001</c:v>
                </c:pt>
                <c:pt idx="2203">
                  <c:v>554.40499999999997</c:v>
                </c:pt>
                <c:pt idx="2204">
                  <c:v>554.87300000000005</c:v>
                </c:pt>
                <c:pt idx="2205">
                  <c:v>554.93200000000002</c:v>
                </c:pt>
                <c:pt idx="2206">
                  <c:v>555.30499999999995</c:v>
                </c:pt>
                <c:pt idx="2207">
                  <c:v>555.68700000000001</c:v>
                </c:pt>
                <c:pt idx="2208">
                  <c:v>555.80499999999995</c:v>
                </c:pt>
                <c:pt idx="2209">
                  <c:v>555.98699999999997</c:v>
                </c:pt>
                <c:pt idx="2210">
                  <c:v>556.51800000000003</c:v>
                </c:pt>
                <c:pt idx="2211">
                  <c:v>556.67600000000004</c:v>
                </c:pt>
                <c:pt idx="2212">
                  <c:v>557.06200000000001</c:v>
                </c:pt>
                <c:pt idx="2213">
                  <c:v>557.51599999999996</c:v>
                </c:pt>
                <c:pt idx="2214">
                  <c:v>557.72699999999998</c:v>
                </c:pt>
                <c:pt idx="2215">
                  <c:v>557.97400000000005</c:v>
                </c:pt>
                <c:pt idx="2216">
                  <c:v>558.02099999999996</c:v>
                </c:pt>
                <c:pt idx="2217">
                  <c:v>558.24</c:v>
                </c:pt>
                <c:pt idx="2218">
                  <c:v>558.73500000000001</c:v>
                </c:pt>
                <c:pt idx="2219">
                  <c:v>559.10699999999997</c:v>
                </c:pt>
                <c:pt idx="2220">
                  <c:v>559.303</c:v>
                </c:pt>
                <c:pt idx="2221">
                  <c:v>559.38499999999999</c:v>
                </c:pt>
                <c:pt idx="2222">
                  <c:v>559.68899999999996</c:v>
                </c:pt>
                <c:pt idx="2223">
                  <c:v>559.779</c:v>
                </c:pt>
                <c:pt idx="2224">
                  <c:v>560.04700000000003</c:v>
                </c:pt>
                <c:pt idx="2225">
                  <c:v>560.31899999999996</c:v>
                </c:pt>
                <c:pt idx="2226">
                  <c:v>560.505</c:v>
                </c:pt>
                <c:pt idx="2227">
                  <c:v>561.04600000000005</c:v>
                </c:pt>
                <c:pt idx="2228">
                  <c:v>561.32899999999995</c:v>
                </c:pt>
                <c:pt idx="2229">
                  <c:v>561.625</c:v>
                </c:pt>
                <c:pt idx="2230">
                  <c:v>561.93499999999995</c:v>
                </c:pt>
                <c:pt idx="2231">
                  <c:v>562.08799999999997</c:v>
                </c:pt>
                <c:pt idx="2232">
                  <c:v>562.28300000000002</c:v>
                </c:pt>
                <c:pt idx="2233">
                  <c:v>562.524</c:v>
                </c:pt>
                <c:pt idx="2234">
                  <c:v>562.84</c:v>
                </c:pt>
                <c:pt idx="2235">
                  <c:v>562.91200000000003</c:v>
                </c:pt>
                <c:pt idx="2236">
                  <c:v>563.31799999999998</c:v>
                </c:pt>
                <c:pt idx="2237">
                  <c:v>563.54100000000005</c:v>
                </c:pt>
                <c:pt idx="2238">
                  <c:v>563.68299999999999</c:v>
                </c:pt>
                <c:pt idx="2239">
                  <c:v>564.00400000000002</c:v>
                </c:pt>
                <c:pt idx="2240">
                  <c:v>564.21799999999996</c:v>
                </c:pt>
                <c:pt idx="2241">
                  <c:v>564.42100000000005</c:v>
                </c:pt>
                <c:pt idx="2242">
                  <c:v>564.53200000000004</c:v>
                </c:pt>
                <c:pt idx="2243">
                  <c:v>564.83900000000006</c:v>
                </c:pt>
                <c:pt idx="2244">
                  <c:v>565.08699999999999</c:v>
                </c:pt>
                <c:pt idx="2245">
                  <c:v>565.29399999999998</c:v>
                </c:pt>
                <c:pt idx="2246">
                  <c:v>565.41</c:v>
                </c:pt>
                <c:pt idx="2247">
                  <c:v>565.81299999999999</c:v>
                </c:pt>
                <c:pt idx="2248">
                  <c:v>565.89</c:v>
                </c:pt>
                <c:pt idx="2249">
                  <c:v>566.09</c:v>
                </c:pt>
                <c:pt idx="2250">
                  <c:v>566.47699999999998</c:v>
                </c:pt>
                <c:pt idx="2251">
                  <c:v>566.74199999999996</c:v>
                </c:pt>
                <c:pt idx="2252">
                  <c:v>567.05700000000002</c:v>
                </c:pt>
                <c:pt idx="2253">
                  <c:v>567.17700000000002</c:v>
                </c:pt>
                <c:pt idx="2254">
                  <c:v>567.25400000000002</c:v>
                </c:pt>
                <c:pt idx="2255">
                  <c:v>567.83799999999997</c:v>
                </c:pt>
                <c:pt idx="2256">
                  <c:v>568.15</c:v>
                </c:pt>
                <c:pt idx="2257">
                  <c:v>568.553</c:v>
                </c:pt>
                <c:pt idx="2258">
                  <c:v>568.63</c:v>
                </c:pt>
                <c:pt idx="2259">
                  <c:v>568.86</c:v>
                </c:pt>
                <c:pt idx="2260">
                  <c:v>569.125</c:v>
                </c:pt>
                <c:pt idx="2261">
                  <c:v>569.43100000000004</c:v>
                </c:pt>
                <c:pt idx="2262">
                  <c:v>569.678</c:v>
                </c:pt>
                <c:pt idx="2263">
                  <c:v>569.86</c:v>
                </c:pt>
                <c:pt idx="2264">
                  <c:v>570.15499999999997</c:v>
                </c:pt>
                <c:pt idx="2265">
                  <c:v>570.36900000000003</c:v>
                </c:pt>
                <c:pt idx="2266">
                  <c:v>570.66099999999994</c:v>
                </c:pt>
                <c:pt idx="2267">
                  <c:v>570.91999999999996</c:v>
                </c:pt>
                <c:pt idx="2268">
                  <c:v>571.20899999999995</c:v>
                </c:pt>
                <c:pt idx="2269">
                  <c:v>571.59299999999996</c:v>
                </c:pt>
                <c:pt idx="2270">
                  <c:v>571.779</c:v>
                </c:pt>
                <c:pt idx="2271">
                  <c:v>572.04600000000005</c:v>
                </c:pt>
                <c:pt idx="2272">
                  <c:v>572.22400000000005</c:v>
                </c:pt>
                <c:pt idx="2273">
                  <c:v>572.60400000000004</c:v>
                </c:pt>
                <c:pt idx="2274">
                  <c:v>572.88800000000003</c:v>
                </c:pt>
                <c:pt idx="2275">
                  <c:v>573.33699999999999</c:v>
                </c:pt>
                <c:pt idx="2276">
                  <c:v>573.52599999999995</c:v>
                </c:pt>
                <c:pt idx="2277">
                  <c:v>573.63</c:v>
                </c:pt>
                <c:pt idx="2278">
                  <c:v>573.72900000000004</c:v>
                </c:pt>
                <c:pt idx="2279">
                  <c:v>574.05100000000004</c:v>
                </c:pt>
                <c:pt idx="2280">
                  <c:v>574.303</c:v>
                </c:pt>
                <c:pt idx="2281">
                  <c:v>574.46799999999996</c:v>
                </c:pt>
                <c:pt idx="2282">
                  <c:v>574.79200000000003</c:v>
                </c:pt>
                <c:pt idx="2283">
                  <c:v>575.23699999999997</c:v>
                </c:pt>
                <c:pt idx="2284">
                  <c:v>575.38699999999994</c:v>
                </c:pt>
                <c:pt idx="2285">
                  <c:v>575.45899999999995</c:v>
                </c:pt>
                <c:pt idx="2286">
                  <c:v>575.77800000000002</c:v>
                </c:pt>
                <c:pt idx="2287">
                  <c:v>575.98199999999997</c:v>
                </c:pt>
                <c:pt idx="2288">
                  <c:v>576.35900000000004</c:v>
                </c:pt>
                <c:pt idx="2289">
                  <c:v>576.572</c:v>
                </c:pt>
                <c:pt idx="2290">
                  <c:v>576.84799999999996</c:v>
                </c:pt>
                <c:pt idx="2291">
                  <c:v>577.005</c:v>
                </c:pt>
                <c:pt idx="2292">
                  <c:v>577.33699999999999</c:v>
                </c:pt>
                <c:pt idx="2293">
                  <c:v>577.66</c:v>
                </c:pt>
                <c:pt idx="2294">
                  <c:v>577.90200000000004</c:v>
                </c:pt>
                <c:pt idx="2295">
                  <c:v>578.15899999999999</c:v>
                </c:pt>
                <c:pt idx="2296">
                  <c:v>578.28700000000003</c:v>
                </c:pt>
                <c:pt idx="2297">
                  <c:v>578.46299999999997</c:v>
                </c:pt>
                <c:pt idx="2298">
                  <c:v>578.81500000000005</c:v>
                </c:pt>
                <c:pt idx="2299">
                  <c:v>579.005</c:v>
                </c:pt>
                <c:pt idx="2300">
                  <c:v>579.33900000000006</c:v>
                </c:pt>
                <c:pt idx="2301">
                  <c:v>579.61199999999997</c:v>
                </c:pt>
                <c:pt idx="2302">
                  <c:v>579.93799999999999</c:v>
                </c:pt>
                <c:pt idx="2303">
                  <c:v>580.19500000000005</c:v>
                </c:pt>
                <c:pt idx="2304">
                  <c:v>580.38099999999997</c:v>
                </c:pt>
                <c:pt idx="2305">
                  <c:v>580.53499999999997</c:v>
                </c:pt>
                <c:pt idx="2306">
                  <c:v>580.53899999999999</c:v>
                </c:pt>
                <c:pt idx="2307">
                  <c:v>581.13900000000001</c:v>
                </c:pt>
                <c:pt idx="2308">
                  <c:v>581.43700000000001</c:v>
                </c:pt>
                <c:pt idx="2309">
                  <c:v>581.79100000000005</c:v>
                </c:pt>
                <c:pt idx="2310">
                  <c:v>581.75400000000002</c:v>
                </c:pt>
                <c:pt idx="2311">
                  <c:v>582.19100000000003</c:v>
                </c:pt>
                <c:pt idx="2312">
                  <c:v>582.50099999999998</c:v>
                </c:pt>
                <c:pt idx="2313">
                  <c:v>582.928</c:v>
                </c:pt>
                <c:pt idx="2314">
                  <c:v>583.048</c:v>
                </c:pt>
                <c:pt idx="2315">
                  <c:v>583.01700000000005</c:v>
                </c:pt>
                <c:pt idx="2316">
                  <c:v>583.29</c:v>
                </c:pt>
                <c:pt idx="2317">
                  <c:v>583.84</c:v>
                </c:pt>
                <c:pt idx="2318">
                  <c:v>583.98</c:v>
                </c:pt>
                <c:pt idx="2319">
                  <c:v>584.18700000000001</c:v>
                </c:pt>
                <c:pt idx="2320">
                  <c:v>584.47400000000005</c:v>
                </c:pt>
                <c:pt idx="2321">
                  <c:v>584.88699999999994</c:v>
                </c:pt>
                <c:pt idx="2322">
                  <c:v>584.97799999999995</c:v>
                </c:pt>
                <c:pt idx="2323">
                  <c:v>585.13</c:v>
                </c:pt>
                <c:pt idx="2324">
                  <c:v>585.46799999999996</c:v>
                </c:pt>
                <c:pt idx="2325">
                  <c:v>585.88</c:v>
                </c:pt>
                <c:pt idx="2326">
                  <c:v>586.19899999999996</c:v>
                </c:pt>
                <c:pt idx="2327">
                  <c:v>586.32100000000003</c:v>
                </c:pt>
                <c:pt idx="2328">
                  <c:v>586.57799999999997</c:v>
                </c:pt>
                <c:pt idx="2329">
                  <c:v>586.80200000000002</c:v>
                </c:pt>
                <c:pt idx="2330">
                  <c:v>586.90599999999995</c:v>
                </c:pt>
                <c:pt idx="2331">
                  <c:v>587.04899999999998</c:v>
                </c:pt>
                <c:pt idx="2332">
                  <c:v>587.44000000000005</c:v>
                </c:pt>
                <c:pt idx="2333">
                  <c:v>587.83000000000004</c:v>
                </c:pt>
                <c:pt idx="2334">
                  <c:v>588.01400000000001</c:v>
                </c:pt>
                <c:pt idx="2335">
                  <c:v>588.10699999999997</c:v>
                </c:pt>
                <c:pt idx="2336">
                  <c:v>588.56600000000003</c:v>
                </c:pt>
                <c:pt idx="2337">
                  <c:v>588.87</c:v>
                </c:pt>
                <c:pt idx="2338">
                  <c:v>589.048</c:v>
                </c:pt>
                <c:pt idx="2339">
                  <c:v>589.44299999999998</c:v>
                </c:pt>
                <c:pt idx="2340">
                  <c:v>589.50699999999995</c:v>
                </c:pt>
                <c:pt idx="2341">
                  <c:v>589.58799999999997</c:v>
                </c:pt>
                <c:pt idx="2342">
                  <c:v>590.05399999999997</c:v>
                </c:pt>
                <c:pt idx="2343">
                  <c:v>590.42999999999995</c:v>
                </c:pt>
                <c:pt idx="2344">
                  <c:v>590.43700000000001</c:v>
                </c:pt>
                <c:pt idx="2345">
                  <c:v>590.69600000000003</c:v>
                </c:pt>
                <c:pt idx="2346">
                  <c:v>590.95799999999997</c:v>
                </c:pt>
                <c:pt idx="2347">
                  <c:v>591.13400000000001</c:v>
                </c:pt>
                <c:pt idx="2348">
                  <c:v>591.46</c:v>
                </c:pt>
                <c:pt idx="2349">
                  <c:v>591.73599999999999</c:v>
                </c:pt>
                <c:pt idx="2350">
                  <c:v>592.08100000000002</c:v>
                </c:pt>
                <c:pt idx="2351">
                  <c:v>592.24199999999996</c:v>
                </c:pt>
                <c:pt idx="2352">
                  <c:v>592.26900000000001</c:v>
                </c:pt>
                <c:pt idx="2353">
                  <c:v>592.78099999999995</c:v>
                </c:pt>
                <c:pt idx="2354">
                  <c:v>592.91899999999998</c:v>
                </c:pt>
                <c:pt idx="2355">
                  <c:v>593.18799999999999</c:v>
                </c:pt>
                <c:pt idx="2356">
                  <c:v>593.39</c:v>
                </c:pt>
                <c:pt idx="2357">
                  <c:v>593.673</c:v>
                </c:pt>
                <c:pt idx="2358">
                  <c:v>593.86300000000006</c:v>
                </c:pt>
                <c:pt idx="2359">
                  <c:v>594.33600000000001</c:v>
                </c:pt>
                <c:pt idx="2360">
                  <c:v>594.52599999999995</c:v>
                </c:pt>
                <c:pt idx="2361">
                  <c:v>594.95699999999999</c:v>
                </c:pt>
                <c:pt idx="2362">
                  <c:v>595.16200000000003</c:v>
                </c:pt>
                <c:pt idx="2363">
                  <c:v>595.45799999999997</c:v>
                </c:pt>
                <c:pt idx="2364">
                  <c:v>595.77200000000005</c:v>
                </c:pt>
                <c:pt idx="2365">
                  <c:v>595.995</c:v>
                </c:pt>
                <c:pt idx="2366">
                  <c:v>596.03800000000001</c:v>
                </c:pt>
                <c:pt idx="2367">
                  <c:v>596.154</c:v>
                </c:pt>
                <c:pt idx="2368">
                  <c:v>596.26700000000005</c:v>
                </c:pt>
                <c:pt idx="2369">
                  <c:v>596.53899999999999</c:v>
                </c:pt>
                <c:pt idx="2370">
                  <c:v>596.84500000000003</c:v>
                </c:pt>
                <c:pt idx="2371">
                  <c:v>597.07000000000005</c:v>
                </c:pt>
                <c:pt idx="2372">
                  <c:v>597.54899999999998</c:v>
                </c:pt>
                <c:pt idx="2373">
                  <c:v>597.84</c:v>
                </c:pt>
                <c:pt idx="2374">
                  <c:v>598.14099999999996</c:v>
                </c:pt>
                <c:pt idx="2375">
                  <c:v>598.33500000000004</c:v>
                </c:pt>
                <c:pt idx="2376">
                  <c:v>598.63</c:v>
                </c:pt>
                <c:pt idx="2377">
                  <c:v>598.779</c:v>
                </c:pt>
                <c:pt idx="2378">
                  <c:v>599.05899999999997</c:v>
                </c:pt>
                <c:pt idx="2379">
                  <c:v>599.09199999999998</c:v>
                </c:pt>
                <c:pt idx="2380">
                  <c:v>599.29100000000005</c:v>
                </c:pt>
                <c:pt idx="2381">
                  <c:v>599.63599999999997</c:v>
                </c:pt>
                <c:pt idx="2382">
                  <c:v>599.90599999999995</c:v>
                </c:pt>
                <c:pt idx="2383">
                  <c:v>600.07500000000005</c:v>
                </c:pt>
                <c:pt idx="2384">
                  <c:v>600.15200000000004</c:v>
                </c:pt>
                <c:pt idx="2385">
                  <c:v>600.59699999999998</c:v>
                </c:pt>
                <c:pt idx="2386">
                  <c:v>600.87699999999995</c:v>
                </c:pt>
                <c:pt idx="2387">
                  <c:v>601.255</c:v>
                </c:pt>
                <c:pt idx="2388">
                  <c:v>601.50699999999995</c:v>
                </c:pt>
                <c:pt idx="2389">
                  <c:v>601.678</c:v>
                </c:pt>
                <c:pt idx="2390">
                  <c:v>602.08199999999999</c:v>
                </c:pt>
                <c:pt idx="2391">
                  <c:v>602.03099999999995</c:v>
                </c:pt>
                <c:pt idx="2392">
                  <c:v>602.09799999999996</c:v>
                </c:pt>
                <c:pt idx="2393">
                  <c:v>602.42999999999995</c:v>
                </c:pt>
                <c:pt idx="2394">
                  <c:v>602.596</c:v>
                </c:pt>
                <c:pt idx="2395">
                  <c:v>602.971</c:v>
                </c:pt>
                <c:pt idx="2396">
                  <c:v>603.49400000000003</c:v>
                </c:pt>
                <c:pt idx="2397">
                  <c:v>603.67999999999995</c:v>
                </c:pt>
                <c:pt idx="2398">
                  <c:v>603.91800000000001</c:v>
                </c:pt>
                <c:pt idx="2399">
                  <c:v>603.95600000000002</c:v>
                </c:pt>
                <c:pt idx="2400">
                  <c:v>604.35299999999995</c:v>
                </c:pt>
                <c:pt idx="2401">
                  <c:v>604.47299999999996</c:v>
                </c:pt>
                <c:pt idx="2402">
                  <c:v>604.93899999999996</c:v>
                </c:pt>
                <c:pt idx="2403">
                  <c:v>605.22199999999998</c:v>
                </c:pt>
                <c:pt idx="2404">
                  <c:v>605.43100000000004</c:v>
                </c:pt>
                <c:pt idx="2405">
                  <c:v>605.69799999999998</c:v>
                </c:pt>
                <c:pt idx="2406">
                  <c:v>605.99300000000005</c:v>
                </c:pt>
                <c:pt idx="2407">
                  <c:v>606.33199999999999</c:v>
                </c:pt>
                <c:pt idx="2408">
                  <c:v>606.48699999999997</c:v>
                </c:pt>
                <c:pt idx="2409">
                  <c:v>606.77099999999996</c:v>
                </c:pt>
                <c:pt idx="2410">
                  <c:v>606.904</c:v>
                </c:pt>
                <c:pt idx="2411">
                  <c:v>607.03700000000003</c:v>
                </c:pt>
                <c:pt idx="2412">
                  <c:v>607.16600000000005</c:v>
                </c:pt>
                <c:pt idx="2413">
                  <c:v>607.45600000000002</c:v>
                </c:pt>
                <c:pt idx="2414">
                  <c:v>607.57299999999998</c:v>
                </c:pt>
                <c:pt idx="2415">
                  <c:v>608.13</c:v>
                </c:pt>
                <c:pt idx="2416">
                  <c:v>608.44500000000005</c:v>
                </c:pt>
                <c:pt idx="2417">
                  <c:v>608.61800000000005</c:v>
                </c:pt>
                <c:pt idx="2418">
                  <c:v>609.01700000000005</c:v>
                </c:pt>
                <c:pt idx="2419">
                  <c:v>609.19299999999998</c:v>
                </c:pt>
                <c:pt idx="2420">
                  <c:v>609.279</c:v>
                </c:pt>
                <c:pt idx="2421">
                  <c:v>609.56600000000003</c:v>
                </c:pt>
                <c:pt idx="2422">
                  <c:v>609.37699999999995</c:v>
                </c:pt>
                <c:pt idx="2423">
                  <c:v>609.97</c:v>
                </c:pt>
                <c:pt idx="2424">
                  <c:v>610.476</c:v>
                </c:pt>
                <c:pt idx="2425">
                  <c:v>610.48500000000001</c:v>
                </c:pt>
                <c:pt idx="2426">
                  <c:v>610.92399999999998</c:v>
                </c:pt>
                <c:pt idx="2427">
                  <c:v>611.25800000000004</c:v>
                </c:pt>
                <c:pt idx="2428">
                  <c:v>611.49900000000002</c:v>
                </c:pt>
                <c:pt idx="2429">
                  <c:v>611.745</c:v>
                </c:pt>
                <c:pt idx="2430">
                  <c:v>612.11900000000003</c:v>
                </c:pt>
                <c:pt idx="2431">
                  <c:v>612.303</c:v>
                </c:pt>
                <c:pt idx="2432">
                  <c:v>612.18799999999999</c:v>
                </c:pt>
                <c:pt idx="2433">
                  <c:v>612.48099999999999</c:v>
                </c:pt>
                <c:pt idx="2434">
                  <c:v>612.76800000000003</c:v>
                </c:pt>
                <c:pt idx="2435">
                  <c:v>612.85900000000004</c:v>
                </c:pt>
                <c:pt idx="2436">
                  <c:v>613.17499999999995</c:v>
                </c:pt>
                <c:pt idx="2437">
                  <c:v>613.625</c:v>
                </c:pt>
                <c:pt idx="2438">
                  <c:v>613.84299999999996</c:v>
                </c:pt>
                <c:pt idx="2439">
                  <c:v>614.15099999999995</c:v>
                </c:pt>
                <c:pt idx="2440">
                  <c:v>614.43399999999997</c:v>
                </c:pt>
                <c:pt idx="2441">
                  <c:v>614.57399999999996</c:v>
                </c:pt>
                <c:pt idx="2442">
                  <c:v>614.69000000000005</c:v>
                </c:pt>
                <c:pt idx="2443">
                  <c:v>614.76499999999999</c:v>
                </c:pt>
                <c:pt idx="2444">
                  <c:v>615.15599999999995</c:v>
                </c:pt>
                <c:pt idx="2445">
                  <c:v>615.49400000000003</c:v>
                </c:pt>
                <c:pt idx="2446">
                  <c:v>615.84199999999998</c:v>
                </c:pt>
                <c:pt idx="2447">
                  <c:v>616.02200000000005</c:v>
                </c:pt>
                <c:pt idx="2448">
                  <c:v>616.09500000000003</c:v>
                </c:pt>
                <c:pt idx="2449">
                  <c:v>616.34900000000005</c:v>
                </c:pt>
                <c:pt idx="2450">
                  <c:v>616.56399999999996</c:v>
                </c:pt>
                <c:pt idx="2451">
                  <c:v>616.601</c:v>
                </c:pt>
                <c:pt idx="2452">
                  <c:v>617.24099999999999</c:v>
                </c:pt>
                <c:pt idx="2453">
                  <c:v>617.77700000000004</c:v>
                </c:pt>
                <c:pt idx="2454">
                  <c:v>618.07600000000002</c:v>
                </c:pt>
                <c:pt idx="2455">
                  <c:v>618.17100000000005</c:v>
                </c:pt>
                <c:pt idx="2456">
                  <c:v>618.36699999999996</c:v>
                </c:pt>
                <c:pt idx="2457">
                  <c:v>618.72699999999998</c:v>
                </c:pt>
                <c:pt idx="2458">
                  <c:v>618.82500000000005</c:v>
                </c:pt>
                <c:pt idx="2459">
                  <c:v>619.11800000000005</c:v>
                </c:pt>
                <c:pt idx="2460">
                  <c:v>619.4</c:v>
                </c:pt>
                <c:pt idx="2461">
                  <c:v>619.79</c:v>
                </c:pt>
                <c:pt idx="2462">
                  <c:v>619.798</c:v>
                </c:pt>
                <c:pt idx="2463">
                  <c:v>620.06399999999996</c:v>
                </c:pt>
                <c:pt idx="2464">
                  <c:v>620.44899999999996</c:v>
                </c:pt>
                <c:pt idx="2465">
                  <c:v>620.56299999999999</c:v>
                </c:pt>
                <c:pt idx="2466">
                  <c:v>620.91999999999996</c:v>
                </c:pt>
                <c:pt idx="2467">
                  <c:v>621.06899999999996</c:v>
                </c:pt>
                <c:pt idx="2468">
                  <c:v>621.48</c:v>
                </c:pt>
                <c:pt idx="2469">
                  <c:v>621.62699999999995</c:v>
                </c:pt>
                <c:pt idx="2470">
                  <c:v>621.60900000000004</c:v>
                </c:pt>
                <c:pt idx="2471">
                  <c:v>621.91</c:v>
                </c:pt>
                <c:pt idx="2472">
                  <c:v>622.14700000000005</c:v>
                </c:pt>
                <c:pt idx="2473">
                  <c:v>622.45100000000002</c:v>
                </c:pt>
                <c:pt idx="2474">
                  <c:v>622.91899999999998</c:v>
                </c:pt>
                <c:pt idx="2475">
                  <c:v>623.16200000000003</c:v>
                </c:pt>
                <c:pt idx="2476">
                  <c:v>623.32299999999998</c:v>
                </c:pt>
                <c:pt idx="2477">
                  <c:v>623.77599999999995</c:v>
                </c:pt>
                <c:pt idx="2478">
                  <c:v>623.928</c:v>
                </c:pt>
                <c:pt idx="2479">
                  <c:v>624.01300000000003</c:v>
                </c:pt>
                <c:pt idx="2480">
                  <c:v>624.32799999999997</c:v>
                </c:pt>
                <c:pt idx="2481">
                  <c:v>624.58699999999999</c:v>
                </c:pt>
                <c:pt idx="2482">
                  <c:v>624.86400000000003</c:v>
                </c:pt>
                <c:pt idx="2483">
                  <c:v>625.19899999999996</c:v>
                </c:pt>
                <c:pt idx="2484">
                  <c:v>625.471</c:v>
                </c:pt>
                <c:pt idx="2485">
                  <c:v>625.721</c:v>
                </c:pt>
                <c:pt idx="2486">
                  <c:v>625.97199999999998</c:v>
                </c:pt>
                <c:pt idx="2487">
                  <c:v>625.851</c:v>
                </c:pt>
                <c:pt idx="2488">
                  <c:v>626.13800000000003</c:v>
                </c:pt>
                <c:pt idx="2489">
                  <c:v>626.56600000000003</c:v>
                </c:pt>
                <c:pt idx="2490">
                  <c:v>626.71299999999997</c:v>
                </c:pt>
                <c:pt idx="2491">
                  <c:v>626.79100000000005</c:v>
                </c:pt>
                <c:pt idx="2492">
                  <c:v>627.14400000000001</c:v>
                </c:pt>
                <c:pt idx="2493">
                  <c:v>627.46699999999998</c:v>
                </c:pt>
                <c:pt idx="2494">
                  <c:v>627.76900000000001</c:v>
                </c:pt>
                <c:pt idx="2495">
                  <c:v>627.98299999999995</c:v>
                </c:pt>
                <c:pt idx="2496">
                  <c:v>628.31500000000005</c:v>
                </c:pt>
                <c:pt idx="2497">
                  <c:v>628.76199999999994</c:v>
                </c:pt>
                <c:pt idx="2498">
                  <c:v>628.84</c:v>
                </c:pt>
                <c:pt idx="2499">
                  <c:v>629.13900000000001</c:v>
                </c:pt>
                <c:pt idx="2500">
                  <c:v>629.31500000000005</c:v>
                </c:pt>
                <c:pt idx="2501">
                  <c:v>629.58199999999999</c:v>
                </c:pt>
                <c:pt idx="2502">
                  <c:v>629.89</c:v>
                </c:pt>
                <c:pt idx="2503">
                  <c:v>630.35699999999997</c:v>
                </c:pt>
                <c:pt idx="2504">
                  <c:v>630.72799999999995</c:v>
                </c:pt>
                <c:pt idx="2505">
                  <c:v>630.68600000000004</c:v>
                </c:pt>
                <c:pt idx="2506">
                  <c:v>630.81100000000004</c:v>
                </c:pt>
                <c:pt idx="2507">
                  <c:v>631.22299999999996</c:v>
                </c:pt>
                <c:pt idx="2508">
                  <c:v>631.35699999999997</c:v>
                </c:pt>
                <c:pt idx="2509">
                  <c:v>631.64</c:v>
                </c:pt>
                <c:pt idx="2510">
                  <c:v>631.78</c:v>
                </c:pt>
                <c:pt idx="2511">
                  <c:v>632.10400000000004</c:v>
                </c:pt>
                <c:pt idx="2512">
                  <c:v>632.36500000000001</c:v>
                </c:pt>
                <c:pt idx="2513">
                  <c:v>632.745</c:v>
                </c:pt>
                <c:pt idx="2514">
                  <c:v>632.95100000000002</c:v>
                </c:pt>
                <c:pt idx="2515">
                  <c:v>633.28700000000003</c:v>
                </c:pt>
                <c:pt idx="2516">
                  <c:v>633.66600000000005</c:v>
                </c:pt>
                <c:pt idx="2517">
                  <c:v>633.90599999999995</c:v>
                </c:pt>
                <c:pt idx="2518">
                  <c:v>634.18700000000001</c:v>
                </c:pt>
                <c:pt idx="2519">
                  <c:v>634.35500000000002</c:v>
                </c:pt>
                <c:pt idx="2520">
                  <c:v>634.46199999999999</c:v>
                </c:pt>
                <c:pt idx="2521">
                  <c:v>634.65099999999995</c:v>
                </c:pt>
                <c:pt idx="2522">
                  <c:v>635.08900000000006</c:v>
                </c:pt>
                <c:pt idx="2523">
                  <c:v>635.46199999999999</c:v>
                </c:pt>
                <c:pt idx="2524">
                  <c:v>635.52200000000005</c:v>
                </c:pt>
                <c:pt idx="2525">
                  <c:v>635.87599999999998</c:v>
                </c:pt>
                <c:pt idx="2526">
                  <c:v>636.16800000000001</c:v>
                </c:pt>
                <c:pt idx="2527">
                  <c:v>636.37699999999995</c:v>
                </c:pt>
                <c:pt idx="2528">
                  <c:v>636.50900000000001</c:v>
                </c:pt>
                <c:pt idx="2529">
                  <c:v>636.73699999999997</c:v>
                </c:pt>
                <c:pt idx="2530">
                  <c:v>637.24900000000002</c:v>
                </c:pt>
                <c:pt idx="2531">
                  <c:v>637.39400000000001</c:v>
                </c:pt>
                <c:pt idx="2532">
                  <c:v>637.42999999999995</c:v>
                </c:pt>
                <c:pt idx="2533">
                  <c:v>637.74599999999998</c:v>
                </c:pt>
                <c:pt idx="2534">
                  <c:v>637.96100000000001</c:v>
                </c:pt>
                <c:pt idx="2535">
                  <c:v>638.19299999999998</c:v>
                </c:pt>
                <c:pt idx="2536">
                  <c:v>638.26</c:v>
                </c:pt>
                <c:pt idx="2537">
                  <c:v>638.50099999999998</c:v>
                </c:pt>
                <c:pt idx="2538">
                  <c:v>638.92999999999995</c:v>
                </c:pt>
                <c:pt idx="2539">
                  <c:v>639.32399999999996</c:v>
                </c:pt>
                <c:pt idx="2540">
                  <c:v>639.71600000000001</c:v>
                </c:pt>
                <c:pt idx="2541">
                  <c:v>640.08900000000006</c:v>
                </c:pt>
                <c:pt idx="2542">
                  <c:v>640.10599999999999</c:v>
                </c:pt>
                <c:pt idx="2543">
                  <c:v>640.39099999999996</c:v>
                </c:pt>
                <c:pt idx="2544">
                  <c:v>640.69000000000005</c:v>
                </c:pt>
                <c:pt idx="2545">
                  <c:v>641.03499999999997</c:v>
                </c:pt>
                <c:pt idx="2546">
                  <c:v>641.45000000000005</c:v>
                </c:pt>
                <c:pt idx="2547">
                  <c:v>641.52</c:v>
                </c:pt>
                <c:pt idx="2548">
                  <c:v>641.846</c:v>
                </c:pt>
                <c:pt idx="2549">
                  <c:v>642.26400000000001</c:v>
                </c:pt>
                <c:pt idx="2550">
                  <c:v>642.49300000000005</c:v>
                </c:pt>
                <c:pt idx="2551">
                  <c:v>642.58199999999999</c:v>
                </c:pt>
                <c:pt idx="2552">
                  <c:v>642.92399999999998</c:v>
                </c:pt>
                <c:pt idx="2553">
                  <c:v>643.10699999999997</c:v>
                </c:pt>
                <c:pt idx="2554">
                  <c:v>643.48299999999995</c:v>
                </c:pt>
                <c:pt idx="2555">
                  <c:v>643.79399999999998</c:v>
                </c:pt>
                <c:pt idx="2556">
                  <c:v>644.12400000000002</c:v>
                </c:pt>
                <c:pt idx="2557">
                  <c:v>644.29399999999998</c:v>
                </c:pt>
                <c:pt idx="2558">
                  <c:v>644.50300000000004</c:v>
                </c:pt>
                <c:pt idx="2559">
                  <c:v>644.59799999999996</c:v>
                </c:pt>
                <c:pt idx="2560">
                  <c:v>644.84</c:v>
                </c:pt>
                <c:pt idx="2561">
                  <c:v>644.952</c:v>
                </c:pt>
                <c:pt idx="2562">
                  <c:v>645.303</c:v>
                </c:pt>
                <c:pt idx="2563">
                  <c:v>645.67399999999998</c:v>
                </c:pt>
                <c:pt idx="2564">
                  <c:v>645.70600000000002</c:v>
                </c:pt>
                <c:pt idx="2565">
                  <c:v>645.81899999999996</c:v>
                </c:pt>
                <c:pt idx="2566">
                  <c:v>646.16899999999998</c:v>
                </c:pt>
                <c:pt idx="2567">
                  <c:v>646.56399999999996</c:v>
                </c:pt>
                <c:pt idx="2568">
                  <c:v>646.78700000000003</c:v>
                </c:pt>
                <c:pt idx="2569">
                  <c:v>647.05799999999999</c:v>
                </c:pt>
                <c:pt idx="2570">
                  <c:v>647.49900000000002</c:v>
                </c:pt>
                <c:pt idx="2571">
                  <c:v>647.75599999999997</c:v>
                </c:pt>
                <c:pt idx="2572">
                  <c:v>648.18799999999999</c:v>
                </c:pt>
                <c:pt idx="2573">
                  <c:v>648.50599999999997</c:v>
                </c:pt>
                <c:pt idx="2574">
                  <c:v>648.81799999999998</c:v>
                </c:pt>
                <c:pt idx="2575">
                  <c:v>649.12900000000002</c:v>
                </c:pt>
                <c:pt idx="2576">
                  <c:v>649.41499999999996</c:v>
                </c:pt>
                <c:pt idx="2577">
                  <c:v>649.51599999999996</c:v>
                </c:pt>
                <c:pt idx="2578">
                  <c:v>649.79100000000005</c:v>
                </c:pt>
                <c:pt idx="2579">
                  <c:v>649.95000000000005</c:v>
                </c:pt>
                <c:pt idx="2580">
                  <c:v>650.15099999999995</c:v>
                </c:pt>
                <c:pt idx="2581">
                  <c:v>650.58500000000004</c:v>
                </c:pt>
                <c:pt idx="2582">
                  <c:v>650.88300000000004</c:v>
                </c:pt>
                <c:pt idx="2583">
                  <c:v>650.92499999999995</c:v>
                </c:pt>
                <c:pt idx="2584">
                  <c:v>651.09699999999998</c:v>
                </c:pt>
                <c:pt idx="2585">
                  <c:v>651.29499999999996</c:v>
                </c:pt>
                <c:pt idx="2586">
                  <c:v>651.63</c:v>
                </c:pt>
                <c:pt idx="2587">
                  <c:v>651.83100000000002</c:v>
                </c:pt>
                <c:pt idx="2588">
                  <c:v>652.125</c:v>
                </c:pt>
                <c:pt idx="2589">
                  <c:v>652.37</c:v>
                </c:pt>
                <c:pt idx="2590">
                  <c:v>652.76499999999999</c:v>
                </c:pt>
                <c:pt idx="2591">
                  <c:v>653.279</c:v>
                </c:pt>
                <c:pt idx="2592">
                  <c:v>653.54100000000005</c:v>
                </c:pt>
                <c:pt idx="2593">
                  <c:v>653.69200000000001</c:v>
                </c:pt>
                <c:pt idx="2594">
                  <c:v>653.80600000000004</c:v>
                </c:pt>
                <c:pt idx="2595">
                  <c:v>653.92999999999995</c:v>
                </c:pt>
                <c:pt idx="2596">
                  <c:v>654.274</c:v>
                </c:pt>
                <c:pt idx="2597">
                  <c:v>654.45299999999997</c:v>
                </c:pt>
                <c:pt idx="2598">
                  <c:v>654.70500000000004</c:v>
                </c:pt>
                <c:pt idx="2599">
                  <c:v>655.04</c:v>
                </c:pt>
                <c:pt idx="2600">
                  <c:v>655.37800000000004</c:v>
                </c:pt>
                <c:pt idx="2601">
                  <c:v>655.59900000000005</c:v>
                </c:pt>
                <c:pt idx="2602">
                  <c:v>655.84900000000005</c:v>
                </c:pt>
                <c:pt idx="2603">
                  <c:v>656.16800000000001</c:v>
                </c:pt>
                <c:pt idx="2604">
                  <c:v>656.23299999999995</c:v>
                </c:pt>
                <c:pt idx="2605">
                  <c:v>656.61099999999999</c:v>
                </c:pt>
                <c:pt idx="2606">
                  <c:v>656.89599999999996</c:v>
                </c:pt>
                <c:pt idx="2607">
                  <c:v>656.923</c:v>
                </c:pt>
                <c:pt idx="2608">
                  <c:v>657.548</c:v>
                </c:pt>
                <c:pt idx="2609">
                  <c:v>657.80700000000002</c:v>
                </c:pt>
                <c:pt idx="2610">
                  <c:v>658.10699999999997</c:v>
                </c:pt>
                <c:pt idx="2611">
                  <c:v>658.22400000000005</c:v>
                </c:pt>
                <c:pt idx="2612">
                  <c:v>658.55899999999997</c:v>
                </c:pt>
                <c:pt idx="2613">
                  <c:v>658.86400000000003</c:v>
                </c:pt>
                <c:pt idx="2614">
                  <c:v>659.04499999999996</c:v>
                </c:pt>
                <c:pt idx="2615">
                  <c:v>659.36199999999997</c:v>
                </c:pt>
                <c:pt idx="2616">
                  <c:v>659.66</c:v>
                </c:pt>
                <c:pt idx="2617">
                  <c:v>659.76</c:v>
                </c:pt>
                <c:pt idx="2618">
                  <c:v>659.87199999999996</c:v>
                </c:pt>
                <c:pt idx="2619">
                  <c:v>660.154</c:v>
                </c:pt>
                <c:pt idx="2620">
                  <c:v>660.28499999999997</c:v>
                </c:pt>
                <c:pt idx="2621">
                  <c:v>660.57899999999995</c:v>
                </c:pt>
                <c:pt idx="2622">
                  <c:v>661.04200000000003</c:v>
                </c:pt>
                <c:pt idx="2623">
                  <c:v>661.33399999999995</c:v>
                </c:pt>
                <c:pt idx="2624">
                  <c:v>661.71600000000001</c:v>
                </c:pt>
                <c:pt idx="2625">
                  <c:v>661.94600000000003</c:v>
                </c:pt>
                <c:pt idx="2626">
                  <c:v>662.274</c:v>
                </c:pt>
                <c:pt idx="2627">
                  <c:v>662.57600000000002</c:v>
                </c:pt>
                <c:pt idx="2628">
                  <c:v>662.73599999999999</c:v>
                </c:pt>
                <c:pt idx="2629">
                  <c:v>663.17700000000002</c:v>
                </c:pt>
                <c:pt idx="2630">
                  <c:v>663.53499999999997</c:v>
                </c:pt>
                <c:pt idx="2631">
                  <c:v>663.76</c:v>
                </c:pt>
                <c:pt idx="2632">
                  <c:v>663.94100000000003</c:v>
                </c:pt>
                <c:pt idx="2633">
                  <c:v>664.096</c:v>
                </c:pt>
                <c:pt idx="2634">
                  <c:v>664.33900000000006</c:v>
                </c:pt>
                <c:pt idx="2635">
                  <c:v>664.63499999999999</c:v>
                </c:pt>
                <c:pt idx="2636">
                  <c:v>664.83100000000002</c:v>
                </c:pt>
                <c:pt idx="2637">
                  <c:v>665.22699999999998</c:v>
                </c:pt>
                <c:pt idx="2638">
                  <c:v>665.33100000000002</c:v>
                </c:pt>
                <c:pt idx="2639">
                  <c:v>665.55499999999995</c:v>
                </c:pt>
                <c:pt idx="2640">
                  <c:v>665.81</c:v>
                </c:pt>
                <c:pt idx="2641">
                  <c:v>666.34900000000005</c:v>
                </c:pt>
                <c:pt idx="2642">
                  <c:v>666.68200000000002</c:v>
                </c:pt>
                <c:pt idx="2643">
                  <c:v>667.06399999999996</c:v>
                </c:pt>
                <c:pt idx="2644">
                  <c:v>667.50599999999997</c:v>
                </c:pt>
                <c:pt idx="2645">
                  <c:v>667.44799999999998</c:v>
                </c:pt>
                <c:pt idx="2646">
                  <c:v>667.78800000000001</c:v>
                </c:pt>
                <c:pt idx="2647">
                  <c:v>668.09299999999996</c:v>
                </c:pt>
                <c:pt idx="2648">
                  <c:v>668.26900000000001</c:v>
                </c:pt>
                <c:pt idx="2649">
                  <c:v>668.34400000000005</c:v>
                </c:pt>
                <c:pt idx="2650">
                  <c:v>668.75</c:v>
                </c:pt>
                <c:pt idx="2651">
                  <c:v>668.80399999999997</c:v>
                </c:pt>
                <c:pt idx="2652">
                  <c:v>669.11599999999999</c:v>
                </c:pt>
                <c:pt idx="2653">
                  <c:v>669.51800000000003</c:v>
                </c:pt>
                <c:pt idx="2654">
                  <c:v>669.84400000000005</c:v>
                </c:pt>
                <c:pt idx="2655">
                  <c:v>669.83399999999995</c:v>
                </c:pt>
                <c:pt idx="2656">
                  <c:v>670.06700000000001</c:v>
                </c:pt>
                <c:pt idx="2657">
                  <c:v>670.37900000000002</c:v>
                </c:pt>
                <c:pt idx="2658">
                  <c:v>670.61400000000003</c:v>
                </c:pt>
                <c:pt idx="2659">
                  <c:v>670.77200000000005</c:v>
                </c:pt>
                <c:pt idx="2660">
                  <c:v>671.03499999999997</c:v>
                </c:pt>
                <c:pt idx="2661">
                  <c:v>671.30100000000004</c:v>
                </c:pt>
                <c:pt idx="2662">
                  <c:v>671.54100000000005</c:v>
                </c:pt>
                <c:pt idx="2663">
                  <c:v>671.61400000000003</c:v>
                </c:pt>
                <c:pt idx="2664">
                  <c:v>671.96900000000005</c:v>
                </c:pt>
                <c:pt idx="2665">
                  <c:v>672.14099999999996</c:v>
                </c:pt>
                <c:pt idx="2666">
                  <c:v>672.41800000000001</c:v>
                </c:pt>
                <c:pt idx="2667">
                  <c:v>672.61300000000006</c:v>
                </c:pt>
                <c:pt idx="2668">
                  <c:v>672.93200000000002</c:v>
                </c:pt>
                <c:pt idx="2669">
                  <c:v>673.33500000000004</c:v>
                </c:pt>
                <c:pt idx="2670">
                  <c:v>673.68399999999997</c:v>
                </c:pt>
                <c:pt idx="2671">
                  <c:v>674.01800000000003</c:v>
                </c:pt>
                <c:pt idx="2672">
                  <c:v>674.33699999999999</c:v>
                </c:pt>
                <c:pt idx="2673">
                  <c:v>674.553</c:v>
                </c:pt>
                <c:pt idx="2674">
                  <c:v>674.97299999999996</c:v>
                </c:pt>
                <c:pt idx="2675">
                  <c:v>675.22500000000002</c:v>
                </c:pt>
                <c:pt idx="2676">
                  <c:v>675.40499999999997</c:v>
                </c:pt>
                <c:pt idx="2677">
                  <c:v>675.75099999999998</c:v>
                </c:pt>
                <c:pt idx="2678">
                  <c:v>676.02499999999998</c:v>
                </c:pt>
                <c:pt idx="2679">
                  <c:v>676.29200000000003</c:v>
                </c:pt>
                <c:pt idx="2680">
                  <c:v>676.21699999999998</c:v>
                </c:pt>
                <c:pt idx="2681">
                  <c:v>676.33900000000006</c:v>
                </c:pt>
                <c:pt idx="2682">
                  <c:v>676.851</c:v>
                </c:pt>
                <c:pt idx="2683">
                  <c:v>677.08199999999999</c:v>
                </c:pt>
                <c:pt idx="2684">
                  <c:v>677.32399999999996</c:v>
                </c:pt>
                <c:pt idx="2685">
                  <c:v>677.66099999999994</c:v>
                </c:pt>
                <c:pt idx="2686">
                  <c:v>677.81899999999996</c:v>
                </c:pt>
                <c:pt idx="2687">
                  <c:v>678.34900000000005</c:v>
                </c:pt>
                <c:pt idx="2688">
                  <c:v>678.63099999999997</c:v>
                </c:pt>
                <c:pt idx="2689">
                  <c:v>678.93600000000004</c:v>
                </c:pt>
                <c:pt idx="2690">
                  <c:v>679.21699999999998</c:v>
                </c:pt>
                <c:pt idx="2691">
                  <c:v>679.33199999999999</c:v>
                </c:pt>
                <c:pt idx="2692">
                  <c:v>679.47400000000005</c:v>
                </c:pt>
                <c:pt idx="2693">
                  <c:v>679.69899999999996</c:v>
                </c:pt>
                <c:pt idx="2694">
                  <c:v>680.10900000000004</c:v>
                </c:pt>
                <c:pt idx="2695">
                  <c:v>680.25699999999995</c:v>
                </c:pt>
                <c:pt idx="2696">
                  <c:v>680.54499999999996</c:v>
                </c:pt>
                <c:pt idx="2697">
                  <c:v>680.8</c:v>
                </c:pt>
                <c:pt idx="2698">
                  <c:v>681.09799999999996</c:v>
                </c:pt>
                <c:pt idx="2699">
                  <c:v>681.38400000000001</c:v>
                </c:pt>
                <c:pt idx="2700">
                  <c:v>681.69100000000003</c:v>
                </c:pt>
                <c:pt idx="2701">
                  <c:v>681.85</c:v>
                </c:pt>
                <c:pt idx="2702">
                  <c:v>681.99</c:v>
                </c:pt>
                <c:pt idx="2703">
                  <c:v>682.30399999999997</c:v>
                </c:pt>
                <c:pt idx="2704">
                  <c:v>682.53</c:v>
                </c:pt>
                <c:pt idx="2705">
                  <c:v>682.72299999999996</c:v>
                </c:pt>
                <c:pt idx="2706">
                  <c:v>683.07500000000005</c:v>
                </c:pt>
                <c:pt idx="2707">
                  <c:v>683.43200000000002</c:v>
                </c:pt>
                <c:pt idx="2708">
                  <c:v>683.76700000000005</c:v>
                </c:pt>
                <c:pt idx="2709">
                  <c:v>684.14099999999996</c:v>
                </c:pt>
                <c:pt idx="2710">
                  <c:v>684.42100000000005</c:v>
                </c:pt>
                <c:pt idx="2711">
                  <c:v>684.65200000000004</c:v>
                </c:pt>
                <c:pt idx="2712">
                  <c:v>684.93100000000004</c:v>
                </c:pt>
                <c:pt idx="2713">
                  <c:v>685.12699999999995</c:v>
                </c:pt>
                <c:pt idx="2714">
                  <c:v>685.32500000000005</c:v>
                </c:pt>
                <c:pt idx="2715">
                  <c:v>685.476</c:v>
                </c:pt>
                <c:pt idx="2716">
                  <c:v>685.65899999999999</c:v>
                </c:pt>
                <c:pt idx="2717">
                  <c:v>685.69600000000003</c:v>
                </c:pt>
                <c:pt idx="2718">
                  <c:v>686.15200000000004</c:v>
                </c:pt>
                <c:pt idx="2719">
                  <c:v>686.46</c:v>
                </c:pt>
                <c:pt idx="2720">
                  <c:v>686.54899999999998</c:v>
                </c:pt>
                <c:pt idx="2721">
                  <c:v>686.80100000000004</c:v>
                </c:pt>
                <c:pt idx="2722">
                  <c:v>687.11</c:v>
                </c:pt>
                <c:pt idx="2723">
                  <c:v>687.36</c:v>
                </c:pt>
                <c:pt idx="2724">
                  <c:v>687.68</c:v>
                </c:pt>
                <c:pt idx="2725">
                  <c:v>687.96799999999996</c:v>
                </c:pt>
                <c:pt idx="2726">
                  <c:v>688.15200000000004</c:v>
                </c:pt>
                <c:pt idx="2727">
                  <c:v>688.40300000000002</c:v>
                </c:pt>
                <c:pt idx="2728">
                  <c:v>688.649</c:v>
                </c:pt>
                <c:pt idx="2729">
                  <c:v>688.86300000000006</c:v>
                </c:pt>
                <c:pt idx="2730">
                  <c:v>689.31700000000001</c:v>
                </c:pt>
                <c:pt idx="2731">
                  <c:v>689.58100000000002</c:v>
                </c:pt>
                <c:pt idx="2732">
                  <c:v>689.96600000000001</c:v>
                </c:pt>
                <c:pt idx="2733">
                  <c:v>689.98800000000006</c:v>
                </c:pt>
                <c:pt idx="2734">
                  <c:v>690.29200000000003</c:v>
                </c:pt>
                <c:pt idx="2735">
                  <c:v>690.53300000000002</c:v>
                </c:pt>
                <c:pt idx="2736">
                  <c:v>691.05700000000002</c:v>
                </c:pt>
                <c:pt idx="2737">
                  <c:v>691.19600000000003</c:v>
                </c:pt>
                <c:pt idx="2738">
                  <c:v>691.56700000000001</c:v>
                </c:pt>
                <c:pt idx="2739">
                  <c:v>691.84799999999996</c:v>
                </c:pt>
                <c:pt idx="2740">
                  <c:v>691.92499999999995</c:v>
                </c:pt>
                <c:pt idx="2741">
                  <c:v>692.34400000000005</c:v>
                </c:pt>
                <c:pt idx="2742">
                  <c:v>692.75199999999995</c:v>
                </c:pt>
                <c:pt idx="2743">
                  <c:v>693.08600000000001</c:v>
                </c:pt>
                <c:pt idx="2744">
                  <c:v>693.13300000000004</c:v>
                </c:pt>
                <c:pt idx="2745">
                  <c:v>693.18399999999997</c:v>
                </c:pt>
                <c:pt idx="2746">
                  <c:v>693.322</c:v>
                </c:pt>
                <c:pt idx="2747">
                  <c:v>693.83600000000001</c:v>
                </c:pt>
                <c:pt idx="2748">
                  <c:v>694.02700000000004</c:v>
                </c:pt>
                <c:pt idx="2749">
                  <c:v>694.35299999999995</c:v>
                </c:pt>
                <c:pt idx="2750">
                  <c:v>694.37199999999996</c:v>
                </c:pt>
                <c:pt idx="2751">
                  <c:v>694.399</c:v>
                </c:pt>
                <c:pt idx="2752">
                  <c:v>694.90200000000004</c:v>
                </c:pt>
                <c:pt idx="2753">
                  <c:v>695.30899999999997</c:v>
                </c:pt>
                <c:pt idx="2754">
                  <c:v>695.51800000000003</c:v>
                </c:pt>
                <c:pt idx="2755">
                  <c:v>695.88800000000003</c:v>
                </c:pt>
                <c:pt idx="2756">
                  <c:v>695.928</c:v>
                </c:pt>
                <c:pt idx="2757">
                  <c:v>696.23199999999997</c:v>
                </c:pt>
                <c:pt idx="2758">
                  <c:v>696.56399999999996</c:v>
                </c:pt>
                <c:pt idx="2759">
                  <c:v>697.11199999999997</c:v>
                </c:pt>
                <c:pt idx="2760">
                  <c:v>697.27</c:v>
                </c:pt>
                <c:pt idx="2761">
                  <c:v>697.51</c:v>
                </c:pt>
                <c:pt idx="2762">
                  <c:v>697.71</c:v>
                </c:pt>
                <c:pt idx="2763">
                  <c:v>697.99699999999996</c:v>
                </c:pt>
                <c:pt idx="2764">
                  <c:v>698.24300000000005</c:v>
                </c:pt>
                <c:pt idx="2765">
                  <c:v>698.35299999999995</c:v>
                </c:pt>
                <c:pt idx="2766">
                  <c:v>698.25900000000001</c:v>
                </c:pt>
                <c:pt idx="2767">
                  <c:v>698.80100000000004</c:v>
                </c:pt>
                <c:pt idx="2768">
                  <c:v>699.21600000000001</c:v>
                </c:pt>
                <c:pt idx="2769">
                  <c:v>699.40800000000002</c:v>
                </c:pt>
                <c:pt idx="2770">
                  <c:v>699.73</c:v>
                </c:pt>
                <c:pt idx="2771">
                  <c:v>699.83199999999999</c:v>
                </c:pt>
                <c:pt idx="2772">
                  <c:v>700.24199999999996</c:v>
                </c:pt>
                <c:pt idx="2773">
                  <c:v>700.65</c:v>
                </c:pt>
                <c:pt idx="2774">
                  <c:v>700.83199999999999</c:v>
                </c:pt>
                <c:pt idx="2775">
                  <c:v>700.92</c:v>
                </c:pt>
                <c:pt idx="2776">
                  <c:v>701.11800000000005</c:v>
                </c:pt>
                <c:pt idx="2777">
                  <c:v>701.13800000000003</c:v>
                </c:pt>
                <c:pt idx="2778">
                  <c:v>701.22900000000004</c:v>
                </c:pt>
                <c:pt idx="2779">
                  <c:v>701.79600000000005</c:v>
                </c:pt>
                <c:pt idx="2780">
                  <c:v>702.11</c:v>
                </c:pt>
                <c:pt idx="2781">
                  <c:v>702.44</c:v>
                </c:pt>
                <c:pt idx="2782">
                  <c:v>702.80799999999999</c:v>
                </c:pt>
                <c:pt idx="2783">
                  <c:v>703.05100000000004</c:v>
                </c:pt>
                <c:pt idx="2784">
                  <c:v>703.29300000000001</c:v>
                </c:pt>
                <c:pt idx="2785">
                  <c:v>703.48900000000003</c:v>
                </c:pt>
                <c:pt idx="2786">
                  <c:v>703.42700000000002</c:v>
                </c:pt>
                <c:pt idx="2787">
                  <c:v>703.67499999999995</c:v>
                </c:pt>
                <c:pt idx="2788">
                  <c:v>703.85299999999995</c:v>
                </c:pt>
                <c:pt idx="2789">
                  <c:v>704.22199999999998</c:v>
                </c:pt>
                <c:pt idx="2790">
                  <c:v>704.53800000000001</c:v>
                </c:pt>
                <c:pt idx="2791">
                  <c:v>704.80799999999999</c:v>
                </c:pt>
                <c:pt idx="2792">
                  <c:v>705.23800000000006</c:v>
                </c:pt>
                <c:pt idx="2793">
                  <c:v>705.50900000000001</c:v>
                </c:pt>
                <c:pt idx="2794">
                  <c:v>705.61699999999996</c:v>
                </c:pt>
                <c:pt idx="2795">
                  <c:v>706.14099999999996</c:v>
                </c:pt>
                <c:pt idx="2796">
                  <c:v>706.33900000000006</c:v>
                </c:pt>
                <c:pt idx="2797">
                  <c:v>706.96799999999996</c:v>
                </c:pt>
                <c:pt idx="2798">
                  <c:v>707.25400000000002</c:v>
                </c:pt>
                <c:pt idx="2799">
                  <c:v>707.43100000000004</c:v>
                </c:pt>
                <c:pt idx="2800">
                  <c:v>707.72199999999998</c:v>
                </c:pt>
                <c:pt idx="2801">
                  <c:v>707.83900000000006</c:v>
                </c:pt>
                <c:pt idx="2802">
                  <c:v>708.08799999999997</c:v>
                </c:pt>
                <c:pt idx="2803">
                  <c:v>708.00099999999998</c:v>
                </c:pt>
                <c:pt idx="2804">
                  <c:v>708.28099999999995</c:v>
                </c:pt>
                <c:pt idx="2805">
                  <c:v>708.42499999999995</c:v>
                </c:pt>
                <c:pt idx="2806">
                  <c:v>708.76800000000003</c:v>
                </c:pt>
                <c:pt idx="2807">
                  <c:v>709.09299999999996</c:v>
                </c:pt>
                <c:pt idx="2808">
                  <c:v>709.45100000000002</c:v>
                </c:pt>
                <c:pt idx="2809">
                  <c:v>709.85</c:v>
                </c:pt>
                <c:pt idx="2810">
                  <c:v>710.11800000000005</c:v>
                </c:pt>
                <c:pt idx="2811">
                  <c:v>710.38400000000001</c:v>
                </c:pt>
                <c:pt idx="2812">
                  <c:v>710.59</c:v>
                </c:pt>
                <c:pt idx="2813">
                  <c:v>710.803</c:v>
                </c:pt>
                <c:pt idx="2814">
                  <c:v>710.95399999999995</c:v>
                </c:pt>
                <c:pt idx="2815">
                  <c:v>711.14300000000003</c:v>
                </c:pt>
                <c:pt idx="2816">
                  <c:v>711.36800000000005</c:v>
                </c:pt>
                <c:pt idx="2817">
                  <c:v>711.38400000000001</c:v>
                </c:pt>
                <c:pt idx="2818">
                  <c:v>711.94899999999996</c:v>
                </c:pt>
                <c:pt idx="2819">
                  <c:v>712.18700000000001</c:v>
                </c:pt>
                <c:pt idx="2820">
                  <c:v>712.33799999999997</c:v>
                </c:pt>
                <c:pt idx="2821">
                  <c:v>712.64700000000005</c:v>
                </c:pt>
                <c:pt idx="2822">
                  <c:v>713.149</c:v>
                </c:pt>
                <c:pt idx="2823">
                  <c:v>713.40700000000004</c:v>
                </c:pt>
                <c:pt idx="2824">
                  <c:v>713.7</c:v>
                </c:pt>
                <c:pt idx="2825">
                  <c:v>713.83</c:v>
                </c:pt>
                <c:pt idx="2826">
                  <c:v>713.83900000000006</c:v>
                </c:pt>
                <c:pt idx="2827">
                  <c:v>713.99800000000005</c:v>
                </c:pt>
                <c:pt idx="2828">
                  <c:v>714.36800000000005</c:v>
                </c:pt>
                <c:pt idx="2829">
                  <c:v>714.64800000000002</c:v>
                </c:pt>
                <c:pt idx="2830">
                  <c:v>714.81600000000003</c:v>
                </c:pt>
                <c:pt idx="2831">
                  <c:v>715.34500000000003</c:v>
                </c:pt>
                <c:pt idx="2832">
                  <c:v>715.57399999999996</c:v>
                </c:pt>
                <c:pt idx="2833">
                  <c:v>715.96199999999999</c:v>
                </c:pt>
                <c:pt idx="2834">
                  <c:v>716.34</c:v>
                </c:pt>
                <c:pt idx="2835">
                  <c:v>716.46799999999996</c:v>
                </c:pt>
                <c:pt idx="2836">
                  <c:v>716.54300000000001</c:v>
                </c:pt>
                <c:pt idx="2837">
                  <c:v>716.81600000000003</c:v>
                </c:pt>
                <c:pt idx="2838">
                  <c:v>717.08799999999997</c:v>
                </c:pt>
                <c:pt idx="2839">
                  <c:v>717.48400000000004</c:v>
                </c:pt>
                <c:pt idx="2840">
                  <c:v>717.50099999999998</c:v>
                </c:pt>
                <c:pt idx="2841">
                  <c:v>717.87199999999996</c:v>
                </c:pt>
                <c:pt idx="2842">
                  <c:v>718.10699999999997</c:v>
                </c:pt>
                <c:pt idx="2843">
                  <c:v>718.44200000000001</c:v>
                </c:pt>
                <c:pt idx="2844">
                  <c:v>718.93</c:v>
                </c:pt>
                <c:pt idx="2845">
                  <c:v>719.35400000000004</c:v>
                </c:pt>
                <c:pt idx="2846">
                  <c:v>719.29399999999998</c:v>
                </c:pt>
                <c:pt idx="2847">
                  <c:v>719.57</c:v>
                </c:pt>
                <c:pt idx="2848">
                  <c:v>719.76</c:v>
                </c:pt>
                <c:pt idx="2849">
                  <c:v>719.62099999999998</c:v>
                </c:pt>
                <c:pt idx="2850">
                  <c:v>719.97299999999996</c:v>
                </c:pt>
                <c:pt idx="2851">
                  <c:v>720.20299999999997</c:v>
                </c:pt>
                <c:pt idx="2852">
                  <c:v>720.60199999999998</c:v>
                </c:pt>
                <c:pt idx="2853">
                  <c:v>721.07100000000003</c:v>
                </c:pt>
                <c:pt idx="2854">
                  <c:v>721.34299999999996</c:v>
                </c:pt>
                <c:pt idx="2855">
                  <c:v>721.48299999999995</c:v>
                </c:pt>
                <c:pt idx="2856">
                  <c:v>721.62</c:v>
                </c:pt>
                <c:pt idx="2857">
                  <c:v>721.697</c:v>
                </c:pt>
                <c:pt idx="2858">
                  <c:v>722.16300000000001</c:v>
                </c:pt>
                <c:pt idx="2859">
                  <c:v>722.66700000000003</c:v>
                </c:pt>
                <c:pt idx="2860">
                  <c:v>722.822</c:v>
                </c:pt>
                <c:pt idx="2861">
                  <c:v>722.98</c:v>
                </c:pt>
                <c:pt idx="2862">
                  <c:v>723.23099999999999</c:v>
                </c:pt>
                <c:pt idx="2863">
                  <c:v>723.43499999999995</c:v>
                </c:pt>
                <c:pt idx="2864">
                  <c:v>723.55600000000004</c:v>
                </c:pt>
                <c:pt idx="2865">
                  <c:v>723.928</c:v>
                </c:pt>
                <c:pt idx="2866">
                  <c:v>724.32100000000003</c:v>
                </c:pt>
                <c:pt idx="2867">
                  <c:v>724.495</c:v>
                </c:pt>
                <c:pt idx="2868">
                  <c:v>724.82299999999998</c:v>
                </c:pt>
                <c:pt idx="2869">
                  <c:v>724.85799999999995</c:v>
                </c:pt>
                <c:pt idx="2870">
                  <c:v>724.92899999999997</c:v>
                </c:pt>
                <c:pt idx="2871">
                  <c:v>725.03099999999995</c:v>
                </c:pt>
                <c:pt idx="2872">
                  <c:v>725.18600000000004</c:v>
                </c:pt>
                <c:pt idx="2873">
                  <c:v>725.37</c:v>
                </c:pt>
                <c:pt idx="2874">
                  <c:v>725.97299999999996</c:v>
                </c:pt>
                <c:pt idx="2875">
                  <c:v>726.54100000000005</c:v>
                </c:pt>
                <c:pt idx="2876">
                  <c:v>726.74900000000002</c:v>
                </c:pt>
                <c:pt idx="2877">
                  <c:v>726.79700000000003</c:v>
                </c:pt>
                <c:pt idx="2878">
                  <c:v>727.48599999999999</c:v>
                </c:pt>
                <c:pt idx="2879">
                  <c:v>727.59100000000001</c:v>
                </c:pt>
                <c:pt idx="2880">
                  <c:v>727.99</c:v>
                </c:pt>
                <c:pt idx="2881">
                  <c:v>728.40899999999999</c:v>
                </c:pt>
                <c:pt idx="2882">
                  <c:v>728.57299999999998</c:v>
                </c:pt>
                <c:pt idx="2883">
                  <c:v>728.95100000000002</c:v>
                </c:pt>
                <c:pt idx="2884">
                  <c:v>728.90099999999995</c:v>
                </c:pt>
                <c:pt idx="2885">
                  <c:v>729.17100000000005</c:v>
                </c:pt>
                <c:pt idx="2886">
                  <c:v>729.65200000000004</c:v>
                </c:pt>
                <c:pt idx="2887">
                  <c:v>729.99</c:v>
                </c:pt>
                <c:pt idx="2888">
                  <c:v>730.18299999999999</c:v>
                </c:pt>
                <c:pt idx="2889">
                  <c:v>730.31399999999996</c:v>
                </c:pt>
                <c:pt idx="2890">
                  <c:v>730.74300000000005</c:v>
                </c:pt>
                <c:pt idx="2891">
                  <c:v>730.90899999999999</c:v>
                </c:pt>
                <c:pt idx="2892">
                  <c:v>731.154</c:v>
                </c:pt>
                <c:pt idx="2893">
                  <c:v>731.40200000000004</c:v>
                </c:pt>
                <c:pt idx="2894">
                  <c:v>731.56899999999996</c:v>
                </c:pt>
                <c:pt idx="2895">
                  <c:v>731.90099999999995</c:v>
                </c:pt>
                <c:pt idx="2896">
                  <c:v>731.94100000000003</c:v>
                </c:pt>
                <c:pt idx="2897">
                  <c:v>732.28599999999994</c:v>
                </c:pt>
                <c:pt idx="2898">
                  <c:v>732.39200000000005</c:v>
                </c:pt>
                <c:pt idx="2899">
                  <c:v>732.48500000000001</c:v>
                </c:pt>
                <c:pt idx="2900">
                  <c:v>732.80600000000004</c:v>
                </c:pt>
                <c:pt idx="2901">
                  <c:v>733.00099999999998</c:v>
                </c:pt>
                <c:pt idx="2902">
                  <c:v>733.13099999999997</c:v>
                </c:pt>
                <c:pt idx="2903">
                  <c:v>733.6</c:v>
                </c:pt>
                <c:pt idx="2904">
                  <c:v>733.71299999999997</c:v>
                </c:pt>
                <c:pt idx="2905">
                  <c:v>733.93499999999995</c:v>
                </c:pt>
                <c:pt idx="2906">
                  <c:v>734.53599999999994</c:v>
                </c:pt>
                <c:pt idx="2907">
                  <c:v>734.99300000000005</c:v>
                </c:pt>
                <c:pt idx="2908">
                  <c:v>735.05600000000004</c:v>
                </c:pt>
                <c:pt idx="2909">
                  <c:v>735.29</c:v>
                </c:pt>
                <c:pt idx="2910">
                  <c:v>735.41700000000003</c:v>
                </c:pt>
                <c:pt idx="2911">
                  <c:v>735.71299999999997</c:v>
                </c:pt>
                <c:pt idx="2912">
                  <c:v>735.90599999999995</c:v>
                </c:pt>
                <c:pt idx="2913">
                  <c:v>736.29100000000005</c:v>
                </c:pt>
                <c:pt idx="2914">
                  <c:v>736.73199999999997</c:v>
                </c:pt>
                <c:pt idx="2915">
                  <c:v>736.88599999999997</c:v>
                </c:pt>
                <c:pt idx="2916">
                  <c:v>736.96</c:v>
                </c:pt>
                <c:pt idx="2917">
                  <c:v>737.31799999999998</c:v>
                </c:pt>
                <c:pt idx="2918">
                  <c:v>737.76400000000001</c:v>
                </c:pt>
                <c:pt idx="2919">
                  <c:v>737.93700000000001</c:v>
                </c:pt>
                <c:pt idx="2920">
                  <c:v>738.31899999999996</c:v>
                </c:pt>
                <c:pt idx="2921">
                  <c:v>738.38099999999997</c:v>
                </c:pt>
                <c:pt idx="2922">
                  <c:v>738.74400000000003</c:v>
                </c:pt>
                <c:pt idx="2923">
                  <c:v>739.17600000000004</c:v>
                </c:pt>
                <c:pt idx="2924">
                  <c:v>739.54300000000001</c:v>
                </c:pt>
                <c:pt idx="2925">
                  <c:v>739.81700000000001</c:v>
                </c:pt>
                <c:pt idx="2926">
                  <c:v>740.048</c:v>
                </c:pt>
                <c:pt idx="2927">
                  <c:v>739.976</c:v>
                </c:pt>
                <c:pt idx="2928">
                  <c:v>740.44200000000001</c:v>
                </c:pt>
                <c:pt idx="2929">
                  <c:v>740.71400000000006</c:v>
                </c:pt>
                <c:pt idx="2930">
                  <c:v>740.80399999999997</c:v>
                </c:pt>
                <c:pt idx="2931">
                  <c:v>740.99199999999996</c:v>
                </c:pt>
                <c:pt idx="2932">
                  <c:v>741.31899999999996</c:v>
                </c:pt>
                <c:pt idx="2933">
                  <c:v>741.54899999999998</c:v>
                </c:pt>
                <c:pt idx="2934">
                  <c:v>741.86800000000005</c:v>
                </c:pt>
                <c:pt idx="2935">
                  <c:v>742.11400000000003</c:v>
                </c:pt>
                <c:pt idx="2936">
                  <c:v>742.56899999999996</c:v>
                </c:pt>
                <c:pt idx="2937">
                  <c:v>742.67</c:v>
                </c:pt>
                <c:pt idx="2938">
                  <c:v>742.88</c:v>
                </c:pt>
                <c:pt idx="2939">
                  <c:v>743.16600000000005</c:v>
                </c:pt>
                <c:pt idx="2940">
                  <c:v>743.31700000000001</c:v>
                </c:pt>
                <c:pt idx="2941">
                  <c:v>743.35900000000004</c:v>
                </c:pt>
                <c:pt idx="2942">
                  <c:v>743.58699999999999</c:v>
                </c:pt>
                <c:pt idx="2943">
                  <c:v>744.17600000000004</c:v>
                </c:pt>
                <c:pt idx="2944">
                  <c:v>744.36599999999999</c:v>
                </c:pt>
                <c:pt idx="2945">
                  <c:v>744.702</c:v>
                </c:pt>
                <c:pt idx="2946">
                  <c:v>744.72900000000004</c:v>
                </c:pt>
                <c:pt idx="2947">
                  <c:v>744.93100000000004</c:v>
                </c:pt>
                <c:pt idx="2948">
                  <c:v>745.22299999999996</c:v>
                </c:pt>
                <c:pt idx="2949">
                  <c:v>745.55799999999999</c:v>
                </c:pt>
                <c:pt idx="2950">
                  <c:v>745.95500000000004</c:v>
                </c:pt>
                <c:pt idx="2951">
                  <c:v>746.25300000000004</c:v>
                </c:pt>
                <c:pt idx="2952">
                  <c:v>746.404</c:v>
                </c:pt>
                <c:pt idx="2953">
                  <c:v>746.71100000000001</c:v>
                </c:pt>
                <c:pt idx="2954">
                  <c:v>747.005</c:v>
                </c:pt>
                <c:pt idx="2955">
                  <c:v>747.11800000000005</c:v>
                </c:pt>
                <c:pt idx="2956">
                  <c:v>747.39700000000005</c:v>
                </c:pt>
                <c:pt idx="2957">
                  <c:v>747.60900000000004</c:v>
                </c:pt>
                <c:pt idx="2958">
                  <c:v>747.86400000000003</c:v>
                </c:pt>
                <c:pt idx="2959">
                  <c:v>748.13499999999999</c:v>
                </c:pt>
                <c:pt idx="2960">
                  <c:v>748.61300000000006</c:v>
                </c:pt>
                <c:pt idx="2961">
                  <c:v>748.73</c:v>
                </c:pt>
                <c:pt idx="2962">
                  <c:v>748.95799999999997</c:v>
                </c:pt>
                <c:pt idx="2963">
                  <c:v>749.30100000000004</c:v>
                </c:pt>
                <c:pt idx="2964">
                  <c:v>749.68499999999995</c:v>
                </c:pt>
                <c:pt idx="2965">
                  <c:v>749.928</c:v>
                </c:pt>
                <c:pt idx="2966">
                  <c:v>750.14700000000005</c:v>
                </c:pt>
                <c:pt idx="2967">
                  <c:v>750.52200000000005</c:v>
                </c:pt>
                <c:pt idx="2968">
                  <c:v>750.75699999999995</c:v>
                </c:pt>
                <c:pt idx="2969">
                  <c:v>750.87699999999995</c:v>
                </c:pt>
                <c:pt idx="2970">
                  <c:v>750.92899999999997</c:v>
                </c:pt>
                <c:pt idx="2971">
                  <c:v>751.19299999999998</c:v>
                </c:pt>
                <c:pt idx="2972">
                  <c:v>751.48199999999997</c:v>
                </c:pt>
                <c:pt idx="2973">
                  <c:v>751.85199999999998</c:v>
                </c:pt>
                <c:pt idx="2974">
                  <c:v>752.12</c:v>
                </c:pt>
                <c:pt idx="2975">
                  <c:v>752.21500000000003</c:v>
                </c:pt>
                <c:pt idx="2976">
                  <c:v>752.58399999999995</c:v>
                </c:pt>
                <c:pt idx="2977">
                  <c:v>752.80200000000002</c:v>
                </c:pt>
                <c:pt idx="2978">
                  <c:v>753.17600000000004</c:v>
                </c:pt>
                <c:pt idx="2979">
                  <c:v>753.45899999999995</c:v>
                </c:pt>
                <c:pt idx="2980">
                  <c:v>753.85400000000004</c:v>
                </c:pt>
                <c:pt idx="2981">
                  <c:v>754.06500000000005</c:v>
                </c:pt>
                <c:pt idx="2982">
                  <c:v>754.21299999999997</c:v>
                </c:pt>
                <c:pt idx="2983">
                  <c:v>754.48900000000003</c:v>
                </c:pt>
                <c:pt idx="2984">
                  <c:v>754.83199999999999</c:v>
                </c:pt>
                <c:pt idx="2985">
                  <c:v>754.93100000000004</c:v>
                </c:pt>
                <c:pt idx="2986">
                  <c:v>755.09400000000005</c:v>
                </c:pt>
                <c:pt idx="2987">
                  <c:v>755.11800000000005</c:v>
                </c:pt>
                <c:pt idx="2988">
                  <c:v>755.45899999999995</c:v>
                </c:pt>
                <c:pt idx="2989">
                  <c:v>755.81</c:v>
                </c:pt>
                <c:pt idx="2990">
                  <c:v>756.23500000000001</c:v>
                </c:pt>
                <c:pt idx="2991">
                  <c:v>756.56799999999998</c:v>
                </c:pt>
                <c:pt idx="2992">
                  <c:v>756.71</c:v>
                </c:pt>
                <c:pt idx="2993">
                  <c:v>757.10699999999997</c:v>
                </c:pt>
                <c:pt idx="2994">
                  <c:v>757.22799999999995</c:v>
                </c:pt>
                <c:pt idx="2995">
                  <c:v>757.28300000000002</c:v>
                </c:pt>
                <c:pt idx="2996">
                  <c:v>757.31100000000004</c:v>
                </c:pt>
                <c:pt idx="2997">
                  <c:v>757.68700000000001</c:v>
                </c:pt>
                <c:pt idx="2998">
                  <c:v>758.005</c:v>
                </c:pt>
                <c:pt idx="2999">
                  <c:v>758.43399999999997</c:v>
                </c:pt>
                <c:pt idx="3000">
                  <c:v>758.755</c:v>
                </c:pt>
                <c:pt idx="3001">
                  <c:v>758.54499999999996</c:v>
                </c:pt>
                <c:pt idx="3002">
                  <c:v>758.81600000000003</c:v>
                </c:pt>
                <c:pt idx="3003">
                  <c:v>759.42499999999995</c:v>
                </c:pt>
                <c:pt idx="3004">
                  <c:v>759.76099999999997</c:v>
                </c:pt>
                <c:pt idx="3005">
                  <c:v>759.97500000000002</c:v>
                </c:pt>
                <c:pt idx="3006">
                  <c:v>760.18200000000002</c:v>
                </c:pt>
                <c:pt idx="3007">
                  <c:v>760.6</c:v>
                </c:pt>
                <c:pt idx="3008">
                  <c:v>760.952</c:v>
                </c:pt>
                <c:pt idx="3009">
                  <c:v>760.98699999999997</c:v>
                </c:pt>
                <c:pt idx="3010">
                  <c:v>761.25300000000004</c:v>
                </c:pt>
                <c:pt idx="3011">
                  <c:v>761.24199999999996</c:v>
                </c:pt>
                <c:pt idx="3012">
                  <c:v>761.64</c:v>
                </c:pt>
                <c:pt idx="3013">
                  <c:v>762.22699999999998</c:v>
                </c:pt>
                <c:pt idx="3014">
                  <c:v>762.69100000000003</c:v>
                </c:pt>
                <c:pt idx="3015">
                  <c:v>762.89099999999996</c:v>
                </c:pt>
                <c:pt idx="3016">
                  <c:v>762.88800000000003</c:v>
                </c:pt>
                <c:pt idx="3017">
                  <c:v>762.96799999999996</c:v>
                </c:pt>
                <c:pt idx="3018">
                  <c:v>763.053</c:v>
                </c:pt>
                <c:pt idx="3019">
                  <c:v>763.52499999999998</c:v>
                </c:pt>
                <c:pt idx="3020">
                  <c:v>763.82</c:v>
                </c:pt>
                <c:pt idx="3021">
                  <c:v>764.16800000000001</c:v>
                </c:pt>
                <c:pt idx="3022">
                  <c:v>764.47199999999998</c:v>
                </c:pt>
                <c:pt idx="3023">
                  <c:v>764.78300000000002</c:v>
                </c:pt>
                <c:pt idx="3024">
                  <c:v>765.01</c:v>
                </c:pt>
                <c:pt idx="3025">
                  <c:v>765.36</c:v>
                </c:pt>
                <c:pt idx="3026">
                  <c:v>765.69799999999998</c:v>
                </c:pt>
                <c:pt idx="3027">
                  <c:v>765.92200000000003</c:v>
                </c:pt>
                <c:pt idx="3028">
                  <c:v>766.03800000000001</c:v>
                </c:pt>
                <c:pt idx="3029">
                  <c:v>766.23199999999997</c:v>
                </c:pt>
                <c:pt idx="3030">
                  <c:v>766.46</c:v>
                </c:pt>
                <c:pt idx="3031">
                  <c:v>766.697</c:v>
                </c:pt>
                <c:pt idx="3032">
                  <c:v>766.86400000000003</c:v>
                </c:pt>
                <c:pt idx="3033">
                  <c:v>767.19399999999996</c:v>
                </c:pt>
                <c:pt idx="3034">
                  <c:v>767.49900000000002</c:v>
                </c:pt>
                <c:pt idx="3035">
                  <c:v>767.51900000000001</c:v>
                </c:pt>
                <c:pt idx="3036">
                  <c:v>767.85599999999999</c:v>
                </c:pt>
                <c:pt idx="3037">
                  <c:v>767.95299999999997</c:v>
                </c:pt>
                <c:pt idx="3038">
                  <c:v>768.24199999999996</c:v>
                </c:pt>
                <c:pt idx="3039">
                  <c:v>768.53499999999997</c:v>
                </c:pt>
                <c:pt idx="3040">
                  <c:v>768.81</c:v>
                </c:pt>
                <c:pt idx="3041">
                  <c:v>769.04899999999998</c:v>
                </c:pt>
                <c:pt idx="3042">
                  <c:v>769.25099999999998</c:v>
                </c:pt>
                <c:pt idx="3043">
                  <c:v>769.48699999999997</c:v>
                </c:pt>
                <c:pt idx="3044">
                  <c:v>769.81100000000004</c:v>
                </c:pt>
                <c:pt idx="3045">
                  <c:v>769.81299999999999</c:v>
                </c:pt>
                <c:pt idx="3046">
                  <c:v>770.04899999999998</c:v>
                </c:pt>
                <c:pt idx="3047">
                  <c:v>770.36099999999999</c:v>
                </c:pt>
                <c:pt idx="3048">
                  <c:v>770.78800000000001</c:v>
                </c:pt>
                <c:pt idx="3049">
                  <c:v>771.07899999999995</c:v>
                </c:pt>
                <c:pt idx="3050">
                  <c:v>771.40700000000004</c:v>
                </c:pt>
                <c:pt idx="3051">
                  <c:v>771.72699999999998</c:v>
                </c:pt>
                <c:pt idx="3052">
                  <c:v>772.12300000000005</c:v>
                </c:pt>
                <c:pt idx="3053">
                  <c:v>772.60299999999995</c:v>
                </c:pt>
                <c:pt idx="3054">
                  <c:v>772.58399999999995</c:v>
                </c:pt>
                <c:pt idx="3055">
                  <c:v>772.62</c:v>
                </c:pt>
                <c:pt idx="3056">
                  <c:v>772.97299999999996</c:v>
                </c:pt>
                <c:pt idx="3057">
                  <c:v>773.33900000000006</c:v>
                </c:pt>
                <c:pt idx="3058">
                  <c:v>773.40599999999995</c:v>
                </c:pt>
                <c:pt idx="3059">
                  <c:v>773.69200000000001</c:v>
                </c:pt>
                <c:pt idx="3060">
                  <c:v>774.01199999999994</c:v>
                </c:pt>
                <c:pt idx="3061">
                  <c:v>774.45299999999997</c:v>
                </c:pt>
                <c:pt idx="3062">
                  <c:v>774.57799999999997</c:v>
                </c:pt>
                <c:pt idx="3063">
                  <c:v>774.70600000000002</c:v>
                </c:pt>
                <c:pt idx="3064">
                  <c:v>774.91899999999998</c:v>
                </c:pt>
                <c:pt idx="3065">
                  <c:v>775.29200000000003</c:v>
                </c:pt>
                <c:pt idx="3066">
                  <c:v>775.72900000000004</c:v>
                </c:pt>
                <c:pt idx="3067">
                  <c:v>775.69799999999998</c:v>
                </c:pt>
                <c:pt idx="3068">
                  <c:v>775.88099999999997</c:v>
                </c:pt>
                <c:pt idx="3069">
                  <c:v>776.06399999999996</c:v>
                </c:pt>
                <c:pt idx="3070">
                  <c:v>776.42899999999997</c:v>
                </c:pt>
                <c:pt idx="3071">
                  <c:v>776.50300000000004</c:v>
                </c:pt>
                <c:pt idx="3072">
                  <c:v>776.66399999999999</c:v>
                </c:pt>
                <c:pt idx="3073">
                  <c:v>777.01300000000003</c:v>
                </c:pt>
                <c:pt idx="3074">
                  <c:v>777.18299999999999</c:v>
                </c:pt>
                <c:pt idx="3075">
                  <c:v>777.43600000000004</c:v>
                </c:pt>
                <c:pt idx="3076">
                  <c:v>777.81700000000001</c:v>
                </c:pt>
                <c:pt idx="3077">
                  <c:v>778.24099999999999</c:v>
                </c:pt>
                <c:pt idx="3078">
                  <c:v>778.55499999999995</c:v>
                </c:pt>
                <c:pt idx="3079">
                  <c:v>778.81500000000005</c:v>
                </c:pt>
                <c:pt idx="3080">
                  <c:v>779.03599999999994</c:v>
                </c:pt>
                <c:pt idx="3081">
                  <c:v>779.38499999999999</c:v>
                </c:pt>
                <c:pt idx="3082">
                  <c:v>779.64</c:v>
                </c:pt>
                <c:pt idx="3083">
                  <c:v>779.65499999999997</c:v>
                </c:pt>
                <c:pt idx="3084">
                  <c:v>779.90200000000004</c:v>
                </c:pt>
                <c:pt idx="3085">
                  <c:v>780.08699999999999</c:v>
                </c:pt>
                <c:pt idx="3086">
                  <c:v>780.28599999999994</c:v>
                </c:pt>
                <c:pt idx="3087">
                  <c:v>780.52200000000005</c:v>
                </c:pt>
                <c:pt idx="3088">
                  <c:v>781.06</c:v>
                </c:pt>
                <c:pt idx="3089">
                  <c:v>781.26599999999996</c:v>
                </c:pt>
                <c:pt idx="3090">
                  <c:v>781.47799999999995</c:v>
                </c:pt>
                <c:pt idx="3091">
                  <c:v>781.94</c:v>
                </c:pt>
                <c:pt idx="3092">
                  <c:v>782.09799999999996</c:v>
                </c:pt>
                <c:pt idx="3093">
                  <c:v>782.49199999999996</c:v>
                </c:pt>
                <c:pt idx="3094">
                  <c:v>782.81500000000005</c:v>
                </c:pt>
                <c:pt idx="3095">
                  <c:v>783.04499999999996</c:v>
                </c:pt>
                <c:pt idx="3096">
                  <c:v>783.19299999999998</c:v>
                </c:pt>
                <c:pt idx="3097">
                  <c:v>783.452</c:v>
                </c:pt>
                <c:pt idx="3098">
                  <c:v>783.58799999999997</c:v>
                </c:pt>
                <c:pt idx="3099">
                  <c:v>783.89099999999996</c:v>
                </c:pt>
                <c:pt idx="3100">
                  <c:v>784.17200000000003</c:v>
                </c:pt>
                <c:pt idx="3101">
                  <c:v>784.52</c:v>
                </c:pt>
                <c:pt idx="3102">
                  <c:v>784.82500000000005</c:v>
                </c:pt>
                <c:pt idx="3103">
                  <c:v>785.10400000000004</c:v>
                </c:pt>
                <c:pt idx="3104">
                  <c:v>785.26099999999997</c:v>
                </c:pt>
                <c:pt idx="3105">
                  <c:v>785.48800000000006</c:v>
                </c:pt>
                <c:pt idx="3106">
                  <c:v>785.87199999999996</c:v>
                </c:pt>
                <c:pt idx="3107">
                  <c:v>786.02099999999996</c:v>
                </c:pt>
                <c:pt idx="3108">
                  <c:v>786.32600000000002</c:v>
                </c:pt>
                <c:pt idx="3109">
                  <c:v>786.61800000000005</c:v>
                </c:pt>
                <c:pt idx="3110">
                  <c:v>786.72400000000005</c:v>
                </c:pt>
                <c:pt idx="3111">
                  <c:v>786.83100000000002</c:v>
                </c:pt>
                <c:pt idx="3112">
                  <c:v>787.048</c:v>
                </c:pt>
                <c:pt idx="3113">
                  <c:v>787.41399999999999</c:v>
                </c:pt>
                <c:pt idx="3114">
                  <c:v>787.93200000000002</c:v>
                </c:pt>
                <c:pt idx="3115">
                  <c:v>788.26300000000003</c:v>
                </c:pt>
                <c:pt idx="3116">
                  <c:v>788.47400000000005</c:v>
                </c:pt>
                <c:pt idx="3117">
                  <c:v>788.6</c:v>
                </c:pt>
                <c:pt idx="3118">
                  <c:v>788.79100000000005</c:v>
                </c:pt>
                <c:pt idx="3119">
                  <c:v>789.274</c:v>
                </c:pt>
                <c:pt idx="3120">
                  <c:v>789.18899999999996</c:v>
                </c:pt>
                <c:pt idx="3121">
                  <c:v>789.32500000000005</c:v>
                </c:pt>
                <c:pt idx="3122">
                  <c:v>789.63499999999999</c:v>
                </c:pt>
                <c:pt idx="3123">
                  <c:v>790.11</c:v>
                </c:pt>
                <c:pt idx="3124">
                  <c:v>790.79</c:v>
                </c:pt>
                <c:pt idx="3125">
                  <c:v>791.19399999999996</c:v>
                </c:pt>
                <c:pt idx="3126">
                  <c:v>791.09400000000005</c:v>
                </c:pt>
                <c:pt idx="3127">
                  <c:v>791.048</c:v>
                </c:pt>
                <c:pt idx="3128">
                  <c:v>791.09900000000005</c:v>
                </c:pt>
                <c:pt idx="3129">
                  <c:v>791.35299999999995</c:v>
                </c:pt>
                <c:pt idx="3130">
                  <c:v>791.84699999999998</c:v>
                </c:pt>
                <c:pt idx="3131">
                  <c:v>792.32600000000002</c:v>
                </c:pt>
                <c:pt idx="3132">
                  <c:v>792.59699999999998</c:v>
                </c:pt>
                <c:pt idx="3133">
                  <c:v>792.81700000000001</c:v>
                </c:pt>
                <c:pt idx="3134">
                  <c:v>793.22199999999998</c:v>
                </c:pt>
                <c:pt idx="3135">
                  <c:v>793.274</c:v>
                </c:pt>
                <c:pt idx="3136">
                  <c:v>793.62099999999998</c:v>
                </c:pt>
                <c:pt idx="3137">
                  <c:v>793.98299999999995</c:v>
                </c:pt>
                <c:pt idx="3138">
                  <c:v>794.197</c:v>
                </c:pt>
                <c:pt idx="3139">
                  <c:v>794.51400000000001</c:v>
                </c:pt>
                <c:pt idx="3140">
                  <c:v>795.27499999999998</c:v>
                </c:pt>
                <c:pt idx="3141">
                  <c:v>795.60299999999995</c:v>
                </c:pt>
                <c:pt idx="3142">
                  <c:v>795.45500000000004</c:v>
                </c:pt>
                <c:pt idx="3143">
                  <c:v>795.50099999999998</c:v>
                </c:pt>
                <c:pt idx="3144">
                  <c:v>795.51400000000001</c:v>
                </c:pt>
                <c:pt idx="3145">
                  <c:v>795.92700000000002</c:v>
                </c:pt>
                <c:pt idx="3146">
                  <c:v>796.29300000000001</c:v>
                </c:pt>
                <c:pt idx="3147">
                  <c:v>796.26800000000003</c:v>
                </c:pt>
                <c:pt idx="3148">
                  <c:v>796.74599999999998</c:v>
                </c:pt>
                <c:pt idx="3149">
                  <c:v>796.995</c:v>
                </c:pt>
                <c:pt idx="3150">
                  <c:v>797.34500000000003</c:v>
                </c:pt>
                <c:pt idx="3151">
                  <c:v>797.43299999999999</c:v>
                </c:pt>
                <c:pt idx="3152">
                  <c:v>797.54399999999998</c:v>
                </c:pt>
                <c:pt idx="3153">
                  <c:v>797.89599999999996</c:v>
                </c:pt>
                <c:pt idx="3154">
                  <c:v>798.36699999999996</c:v>
                </c:pt>
                <c:pt idx="3155">
                  <c:v>798.88099999999997</c:v>
                </c:pt>
                <c:pt idx="3156">
                  <c:v>799.31899999999996</c:v>
                </c:pt>
                <c:pt idx="3157">
                  <c:v>799.37599999999998</c:v>
                </c:pt>
                <c:pt idx="3158">
                  <c:v>799.35599999999999</c:v>
                </c:pt>
                <c:pt idx="3159">
                  <c:v>799.64099999999996</c:v>
                </c:pt>
                <c:pt idx="3160">
                  <c:v>799.58399999999995</c:v>
                </c:pt>
                <c:pt idx="3161">
                  <c:v>799.73699999999997</c:v>
                </c:pt>
                <c:pt idx="3162">
                  <c:v>800.17700000000002</c:v>
                </c:pt>
                <c:pt idx="3163">
                  <c:v>800.28099999999995</c:v>
                </c:pt>
                <c:pt idx="3164">
                  <c:v>800.55899999999997</c:v>
                </c:pt>
                <c:pt idx="3165">
                  <c:v>800.90099999999995</c:v>
                </c:pt>
                <c:pt idx="3166">
                  <c:v>801.11699999999996</c:v>
                </c:pt>
                <c:pt idx="3167">
                  <c:v>801.44899999999996</c:v>
                </c:pt>
                <c:pt idx="3168">
                  <c:v>802.04399999999998</c:v>
                </c:pt>
                <c:pt idx="3169">
                  <c:v>802.51400000000001</c:v>
                </c:pt>
                <c:pt idx="3170">
                  <c:v>802.42499999999995</c:v>
                </c:pt>
                <c:pt idx="3171">
                  <c:v>802.43</c:v>
                </c:pt>
                <c:pt idx="3172">
                  <c:v>803.04399999999998</c:v>
                </c:pt>
                <c:pt idx="3173">
                  <c:v>803.37699999999995</c:v>
                </c:pt>
                <c:pt idx="3174">
                  <c:v>803.46100000000001</c:v>
                </c:pt>
                <c:pt idx="3175">
                  <c:v>803.7</c:v>
                </c:pt>
                <c:pt idx="3176">
                  <c:v>804.11500000000001</c:v>
                </c:pt>
                <c:pt idx="3177">
                  <c:v>804.23199999999997</c:v>
                </c:pt>
                <c:pt idx="3178">
                  <c:v>804.68700000000001</c:v>
                </c:pt>
                <c:pt idx="3179">
                  <c:v>804.84799999999996</c:v>
                </c:pt>
                <c:pt idx="3180">
                  <c:v>805.06299999999999</c:v>
                </c:pt>
                <c:pt idx="3181">
                  <c:v>805.23400000000004</c:v>
                </c:pt>
                <c:pt idx="3182">
                  <c:v>805.62300000000005</c:v>
                </c:pt>
                <c:pt idx="3183">
                  <c:v>805.86400000000003</c:v>
                </c:pt>
                <c:pt idx="3184">
                  <c:v>806.54300000000001</c:v>
                </c:pt>
                <c:pt idx="3185">
                  <c:v>806.99900000000002</c:v>
                </c:pt>
                <c:pt idx="3186">
                  <c:v>806.76700000000005</c:v>
                </c:pt>
                <c:pt idx="3187">
                  <c:v>806.80499999999995</c:v>
                </c:pt>
                <c:pt idx="3188">
                  <c:v>807.06399999999996</c:v>
                </c:pt>
                <c:pt idx="3189">
                  <c:v>807.38400000000001</c:v>
                </c:pt>
                <c:pt idx="3190">
                  <c:v>807.41899999999998</c:v>
                </c:pt>
                <c:pt idx="3191">
                  <c:v>807.81899999999996</c:v>
                </c:pt>
                <c:pt idx="3192">
                  <c:v>807.87800000000004</c:v>
                </c:pt>
                <c:pt idx="3193">
                  <c:v>808.25800000000004</c:v>
                </c:pt>
                <c:pt idx="3194">
                  <c:v>808.77800000000002</c:v>
                </c:pt>
                <c:pt idx="3195">
                  <c:v>808.98800000000006</c:v>
                </c:pt>
                <c:pt idx="3196">
                  <c:v>809.26199999999994</c:v>
                </c:pt>
                <c:pt idx="3197">
                  <c:v>809.49199999999996</c:v>
                </c:pt>
                <c:pt idx="3198">
                  <c:v>809.47400000000005</c:v>
                </c:pt>
                <c:pt idx="3199">
                  <c:v>810.16600000000005</c:v>
                </c:pt>
                <c:pt idx="3200">
                  <c:v>810.40200000000004</c:v>
                </c:pt>
                <c:pt idx="3201">
                  <c:v>810.61500000000001</c:v>
                </c:pt>
                <c:pt idx="3202">
                  <c:v>810.97199999999998</c:v>
                </c:pt>
                <c:pt idx="3203">
                  <c:v>811.05200000000002</c:v>
                </c:pt>
                <c:pt idx="3204">
                  <c:v>811.11500000000001</c:v>
                </c:pt>
                <c:pt idx="3205">
                  <c:v>811.37900000000002</c:v>
                </c:pt>
                <c:pt idx="3206">
                  <c:v>811.55</c:v>
                </c:pt>
                <c:pt idx="3207">
                  <c:v>812.19100000000003</c:v>
                </c:pt>
                <c:pt idx="3208">
                  <c:v>812.62</c:v>
                </c:pt>
                <c:pt idx="3209">
                  <c:v>812.61</c:v>
                </c:pt>
                <c:pt idx="3210">
                  <c:v>812.52099999999996</c:v>
                </c:pt>
                <c:pt idx="3211">
                  <c:v>812.7</c:v>
                </c:pt>
                <c:pt idx="3212">
                  <c:v>813.04499999999996</c:v>
                </c:pt>
                <c:pt idx="3213">
                  <c:v>813.43700000000001</c:v>
                </c:pt>
                <c:pt idx="3214">
                  <c:v>813.61699999999996</c:v>
                </c:pt>
                <c:pt idx="3215">
                  <c:v>813.72500000000002</c:v>
                </c:pt>
                <c:pt idx="3216">
                  <c:v>814.19899999999996</c:v>
                </c:pt>
                <c:pt idx="3217">
                  <c:v>814.59</c:v>
                </c:pt>
                <c:pt idx="3218">
                  <c:v>814.95399999999995</c:v>
                </c:pt>
                <c:pt idx="3219">
                  <c:v>815.38599999999997</c:v>
                </c:pt>
                <c:pt idx="3220">
                  <c:v>815.28300000000002</c:v>
                </c:pt>
                <c:pt idx="3221">
                  <c:v>815.86099999999999</c:v>
                </c:pt>
                <c:pt idx="3222">
                  <c:v>816.45500000000004</c:v>
                </c:pt>
                <c:pt idx="3223">
                  <c:v>816.48099999999999</c:v>
                </c:pt>
                <c:pt idx="3224">
                  <c:v>816.74099999999999</c:v>
                </c:pt>
                <c:pt idx="3225">
                  <c:v>816.92499999999995</c:v>
                </c:pt>
                <c:pt idx="3226">
                  <c:v>816.93299999999999</c:v>
                </c:pt>
                <c:pt idx="3227">
                  <c:v>816.93799999999999</c:v>
                </c:pt>
                <c:pt idx="3228">
                  <c:v>817.178</c:v>
                </c:pt>
                <c:pt idx="3229">
                  <c:v>817.33399999999995</c:v>
                </c:pt>
                <c:pt idx="3230">
                  <c:v>817.50199999999995</c:v>
                </c:pt>
                <c:pt idx="3231">
                  <c:v>818.04300000000001</c:v>
                </c:pt>
                <c:pt idx="3232">
                  <c:v>818.49199999999996</c:v>
                </c:pt>
                <c:pt idx="3233">
                  <c:v>819.07799999999997</c:v>
                </c:pt>
                <c:pt idx="3234">
                  <c:v>819.23599999999999</c:v>
                </c:pt>
                <c:pt idx="3235">
                  <c:v>819.53399999999999</c:v>
                </c:pt>
                <c:pt idx="3236">
                  <c:v>819.553</c:v>
                </c:pt>
                <c:pt idx="3237">
                  <c:v>819.65499999999997</c:v>
                </c:pt>
                <c:pt idx="3238">
                  <c:v>819.96299999999997</c:v>
                </c:pt>
                <c:pt idx="3239">
                  <c:v>819.97</c:v>
                </c:pt>
                <c:pt idx="3240">
                  <c:v>820.68899999999996</c:v>
                </c:pt>
                <c:pt idx="3241">
                  <c:v>820.947</c:v>
                </c:pt>
                <c:pt idx="3242">
                  <c:v>820.98500000000001</c:v>
                </c:pt>
                <c:pt idx="3243">
                  <c:v>820.90800000000002</c:v>
                </c:pt>
                <c:pt idx="3244">
                  <c:v>821.06799999999998</c:v>
                </c:pt>
                <c:pt idx="3245">
                  <c:v>821.346</c:v>
                </c:pt>
                <c:pt idx="3246">
                  <c:v>821.54</c:v>
                </c:pt>
                <c:pt idx="3247">
                  <c:v>821.88599999999997</c:v>
                </c:pt>
                <c:pt idx="3248">
                  <c:v>822.20299999999997</c:v>
                </c:pt>
                <c:pt idx="3249">
                  <c:v>822.63800000000003</c:v>
                </c:pt>
                <c:pt idx="3250">
                  <c:v>822.904</c:v>
                </c:pt>
                <c:pt idx="3251">
                  <c:v>823.18100000000004</c:v>
                </c:pt>
                <c:pt idx="3252">
                  <c:v>823.24800000000005</c:v>
                </c:pt>
                <c:pt idx="3253">
                  <c:v>823.69399999999996</c:v>
                </c:pt>
                <c:pt idx="3254">
                  <c:v>824.01900000000001</c:v>
                </c:pt>
                <c:pt idx="3255">
                  <c:v>824.33199999999999</c:v>
                </c:pt>
                <c:pt idx="3256">
                  <c:v>824.52</c:v>
                </c:pt>
                <c:pt idx="3257">
                  <c:v>824.60299999999995</c:v>
                </c:pt>
                <c:pt idx="3258">
                  <c:v>824.77499999999998</c:v>
                </c:pt>
                <c:pt idx="3259">
                  <c:v>824.89300000000003</c:v>
                </c:pt>
                <c:pt idx="3260">
                  <c:v>825.4</c:v>
                </c:pt>
                <c:pt idx="3261">
                  <c:v>825.77200000000005</c:v>
                </c:pt>
                <c:pt idx="3262">
                  <c:v>825.90200000000004</c:v>
                </c:pt>
                <c:pt idx="3263">
                  <c:v>826.11900000000003</c:v>
                </c:pt>
                <c:pt idx="3264">
                  <c:v>826.63300000000004</c:v>
                </c:pt>
                <c:pt idx="3265">
                  <c:v>826.79200000000003</c:v>
                </c:pt>
                <c:pt idx="3266">
                  <c:v>827.08500000000004</c:v>
                </c:pt>
                <c:pt idx="3267">
                  <c:v>827.25300000000004</c:v>
                </c:pt>
                <c:pt idx="3268">
                  <c:v>827.71199999999999</c:v>
                </c:pt>
                <c:pt idx="3269">
                  <c:v>828.09699999999998</c:v>
                </c:pt>
                <c:pt idx="3270">
                  <c:v>827.86</c:v>
                </c:pt>
                <c:pt idx="3271">
                  <c:v>828.20500000000004</c:v>
                </c:pt>
                <c:pt idx="3272">
                  <c:v>828.61099999999999</c:v>
                </c:pt>
                <c:pt idx="3273">
                  <c:v>828.36900000000003</c:v>
                </c:pt>
                <c:pt idx="3274">
                  <c:v>828.88499999999999</c:v>
                </c:pt>
                <c:pt idx="3275">
                  <c:v>829.49400000000003</c:v>
                </c:pt>
                <c:pt idx="3276">
                  <c:v>829.72</c:v>
                </c:pt>
                <c:pt idx="3277">
                  <c:v>829.75900000000001</c:v>
                </c:pt>
                <c:pt idx="3278">
                  <c:v>829.86099999999999</c:v>
                </c:pt>
                <c:pt idx="3279">
                  <c:v>830.02200000000005</c:v>
                </c:pt>
                <c:pt idx="3280">
                  <c:v>830.452</c:v>
                </c:pt>
                <c:pt idx="3281">
                  <c:v>831.26400000000001</c:v>
                </c:pt>
                <c:pt idx="3282">
                  <c:v>831.68799999999999</c:v>
                </c:pt>
                <c:pt idx="3283">
                  <c:v>831.54499999999996</c:v>
                </c:pt>
                <c:pt idx="3284">
                  <c:v>831.572</c:v>
                </c:pt>
                <c:pt idx="3285">
                  <c:v>831.62199999999996</c:v>
                </c:pt>
                <c:pt idx="3286">
                  <c:v>831.55700000000002</c:v>
                </c:pt>
                <c:pt idx="3287">
                  <c:v>831.995</c:v>
                </c:pt>
                <c:pt idx="3288">
                  <c:v>832.35900000000004</c:v>
                </c:pt>
                <c:pt idx="3289">
                  <c:v>832.64800000000002</c:v>
                </c:pt>
                <c:pt idx="3290">
                  <c:v>832.77099999999996</c:v>
                </c:pt>
                <c:pt idx="3291">
                  <c:v>833.23299999999995</c:v>
                </c:pt>
                <c:pt idx="3292">
                  <c:v>833.47900000000004</c:v>
                </c:pt>
                <c:pt idx="3293">
                  <c:v>833.73500000000001</c:v>
                </c:pt>
                <c:pt idx="3294">
                  <c:v>834.16200000000003</c:v>
                </c:pt>
                <c:pt idx="3295">
                  <c:v>834.46799999999996</c:v>
                </c:pt>
                <c:pt idx="3296">
                  <c:v>834.94299999999998</c:v>
                </c:pt>
                <c:pt idx="3297">
                  <c:v>835.471</c:v>
                </c:pt>
                <c:pt idx="3298">
                  <c:v>835.40300000000002</c:v>
                </c:pt>
                <c:pt idx="3299">
                  <c:v>835.34199999999998</c:v>
                </c:pt>
                <c:pt idx="3300">
                  <c:v>835.58500000000004</c:v>
                </c:pt>
                <c:pt idx="3301">
                  <c:v>835.87900000000002</c:v>
                </c:pt>
                <c:pt idx="3302">
                  <c:v>836.09900000000005</c:v>
                </c:pt>
                <c:pt idx="3303">
                  <c:v>836.41600000000005</c:v>
                </c:pt>
                <c:pt idx="3304">
                  <c:v>836.68499999999995</c:v>
                </c:pt>
                <c:pt idx="3305">
                  <c:v>836.63199999999995</c:v>
                </c:pt>
                <c:pt idx="3306">
                  <c:v>837.01</c:v>
                </c:pt>
                <c:pt idx="3307">
                  <c:v>837.44100000000003</c:v>
                </c:pt>
                <c:pt idx="3308">
                  <c:v>837.88599999999997</c:v>
                </c:pt>
                <c:pt idx="3309">
                  <c:v>837.89499999999998</c:v>
                </c:pt>
                <c:pt idx="3310">
                  <c:v>838.39599999999996</c:v>
                </c:pt>
                <c:pt idx="3311">
                  <c:v>838.67399999999998</c:v>
                </c:pt>
                <c:pt idx="3312">
                  <c:v>838.98900000000003</c:v>
                </c:pt>
                <c:pt idx="3313">
                  <c:v>839.41</c:v>
                </c:pt>
                <c:pt idx="3314">
                  <c:v>839.46900000000005</c:v>
                </c:pt>
                <c:pt idx="3315">
                  <c:v>839.54899999999998</c:v>
                </c:pt>
                <c:pt idx="3316">
                  <c:v>839.99800000000005</c:v>
                </c:pt>
                <c:pt idx="3317">
                  <c:v>840.10500000000002</c:v>
                </c:pt>
                <c:pt idx="3318">
                  <c:v>840.40899999999999</c:v>
                </c:pt>
                <c:pt idx="3319">
                  <c:v>840.649</c:v>
                </c:pt>
                <c:pt idx="3320">
                  <c:v>840.899</c:v>
                </c:pt>
                <c:pt idx="3321">
                  <c:v>841.27700000000004</c:v>
                </c:pt>
                <c:pt idx="3322">
                  <c:v>841.22699999999998</c:v>
                </c:pt>
                <c:pt idx="3323">
                  <c:v>841.44899999999996</c:v>
                </c:pt>
                <c:pt idx="3324">
                  <c:v>841.73299999999995</c:v>
                </c:pt>
                <c:pt idx="3325">
                  <c:v>842.35299999999995</c:v>
                </c:pt>
                <c:pt idx="3326">
                  <c:v>842.56600000000003</c:v>
                </c:pt>
                <c:pt idx="3327">
                  <c:v>842.70500000000004</c:v>
                </c:pt>
                <c:pt idx="3328">
                  <c:v>842.82899999999995</c:v>
                </c:pt>
                <c:pt idx="3329">
                  <c:v>843.12400000000002</c:v>
                </c:pt>
                <c:pt idx="3330">
                  <c:v>843.38599999999997</c:v>
                </c:pt>
                <c:pt idx="3331">
                  <c:v>843.68100000000004</c:v>
                </c:pt>
                <c:pt idx="3332">
                  <c:v>843.81</c:v>
                </c:pt>
                <c:pt idx="3333">
                  <c:v>844.10299999999995</c:v>
                </c:pt>
                <c:pt idx="3334">
                  <c:v>844.43399999999997</c:v>
                </c:pt>
                <c:pt idx="3335">
                  <c:v>844.86099999999999</c:v>
                </c:pt>
                <c:pt idx="3336">
                  <c:v>845.2</c:v>
                </c:pt>
                <c:pt idx="3337">
                  <c:v>845.31799999999998</c:v>
                </c:pt>
                <c:pt idx="3338">
                  <c:v>845.30200000000002</c:v>
                </c:pt>
                <c:pt idx="3339">
                  <c:v>845.45699999999999</c:v>
                </c:pt>
                <c:pt idx="3340">
                  <c:v>845.66200000000003</c:v>
                </c:pt>
                <c:pt idx="3341">
                  <c:v>845.66899999999998</c:v>
                </c:pt>
                <c:pt idx="3342">
                  <c:v>846.125</c:v>
                </c:pt>
                <c:pt idx="3343">
                  <c:v>846.31100000000004</c:v>
                </c:pt>
                <c:pt idx="3344">
                  <c:v>846.33299999999997</c:v>
                </c:pt>
                <c:pt idx="3345">
                  <c:v>846.36500000000001</c:v>
                </c:pt>
                <c:pt idx="3346">
                  <c:v>846.52200000000005</c:v>
                </c:pt>
                <c:pt idx="3347">
                  <c:v>846.59500000000003</c:v>
                </c:pt>
                <c:pt idx="3348">
                  <c:v>846.43899999999996</c:v>
                </c:pt>
                <c:pt idx="3349">
                  <c:v>846.61300000000006</c:v>
                </c:pt>
                <c:pt idx="3350">
                  <c:v>846.61</c:v>
                </c:pt>
                <c:pt idx="3351">
                  <c:v>846.803</c:v>
                </c:pt>
                <c:pt idx="3352">
                  <c:v>846.99900000000002</c:v>
                </c:pt>
                <c:pt idx="3353">
                  <c:v>847.02599999999995</c:v>
                </c:pt>
                <c:pt idx="3354">
                  <c:v>847.053</c:v>
                </c:pt>
                <c:pt idx="3355">
                  <c:v>847.202</c:v>
                </c:pt>
                <c:pt idx="3356">
                  <c:v>847.31600000000003</c:v>
                </c:pt>
                <c:pt idx="3357">
                  <c:v>847.66499999999996</c:v>
                </c:pt>
                <c:pt idx="3358">
                  <c:v>847.86800000000005</c:v>
                </c:pt>
                <c:pt idx="3359">
                  <c:v>847.928</c:v>
                </c:pt>
                <c:pt idx="3360">
                  <c:v>847.923</c:v>
                </c:pt>
                <c:pt idx="3361">
                  <c:v>847.94799999999998</c:v>
                </c:pt>
                <c:pt idx="3362">
                  <c:v>848.09699999999998</c:v>
                </c:pt>
                <c:pt idx="3363">
                  <c:v>848.07799999999997</c:v>
                </c:pt>
                <c:pt idx="3364">
                  <c:v>848.35199999999998</c:v>
                </c:pt>
                <c:pt idx="3365">
                  <c:v>848.51800000000003</c:v>
                </c:pt>
                <c:pt idx="3366">
                  <c:v>848.61699999999996</c:v>
                </c:pt>
                <c:pt idx="3367">
                  <c:v>848.56200000000001</c:v>
                </c:pt>
                <c:pt idx="3368">
                  <c:v>848.69799999999998</c:v>
                </c:pt>
                <c:pt idx="3369">
                  <c:v>848.82100000000003</c:v>
                </c:pt>
                <c:pt idx="3370">
                  <c:v>848.84299999999996</c:v>
                </c:pt>
                <c:pt idx="3371">
                  <c:v>848.81500000000005</c:v>
                </c:pt>
                <c:pt idx="3372">
                  <c:v>849.04300000000001</c:v>
                </c:pt>
                <c:pt idx="3373">
                  <c:v>848.88900000000001</c:v>
                </c:pt>
                <c:pt idx="3374">
                  <c:v>849.18799999999999</c:v>
                </c:pt>
                <c:pt idx="3375">
                  <c:v>849.29600000000005</c:v>
                </c:pt>
                <c:pt idx="3376">
                  <c:v>849.42100000000005</c:v>
                </c:pt>
                <c:pt idx="3377">
                  <c:v>849.30499999999995</c:v>
                </c:pt>
                <c:pt idx="3378">
                  <c:v>849.404</c:v>
                </c:pt>
                <c:pt idx="3379">
                  <c:v>849.303</c:v>
                </c:pt>
                <c:pt idx="3380">
                  <c:v>849.50300000000004</c:v>
                </c:pt>
                <c:pt idx="3381">
                  <c:v>849.49800000000005</c:v>
                </c:pt>
                <c:pt idx="3382">
                  <c:v>849.54899999999998</c:v>
                </c:pt>
                <c:pt idx="3383">
                  <c:v>849.54499999999996</c:v>
                </c:pt>
                <c:pt idx="3384">
                  <c:v>849.47900000000004</c:v>
                </c:pt>
                <c:pt idx="3385">
                  <c:v>849.67899999999997</c:v>
                </c:pt>
                <c:pt idx="3386">
                  <c:v>849.88099999999997</c:v>
                </c:pt>
                <c:pt idx="3387">
                  <c:v>849.87800000000004</c:v>
                </c:pt>
                <c:pt idx="3388">
                  <c:v>849.702</c:v>
                </c:pt>
                <c:pt idx="3389">
                  <c:v>849.81500000000005</c:v>
                </c:pt>
                <c:pt idx="3390">
                  <c:v>849.69100000000003</c:v>
                </c:pt>
                <c:pt idx="3391">
                  <c:v>849.64700000000005</c:v>
                </c:pt>
                <c:pt idx="3392">
                  <c:v>849.56100000000004</c:v>
                </c:pt>
                <c:pt idx="3393">
                  <c:v>849.35</c:v>
                </c:pt>
                <c:pt idx="3394">
                  <c:v>849.19200000000001</c:v>
                </c:pt>
                <c:pt idx="3395">
                  <c:v>849.029</c:v>
                </c:pt>
                <c:pt idx="3396">
                  <c:v>849.05399999999997</c:v>
                </c:pt>
                <c:pt idx="3397">
                  <c:v>849.08799999999997</c:v>
                </c:pt>
                <c:pt idx="3398">
                  <c:v>848.82799999999997</c:v>
                </c:pt>
                <c:pt idx="3399">
                  <c:v>848.76599999999996</c:v>
                </c:pt>
                <c:pt idx="3400">
                  <c:v>848.44600000000003</c:v>
                </c:pt>
                <c:pt idx="3401">
                  <c:v>848.43100000000004</c:v>
                </c:pt>
                <c:pt idx="3402">
                  <c:v>848.36199999999997</c:v>
                </c:pt>
                <c:pt idx="3403">
                  <c:v>848.25300000000004</c:v>
                </c:pt>
                <c:pt idx="3404">
                  <c:v>848.19899999999996</c:v>
                </c:pt>
                <c:pt idx="3405">
                  <c:v>848.11199999999997</c:v>
                </c:pt>
                <c:pt idx="3406">
                  <c:v>848.01099999999997</c:v>
                </c:pt>
                <c:pt idx="3407">
                  <c:v>848.03499999999997</c:v>
                </c:pt>
                <c:pt idx="3408">
                  <c:v>847.94600000000003</c:v>
                </c:pt>
                <c:pt idx="3409">
                  <c:v>847.72199999999998</c:v>
                </c:pt>
                <c:pt idx="3410">
                  <c:v>847.55799999999999</c:v>
                </c:pt>
                <c:pt idx="3411">
                  <c:v>847.52099999999996</c:v>
                </c:pt>
                <c:pt idx="3412">
                  <c:v>847.61199999999997</c:v>
                </c:pt>
                <c:pt idx="3413">
                  <c:v>847.54200000000003</c:v>
                </c:pt>
                <c:pt idx="3414">
                  <c:v>847.20799999999997</c:v>
                </c:pt>
                <c:pt idx="3415">
                  <c:v>847.13400000000001</c:v>
                </c:pt>
                <c:pt idx="3416">
                  <c:v>847.00300000000004</c:v>
                </c:pt>
                <c:pt idx="3417">
                  <c:v>847.07299999999998</c:v>
                </c:pt>
                <c:pt idx="3418">
                  <c:v>847.09100000000001</c:v>
                </c:pt>
                <c:pt idx="3419">
                  <c:v>847.11500000000001</c:v>
                </c:pt>
                <c:pt idx="3420">
                  <c:v>847.07</c:v>
                </c:pt>
                <c:pt idx="3421">
                  <c:v>846.58199999999999</c:v>
                </c:pt>
                <c:pt idx="3422">
                  <c:v>846.64700000000005</c:v>
                </c:pt>
                <c:pt idx="3423">
                  <c:v>846.62400000000002</c:v>
                </c:pt>
                <c:pt idx="3424">
                  <c:v>846.73500000000001</c:v>
                </c:pt>
                <c:pt idx="3425">
                  <c:v>846.42499999999995</c:v>
                </c:pt>
                <c:pt idx="3426">
                  <c:v>846.36</c:v>
                </c:pt>
                <c:pt idx="3427">
                  <c:v>846.09400000000005</c:v>
                </c:pt>
                <c:pt idx="3428">
                  <c:v>846.03599999999994</c:v>
                </c:pt>
                <c:pt idx="3429">
                  <c:v>846.01599999999996</c:v>
                </c:pt>
                <c:pt idx="3430">
                  <c:v>846.048</c:v>
                </c:pt>
                <c:pt idx="3431">
                  <c:v>845.76800000000003</c:v>
                </c:pt>
                <c:pt idx="3432">
                  <c:v>845.779</c:v>
                </c:pt>
                <c:pt idx="3433">
                  <c:v>845.80899999999997</c:v>
                </c:pt>
                <c:pt idx="3434">
                  <c:v>845.91099999999994</c:v>
                </c:pt>
                <c:pt idx="3435">
                  <c:v>845.84299999999996</c:v>
                </c:pt>
                <c:pt idx="3436">
                  <c:v>845.51099999999997</c:v>
                </c:pt>
                <c:pt idx="3437">
                  <c:v>845.67600000000004</c:v>
                </c:pt>
                <c:pt idx="3438">
                  <c:v>845.50300000000004</c:v>
                </c:pt>
                <c:pt idx="3439">
                  <c:v>845.05899999999997</c:v>
                </c:pt>
                <c:pt idx="3440">
                  <c:v>844.98400000000004</c:v>
                </c:pt>
                <c:pt idx="3441">
                  <c:v>845.07899999999995</c:v>
                </c:pt>
                <c:pt idx="3442">
                  <c:v>845.16099999999994</c:v>
                </c:pt>
                <c:pt idx="3443">
                  <c:v>845.13099999999997</c:v>
                </c:pt>
                <c:pt idx="3444">
                  <c:v>845.14499999999998</c:v>
                </c:pt>
                <c:pt idx="3445">
                  <c:v>845.29399999999998</c:v>
                </c:pt>
                <c:pt idx="3446">
                  <c:v>845.18799999999999</c:v>
                </c:pt>
                <c:pt idx="3447">
                  <c:v>845.24699999999996</c:v>
                </c:pt>
                <c:pt idx="3448">
                  <c:v>845.18299999999999</c:v>
                </c:pt>
                <c:pt idx="3449">
                  <c:v>845.08199999999999</c:v>
                </c:pt>
                <c:pt idx="3450">
                  <c:v>845.04600000000005</c:v>
                </c:pt>
                <c:pt idx="3451">
                  <c:v>845.09400000000005</c:v>
                </c:pt>
                <c:pt idx="3452">
                  <c:v>844.93299999999999</c:v>
                </c:pt>
                <c:pt idx="3453">
                  <c:v>844.78099999999995</c:v>
                </c:pt>
                <c:pt idx="3454">
                  <c:v>844.64</c:v>
                </c:pt>
                <c:pt idx="3455">
                  <c:v>844.63</c:v>
                </c:pt>
                <c:pt idx="3456">
                  <c:v>844.51499999999999</c:v>
                </c:pt>
                <c:pt idx="3457">
                  <c:v>844.71199999999999</c:v>
                </c:pt>
                <c:pt idx="3458">
                  <c:v>844.79399999999998</c:v>
                </c:pt>
                <c:pt idx="3459">
                  <c:v>844.68200000000002</c:v>
                </c:pt>
                <c:pt idx="3460">
                  <c:v>844.52200000000005</c:v>
                </c:pt>
                <c:pt idx="3461">
                  <c:v>844.46199999999999</c:v>
                </c:pt>
                <c:pt idx="3462">
                  <c:v>844.43200000000002</c:v>
                </c:pt>
                <c:pt idx="3463">
                  <c:v>844.41</c:v>
                </c:pt>
                <c:pt idx="3464">
                  <c:v>844.47799999999995</c:v>
                </c:pt>
                <c:pt idx="3465">
                  <c:v>844.46100000000001</c:v>
                </c:pt>
                <c:pt idx="3466">
                  <c:v>844.47799999999995</c:v>
                </c:pt>
                <c:pt idx="3467">
                  <c:v>844.21699999999998</c:v>
                </c:pt>
                <c:pt idx="3468">
                  <c:v>844.11699999999996</c:v>
                </c:pt>
                <c:pt idx="3469">
                  <c:v>843.548</c:v>
                </c:pt>
                <c:pt idx="3470">
                  <c:v>843.36099999999999</c:v>
                </c:pt>
                <c:pt idx="3471">
                  <c:v>843.40899999999999</c:v>
                </c:pt>
                <c:pt idx="3472">
                  <c:v>843.56700000000001</c:v>
                </c:pt>
                <c:pt idx="3473">
                  <c:v>843.51499999999999</c:v>
                </c:pt>
                <c:pt idx="3474">
                  <c:v>843.73400000000004</c:v>
                </c:pt>
                <c:pt idx="3475">
                  <c:v>843.82299999999998</c:v>
                </c:pt>
                <c:pt idx="3476">
                  <c:v>843.91899999999998</c:v>
                </c:pt>
                <c:pt idx="3477">
                  <c:v>843.83399999999995</c:v>
                </c:pt>
                <c:pt idx="3478">
                  <c:v>843.59</c:v>
                </c:pt>
                <c:pt idx="3479">
                  <c:v>843.53300000000002</c:v>
                </c:pt>
                <c:pt idx="3480">
                  <c:v>843.58</c:v>
                </c:pt>
                <c:pt idx="3481">
                  <c:v>843.57299999999998</c:v>
                </c:pt>
                <c:pt idx="3482">
                  <c:v>843.29300000000001</c:v>
                </c:pt>
                <c:pt idx="3483">
                  <c:v>843.38900000000001</c:v>
                </c:pt>
                <c:pt idx="3484">
                  <c:v>843.38599999999997</c:v>
                </c:pt>
                <c:pt idx="3485">
                  <c:v>843.38</c:v>
                </c:pt>
                <c:pt idx="3486">
                  <c:v>843.45299999999997</c:v>
                </c:pt>
                <c:pt idx="3487">
                  <c:v>843.56700000000001</c:v>
                </c:pt>
                <c:pt idx="3488">
                  <c:v>843.649</c:v>
                </c:pt>
                <c:pt idx="3489">
                  <c:v>843.60599999999999</c:v>
                </c:pt>
                <c:pt idx="3490">
                  <c:v>843.60400000000004</c:v>
                </c:pt>
                <c:pt idx="3491">
                  <c:v>843.52800000000002</c:v>
                </c:pt>
                <c:pt idx="3492">
                  <c:v>843.46400000000006</c:v>
                </c:pt>
                <c:pt idx="3493">
                  <c:v>843.08199999999999</c:v>
                </c:pt>
                <c:pt idx="3494">
                  <c:v>843.20799999999997</c:v>
                </c:pt>
                <c:pt idx="3495">
                  <c:v>843.21400000000006</c:v>
                </c:pt>
                <c:pt idx="3496">
                  <c:v>843.22199999999998</c:v>
                </c:pt>
                <c:pt idx="3497">
                  <c:v>842.88900000000001</c:v>
                </c:pt>
                <c:pt idx="3498">
                  <c:v>842.851</c:v>
                </c:pt>
                <c:pt idx="3499">
                  <c:v>842.81200000000001</c:v>
                </c:pt>
                <c:pt idx="3500">
                  <c:v>842.51400000000001</c:v>
                </c:pt>
                <c:pt idx="3501">
                  <c:v>842.625</c:v>
                </c:pt>
                <c:pt idx="3502">
                  <c:v>842.43</c:v>
                </c:pt>
                <c:pt idx="3503">
                  <c:v>842.37599999999998</c:v>
                </c:pt>
                <c:pt idx="3504">
                  <c:v>842.44600000000003</c:v>
                </c:pt>
                <c:pt idx="3505">
                  <c:v>842.649</c:v>
                </c:pt>
                <c:pt idx="3506">
                  <c:v>842.77099999999996</c:v>
                </c:pt>
                <c:pt idx="3507">
                  <c:v>842.65700000000004</c:v>
                </c:pt>
                <c:pt idx="3508">
                  <c:v>842.59199999999998</c:v>
                </c:pt>
                <c:pt idx="3509">
                  <c:v>842.39599999999996</c:v>
                </c:pt>
                <c:pt idx="3510">
                  <c:v>842.21199999999999</c:v>
                </c:pt>
                <c:pt idx="3511">
                  <c:v>842.28399999999999</c:v>
                </c:pt>
                <c:pt idx="3512">
                  <c:v>842.26599999999996</c:v>
                </c:pt>
                <c:pt idx="3513">
                  <c:v>842.35599999999999</c:v>
                </c:pt>
                <c:pt idx="3514">
                  <c:v>842.44200000000001</c:v>
                </c:pt>
                <c:pt idx="3515">
                  <c:v>842.32600000000002</c:v>
                </c:pt>
                <c:pt idx="3516">
                  <c:v>842.36300000000006</c:v>
                </c:pt>
                <c:pt idx="3517">
                  <c:v>842.38199999999995</c:v>
                </c:pt>
                <c:pt idx="3518">
                  <c:v>842.32299999999998</c:v>
                </c:pt>
                <c:pt idx="3519">
                  <c:v>842.40099999999995</c:v>
                </c:pt>
                <c:pt idx="3520">
                  <c:v>842.14</c:v>
                </c:pt>
                <c:pt idx="3521">
                  <c:v>842.21299999999997</c:v>
                </c:pt>
                <c:pt idx="3522">
                  <c:v>842.14800000000002</c:v>
                </c:pt>
                <c:pt idx="3523">
                  <c:v>842.24900000000002</c:v>
                </c:pt>
                <c:pt idx="3524">
                  <c:v>842.10799999999995</c:v>
                </c:pt>
                <c:pt idx="3525">
                  <c:v>841.87800000000004</c:v>
                </c:pt>
                <c:pt idx="3526">
                  <c:v>841.92399999999998</c:v>
                </c:pt>
                <c:pt idx="3527">
                  <c:v>841.99300000000005</c:v>
                </c:pt>
                <c:pt idx="3528">
                  <c:v>841.93799999999999</c:v>
                </c:pt>
                <c:pt idx="3529">
                  <c:v>842</c:v>
                </c:pt>
                <c:pt idx="3530">
                  <c:v>842.03800000000001</c:v>
                </c:pt>
                <c:pt idx="3531">
                  <c:v>841.697</c:v>
                </c:pt>
                <c:pt idx="3532">
                  <c:v>841.64300000000003</c:v>
                </c:pt>
                <c:pt idx="3533">
                  <c:v>841.51</c:v>
                </c:pt>
                <c:pt idx="3534">
                  <c:v>841.6</c:v>
                </c:pt>
                <c:pt idx="3535">
                  <c:v>841.72500000000002</c:v>
                </c:pt>
                <c:pt idx="3536">
                  <c:v>841.55200000000002</c:v>
                </c:pt>
                <c:pt idx="3537">
                  <c:v>841.69200000000001</c:v>
                </c:pt>
                <c:pt idx="3538">
                  <c:v>841.827</c:v>
                </c:pt>
                <c:pt idx="3539">
                  <c:v>841.99800000000005</c:v>
                </c:pt>
                <c:pt idx="3540">
                  <c:v>841.93600000000004</c:v>
                </c:pt>
                <c:pt idx="3541">
                  <c:v>841.90200000000004</c:v>
                </c:pt>
                <c:pt idx="3542">
                  <c:v>841.92700000000002</c:v>
                </c:pt>
                <c:pt idx="3543">
                  <c:v>841.92100000000005</c:v>
                </c:pt>
                <c:pt idx="3544">
                  <c:v>841.803</c:v>
                </c:pt>
                <c:pt idx="3545">
                  <c:v>841.66</c:v>
                </c:pt>
                <c:pt idx="3546">
                  <c:v>841.52700000000004</c:v>
                </c:pt>
                <c:pt idx="3547">
                  <c:v>841.61</c:v>
                </c:pt>
                <c:pt idx="3548">
                  <c:v>841.56</c:v>
                </c:pt>
                <c:pt idx="3549">
                  <c:v>841.66899999999998</c:v>
                </c:pt>
                <c:pt idx="3550">
                  <c:v>841.65099999999995</c:v>
                </c:pt>
                <c:pt idx="3551">
                  <c:v>841.61699999999996</c:v>
                </c:pt>
                <c:pt idx="3552">
                  <c:v>841.65</c:v>
                </c:pt>
                <c:pt idx="3553">
                  <c:v>841.36900000000003</c:v>
                </c:pt>
                <c:pt idx="3554">
                  <c:v>841.32799999999997</c:v>
                </c:pt>
                <c:pt idx="3555">
                  <c:v>841.1</c:v>
                </c:pt>
                <c:pt idx="3556">
                  <c:v>840.98699999999997</c:v>
                </c:pt>
                <c:pt idx="3557">
                  <c:v>840.95299999999997</c:v>
                </c:pt>
                <c:pt idx="3558">
                  <c:v>841.04399999999998</c:v>
                </c:pt>
                <c:pt idx="3559">
                  <c:v>841.25900000000001</c:v>
                </c:pt>
                <c:pt idx="3560">
                  <c:v>841.22699999999998</c:v>
                </c:pt>
                <c:pt idx="3561">
                  <c:v>841.28599999999994</c:v>
                </c:pt>
                <c:pt idx="3562">
                  <c:v>841.32899999999995</c:v>
                </c:pt>
                <c:pt idx="3563">
                  <c:v>841.10699999999997</c:v>
                </c:pt>
                <c:pt idx="3564">
                  <c:v>841.19799999999998</c:v>
                </c:pt>
                <c:pt idx="3565">
                  <c:v>841.26300000000003</c:v>
                </c:pt>
                <c:pt idx="3566">
                  <c:v>841.32100000000003</c:v>
                </c:pt>
                <c:pt idx="3567">
                  <c:v>841.34500000000003</c:v>
                </c:pt>
                <c:pt idx="3568">
                  <c:v>841.29300000000001</c:v>
                </c:pt>
                <c:pt idx="3569">
                  <c:v>841.19799999999998</c:v>
                </c:pt>
                <c:pt idx="3570">
                  <c:v>841.23099999999999</c:v>
                </c:pt>
                <c:pt idx="3571">
                  <c:v>841.23699999999997</c:v>
                </c:pt>
                <c:pt idx="3572">
                  <c:v>841.13900000000001</c:v>
                </c:pt>
                <c:pt idx="3573">
                  <c:v>841.28300000000002</c:v>
                </c:pt>
                <c:pt idx="3574">
                  <c:v>841.37400000000002</c:v>
                </c:pt>
                <c:pt idx="3575">
                  <c:v>841.327</c:v>
                </c:pt>
                <c:pt idx="3576">
                  <c:v>841.04100000000005</c:v>
                </c:pt>
                <c:pt idx="3577">
                  <c:v>840.94299999999998</c:v>
                </c:pt>
                <c:pt idx="3578">
                  <c:v>841.24800000000005</c:v>
                </c:pt>
                <c:pt idx="3579">
                  <c:v>841.01199999999994</c:v>
                </c:pt>
                <c:pt idx="3580">
                  <c:v>840.91300000000001</c:v>
                </c:pt>
                <c:pt idx="3581">
                  <c:v>841</c:v>
                </c:pt>
                <c:pt idx="3582">
                  <c:v>840.82600000000002</c:v>
                </c:pt>
                <c:pt idx="3583">
                  <c:v>840.798</c:v>
                </c:pt>
                <c:pt idx="3584">
                  <c:v>840.60599999999999</c:v>
                </c:pt>
                <c:pt idx="3585">
                  <c:v>840.68600000000004</c:v>
                </c:pt>
                <c:pt idx="3586">
                  <c:v>840.61500000000001</c:v>
                </c:pt>
                <c:pt idx="3587">
                  <c:v>840.58900000000006</c:v>
                </c:pt>
                <c:pt idx="3588">
                  <c:v>840.61900000000003</c:v>
                </c:pt>
                <c:pt idx="3589">
                  <c:v>840.65899999999999</c:v>
                </c:pt>
                <c:pt idx="3590">
                  <c:v>840.75099999999998</c:v>
                </c:pt>
                <c:pt idx="3591">
                  <c:v>840.84199999999998</c:v>
                </c:pt>
                <c:pt idx="3592">
                  <c:v>840.60699999999997</c:v>
                </c:pt>
                <c:pt idx="3593">
                  <c:v>840.51</c:v>
                </c:pt>
                <c:pt idx="3594">
                  <c:v>840.50300000000004</c:v>
                </c:pt>
                <c:pt idx="3595">
                  <c:v>840.57100000000003</c:v>
                </c:pt>
                <c:pt idx="3596">
                  <c:v>840.70399999999995</c:v>
                </c:pt>
                <c:pt idx="3597">
                  <c:v>840.56100000000004</c:v>
                </c:pt>
                <c:pt idx="3598">
                  <c:v>840.36599999999999</c:v>
                </c:pt>
                <c:pt idx="3599">
                  <c:v>840.60699999999997</c:v>
                </c:pt>
                <c:pt idx="3600">
                  <c:v>840.60299999999995</c:v>
                </c:pt>
                <c:pt idx="3601">
                  <c:v>840.49</c:v>
                </c:pt>
                <c:pt idx="3602">
                  <c:v>840.39200000000005</c:v>
                </c:pt>
                <c:pt idx="3603">
                  <c:v>840.51700000000005</c:v>
                </c:pt>
                <c:pt idx="3604">
                  <c:v>840.56500000000005</c:v>
                </c:pt>
                <c:pt idx="3605">
                  <c:v>840.61699999999996</c:v>
                </c:pt>
                <c:pt idx="3606">
                  <c:v>840.54499999999996</c:v>
                </c:pt>
                <c:pt idx="3607">
                  <c:v>840.53099999999995</c:v>
                </c:pt>
                <c:pt idx="3608">
                  <c:v>840.32</c:v>
                </c:pt>
                <c:pt idx="3609">
                  <c:v>839.94100000000003</c:v>
                </c:pt>
                <c:pt idx="3610">
                  <c:v>840.19200000000001</c:v>
                </c:pt>
                <c:pt idx="3611">
                  <c:v>840.43200000000002</c:v>
                </c:pt>
                <c:pt idx="3612">
                  <c:v>840.51700000000005</c:v>
                </c:pt>
                <c:pt idx="3613">
                  <c:v>840.63400000000001</c:v>
                </c:pt>
                <c:pt idx="3614">
                  <c:v>840.48599999999999</c:v>
                </c:pt>
                <c:pt idx="3615">
                  <c:v>840.37800000000004</c:v>
                </c:pt>
                <c:pt idx="3616">
                  <c:v>840.63900000000001</c:v>
                </c:pt>
                <c:pt idx="3617">
                  <c:v>840.76</c:v>
                </c:pt>
                <c:pt idx="3618">
                  <c:v>840.82399999999996</c:v>
                </c:pt>
                <c:pt idx="3619">
                  <c:v>840.89200000000005</c:v>
                </c:pt>
                <c:pt idx="3620">
                  <c:v>840.68</c:v>
                </c:pt>
                <c:pt idx="3621">
                  <c:v>840.55200000000002</c:v>
                </c:pt>
                <c:pt idx="3622">
                  <c:v>840.54</c:v>
                </c:pt>
                <c:pt idx="3623">
                  <c:v>840.55899999999997</c:v>
                </c:pt>
                <c:pt idx="3624">
                  <c:v>840.34500000000003</c:v>
                </c:pt>
                <c:pt idx="3625">
                  <c:v>840.48900000000003</c:v>
                </c:pt>
                <c:pt idx="3626">
                  <c:v>840.58699999999999</c:v>
                </c:pt>
                <c:pt idx="3627">
                  <c:v>840.45699999999999</c:v>
                </c:pt>
                <c:pt idx="3628">
                  <c:v>840.40800000000002</c:v>
                </c:pt>
                <c:pt idx="3629">
                  <c:v>840.31700000000001</c:v>
                </c:pt>
                <c:pt idx="3630">
                  <c:v>840.3</c:v>
                </c:pt>
                <c:pt idx="3631">
                  <c:v>840.35400000000004</c:v>
                </c:pt>
                <c:pt idx="3632">
                  <c:v>840.32100000000003</c:v>
                </c:pt>
                <c:pt idx="3633">
                  <c:v>840.17100000000005</c:v>
                </c:pt>
                <c:pt idx="3634">
                  <c:v>839.95299999999997</c:v>
                </c:pt>
                <c:pt idx="3635">
                  <c:v>839.97699999999998</c:v>
                </c:pt>
                <c:pt idx="3636">
                  <c:v>840.01800000000003</c:v>
                </c:pt>
                <c:pt idx="3637">
                  <c:v>840.08</c:v>
                </c:pt>
                <c:pt idx="3638">
                  <c:v>839.96199999999999</c:v>
                </c:pt>
                <c:pt idx="3639">
                  <c:v>839.91899999999998</c:v>
                </c:pt>
                <c:pt idx="3640">
                  <c:v>840.02</c:v>
                </c:pt>
              </c:numCache>
            </c:numRef>
          </c:xVal>
          <c:yVal>
            <c:numRef>
              <c:f>'TG (2)'!$AN$2:$AN$3642</c:f>
              <c:numCache>
                <c:formatCode>General</c:formatCode>
                <c:ptCount val="3641"/>
                <c:pt idx="0">
                  <c:v>100</c:v>
                </c:pt>
                <c:pt idx="1">
                  <c:v>99.998418530214494</c:v>
                </c:pt>
                <c:pt idx="2">
                  <c:v>100.0186574021112</c:v>
                </c:pt>
                <c:pt idx="3">
                  <c:v>99.993782508195309</c:v>
                </c:pt>
                <c:pt idx="4">
                  <c:v>100.01478501815043</c:v>
                </c:pt>
                <c:pt idx="5">
                  <c:v>100.01396718642334</c:v>
                </c:pt>
                <c:pt idx="6">
                  <c:v>99.996891254097648</c:v>
                </c:pt>
                <c:pt idx="7">
                  <c:v>100.02252978607197</c:v>
                </c:pt>
                <c:pt idx="8">
                  <c:v>100.00310874590234</c:v>
                </c:pt>
                <c:pt idx="9">
                  <c:v>100.00621749180469</c:v>
                </c:pt>
                <c:pt idx="10">
                  <c:v>100.02018467822803</c:v>
                </c:pt>
                <c:pt idx="11">
                  <c:v>99.991432473654228</c:v>
                </c:pt>
                <c:pt idx="12">
                  <c:v>100.01085351382386</c:v>
                </c:pt>
                <c:pt idx="13">
                  <c:v>100.00310874590234</c:v>
                </c:pt>
                <c:pt idx="14">
                  <c:v>99.98832372775189</c:v>
                </c:pt>
                <c:pt idx="15">
                  <c:v>100.00932623770703</c:v>
                </c:pt>
                <c:pt idx="16">
                  <c:v>99.985214981849552</c:v>
                </c:pt>
                <c:pt idx="17">
                  <c:v>99.989851003868736</c:v>
                </c:pt>
                <c:pt idx="18">
                  <c:v>100.00076363805842</c:v>
                </c:pt>
                <c:pt idx="19">
                  <c:v>99.976652382200939</c:v>
                </c:pt>
                <c:pt idx="20">
                  <c:v>99.998418530214494</c:v>
                </c:pt>
                <c:pt idx="21">
                  <c:v>99.989851003868736</c:v>
                </c:pt>
                <c:pt idx="22">
                  <c:v>99.978997490044861</c:v>
                </c:pt>
                <c:pt idx="23">
                  <c:v>100.00152727611683</c:v>
                </c:pt>
                <c:pt idx="24">
                  <c:v>99.978997490044861</c:v>
                </c:pt>
                <c:pt idx="25">
                  <c:v>99.987560089693474</c:v>
                </c:pt>
                <c:pt idx="26">
                  <c:v>99.996891254097648</c:v>
                </c:pt>
                <c:pt idx="27">
                  <c:v>99.97196216651308</c:v>
                </c:pt>
                <c:pt idx="28">
                  <c:v>99.992201038409817</c:v>
                </c:pt>
                <c:pt idx="29">
                  <c:v>99.980524766161722</c:v>
                </c:pt>
                <c:pt idx="30">
                  <c:v>99.971193601757534</c:v>
                </c:pt>
                <c:pt idx="31">
                  <c:v>99.98908736581032</c:v>
                </c:pt>
                <c:pt idx="32">
                  <c:v>99.963448833835997</c:v>
                </c:pt>
                <c:pt idx="33">
                  <c:v>99.972779998240171</c:v>
                </c:pt>
                <c:pt idx="34">
                  <c:v>99.976652382200939</c:v>
                </c:pt>
                <c:pt idx="35">
                  <c:v>99.953304764401892</c:v>
                </c:pt>
                <c:pt idx="36">
                  <c:v>99.975070912415447</c:v>
                </c:pt>
                <c:pt idx="37">
                  <c:v>99.960340087933659</c:v>
                </c:pt>
                <c:pt idx="38">
                  <c:v>99.954122596128968</c:v>
                </c:pt>
                <c:pt idx="39">
                  <c:v>99.972779998240171</c:v>
                </c:pt>
                <c:pt idx="40">
                  <c:v>99.948663815685563</c:v>
                </c:pt>
                <c:pt idx="41">
                  <c:v>99.961867364050491</c:v>
                </c:pt>
                <c:pt idx="42">
                  <c:v>99.963448833835997</c:v>
                </c:pt>
                <c:pt idx="43">
                  <c:v>99.942446323880873</c:v>
                </c:pt>
                <c:pt idx="44">
                  <c:v>99.962631002108907</c:v>
                </c:pt>
                <c:pt idx="45">
                  <c:v>99.947082345900057</c:v>
                </c:pt>
                <c:pt idx="46">
                  <c:v>99.944737238056121</c:v>
                </c:pt>
                <c:pt idx="47">
                  <c:v>99.961867364050491</c:v>
                </c:pt>
                <c:pt idx="48">
                  <c:v>99.936228832076182</c:v>
                </c:pt>
                <c:pt idx="49">
                  <c:v>99.947845983958473</c:v>
                </c:pt>
                <c:pt idx="50">
                  <c:v>99.945555069783211</c:v>
                </c:pt>
                <c:pt idx="51">
                  <c:v>99.926897667672009</c:v>
                </c:pt>
                <c:pt idx="52">
                  <c:v>99.945555069783211</c:v>
                </c:pt>
                <c:pt idx="53">
                  <c:v>99.926079835944918</c:v>
                </c:pt>
                <c:pt idx="54">
                  <c:v>99.925316197886502</c:v>
                </c:pt>
                <c:pt idx="55">
                  <c:v>99.937756108193014</c:v>
                </c:pt>
                <c:pt idx="56">
                  <c:v>99.914408490393981</c:v>
                </c:pt>
                <c:pt idx="57">
                  <c:v>99.929188581847257</c:v>
                </c:pt>
                <c:pt idx="58">
                  <c:v>99.924552559828086</c:v>
                </c:pt>
                <c:pt idx="59">
                  <c:v>99.910536106433199</c:v>
                </c:pt>
                <c:pt idx="60">
                  <c:v>99.930011340271506</c:v>
                </c:pt>
                <c:pt idx="61">
                  <c:v>99.911299744491629</c:v>
                </c:pt>
                <c:pt idx="62">
                  <c:v>99.913644852335537</c:v>
                </c:pt>
                <c:pt idx="63">
                  <c:v>99.922971090042594</c:v>
                </c:pt>
                <c:pt idx="64">
                  <c:v>99.900441303970624</c:v>
                </c:pt>
                <c:pt idx="65">
                  <c:v>99.915989960179473</c:v>
                </c:pt>
                <c:pt idx="66">
                  <c:v>99.908186071892132</c:v>
                </c:pt>
                <c:pt idx="67">
                  <c:v>99.894987450224349</c:v>
                </c:pt>
                <c:pt idx="68">
                  <c:v>99.911299744491629</c:v>
                </c:pt>
                <c:pt idx="69">
                  <c:v>99.890297234536504</c:v>
                </c:pt>
                <c:pt idx="70">
                  <c:v>99.893405980438843</c:v>
                </c:pt>
                <c:pt idx="71">
                  <c:v>99.899677665912193</c:v>
                </c:pt>
                <c:pt idx="72">
                  <c:v>99.878675155957055</c:v>
                </c:pt>
                <c:pt idx="73">
                  <c:v>99.891115066263595</c:v>
                </c:pt>
                <c:pt idx="74">
                  <c:v>99.881783901859407</c:v>
                </c:pt>
                <c:pt idx="75">
                  <c:v>99.872457664152364</c:v>
                </c:pt>
                <c:pt idx="76">
                  <c:v>99.890297234536504</c:v>
                </c:pt>
                <c:pt idx="77">
                  <c:v>99.86934891825004</c:v>
                </c:pt>
                <c:pt idx="78">
                  <c:v>99.876330048113132</c:v>
                </c:pt>
                <c:pt idx="79">
                  <c:v>99.880202432073887</c:v>
                </c:pt>
                <c:pt idx="80">
                  <c:v>99.860781391904268</c:v>
                </c:pt>
                <c:pt idx="81">
                  <c:v>99.877093686171548</c:v>
                </c:pt>
                <c:pt idx="82">
                  <c:v>99.865417413923453</c:v>
                </c:pt>
                <c:pt idx="83">
                  <c:v>99.859199922118762</c:v>
                </c:pt>
                <c:pt idx="84">
                  <c:v>99.872457664152364</c:v>
                </c:pt>
                <c:pt idx="85">
                  <c:v>99.850637322470163</c:v>
                </c:pt>
                <c:pt idx="86">
                  <c:v>99.858436284060346</c:v>
                </c:pt>
                <c:pt idx="87">
                  <c:v>99.859963560177192</c:v>
                </c:pt>
                <c:pt idx="88">
                  <c:v>99.840542520007574</c:v>
                </c:pt>
                <c:pt idx="89">
                  <c:v>99.856854814274854</c:v>
                </c:pt>
                <c:pt idx="90">
                  <c:v>99.842887627851482</c:v>
                </c:pt>
                <c:pt idx="91">
                  <c:v>99.838197412163638</c:v>
                </c:pt>
                <c:pt idx="92">
                  <c:v>99.851455154197254</c:v>
                </c:pt>
                <c:pt idx="93">
                  <c:v>99.830452644242101</c:v>
                </c:pt>
                <c:pt idx="94">
                  <c:v>99.839778881949158</c:v>
                </c:pt>
                <c:pt idx="95">
                  <c:v>99.841306158065976</c:v>
                </c:pt>
                <c:pt idx="96">
                  <c:v>99.824993863798696</c:v>
                </c:pt>
                <c:pt idx="97">
                  <c:v>99.841306158065976</c:v>
                </c:pt>
                <c:pt idx="98">
                  <c:v>99.827343898339763</c:v>
                </c:pt>
                <c:pt idx="99">
                  <c:v>99.824993863798696</c:v>
                </c:pt>
                <c:pt idx="100">
                  <c:v>99.835088666261299</c:v>
                </c:pt>
                <c:pt idx="101">
                  <c:v>99.814903988033237</c:v>
                </c:pt>
                <c:pt idx="102">
                  <c:v>99.826526066612686</c:v>
                </c:pt>
                <c:pt idx="103">
                  <c:v>99.822648755954788</c:v>
                </c:pt>
                <c:pt idx="104">
                  <c:v>99.80945013428699</c:v>
                </c:pt>
                <c:pt idx="105">
                  <c:v>99.82423022574028</c:v>
                </c:pt>
                <c:pt idx="106">
                  <c:v>99.8086323025599</c:v>
                </c:pt>
                <c:pt idx="107">
                  <c:v>99.8086323025599</c:v>
                </c:pt>
                <c:pt idx="108">
                  <c:v>99.818012733935589</c:v>
                </c:pt>
                <c:pt idx="109">
                  <c:v>99.797773862038866</c:v>
                </c:pt>
                <c:pt idx="110">
                  <c:v>99.810213772345406</c:v>
                </c:pt>
                <c:pt idx="111">
                  <c:v>99.805523556657548</c:v>
                </c:pt>
                <c:pt idx="112">
                  <c:v>99.794665116136542</c:v>
                </c:pt>
                <c:pt idx="113">
                  <c:v>99.80945013428699</c:v>
                </c:pt>
                <c:pt idx="114">
                  <c:v>99.793083646351036</c:v>
                </c:pt>
                <c:pt idx="115">
                  <c:v>99.796192392253374</c:v>
                </c:pt>
                <c:pt idx="116">
                  <c:v>99.803227715785141</c:v>
                </c:pt>
                <c:pt idx="117">
                  <c:v>99.785338878429513</c:v>
                </c:pt>
                <c:pt idx="118">
                  <c:v>99.798537500097297</c:v>
                </c:pt>
                <c:pt idx="119">
                  <c:v>99.79079273217576</c:v>
                </c:pt>
                <c:pt idx="120">
                  <c:v>99.781407374102926</c:v>
                </c:pt>
                <c:pt idx="121">
                  <c:v>99.794665116136542</c:v>
                </c:pt>
                <c:pt idx="122">
                  <c:v>99.777534990142172</c:v>
                </c:pt>
                <c:pt idx="123">
                  <c:v>99.782225205830017</c:v>
                </c:pt>
                <c:pt idx="124">
                  <c:v>99.785338878429513</c:v>
                </c:pt>
                <c:pt idx="125">
                  <c:v>99.768208752435143</c:v>
                </c:pt>
                <c:pt idx="126">
                  <c:v>99.780643736044524</c:v>
                </c:pt>
                <c:pt idx="127">
                  <c:v>99.771317498337467</c:v>
                </c:pt>
                <c:pt idx="128">
                  <c:v>99.76274997199171</c:v>
                </c:pt>
                <c:pt idx="129">
                  <c:v>99.77518988229825</c:v>
                </c:pt>
                <c:pt idx="130">
                  <c:v>99.75811394997254</c:v>
                </c:pt>
                <c:pt idx="131">
                  <c:v>99.76274997199171</c:v>
                </c:pt>
                <c:pt idx="132">
                  <c:v>99.765100006532791</c:v>
                </c:pt>
                <c:pt idx="133">
                  <c:v>99.74796988053842</c:v>
                </c:pt>
                <c:pt idx="134">
                  <c:v>99.760459057816462</c:v>
                </c:pt>
                <c:pt idx="135">
                  <c:v>99.750314988382357</c:v>
                </c:pt>
                <c:pt idx="136">
                  <c:v>99.74333385851925</c:v>
                </c:pt>
                <c:pt idx="137">
                  <c:v>99.753423734284695</c:v>
                </c:pt>
                <c:pt idx="138">
                  <c:v>99.735529970231909</c:v>
                </c:pt>
                <c:pt idx="139">
                  <c:v>99.740983823978169</c:v>
                </c:pt>
                <c:pt idx="140">
                  <c:v>99.739456547861323</c:v>
                </c:pt>
                <c:pt idx="141">
                  <c:v>99.723094986622527</c:v>
                </c:pt>
                <c:pt idx="142">
                  <c:v>99.734766332173493</c:v>
                </c:pt>
                <c:pt idx="143">
                  <c:v>99.721567710505695</c:v>
                </c:pt>
                <c:pt idx="144">
                  <c:v>99.716108930062276</c:v>
                </c:pt>
                <c:pt idx="145">
                  <c:v>99.723094986622527</c:v>
                </c:pt>
                <c:pt idx="146">
                  <c:v>99.703673946452909</c:v>
                </c:pt>
                <c:pt idx="147">
                  <c:v>99.7098914382576</c:v>
                </c:pt>
                <c:pt idx="148">
                  <c:v>99.706019054296817</c:v>
                </c:pt>
                <c:pt idx="149">
                  <c:v>99.690416204419321</c:v>
                </c:pt>
                <c:pt idx="150">
                  <c:v>99.701328838608987</c:v>
                </c:pt>
                <c:pt idx="151">
                  <c:v>99.685780182400123</c:v>
                </c:pt>
                <c:pt idx="152">
                  <c:v>99.681907798439354</c:v>
                </c:pt>
                <c:pt idx="153">
                  <c:v>99.688125290244031</c:v>
                </c:pt>
                <c:pt idx="154">
                  <c:v>99.667886418347337</c:v>
                </c:pt>
                <c:pt idx="155">
                  <c:v>99.674103910152027</c:v>
                </c:pt>
                <c:pt idx="156">
                  <c:v>99.667122780288921</c:v>
                </c:pt>
                <c:pt idx="157">
                  <c:v>99.653101400196888</c:v>
                </c:pt>
                <c:pt idx="158">
                  <c:v>99.66090528848423</c:v>
                </c:pt>
                <c:pt idx="159">
                  <c:v>99.64377516248986</c:v>
                </c:pt>
                <c:pt idx="160">
                  <c:v>99.640666416587521</c:v>
                </c:pt>
                <c:pt idx="161">
                  <c:v>99.643011524431444</c:v>
                </c:pt>
                <c:pt idx="162">
                  <c:v>99.622009014476305</c:v>
                </c:pt>
                <c:pt idx="163">
                  <c:v>99.627462868222565</c:v>
                </c:pt>
                <c:pt idx="164">
                  <c:v>99.617313872091316</c:v>
                </c:pt>
                <c:pt idx="165">
                  <c:v>99.604115250423519</c:v>
                </c:pt>
                <c:pt idx="166">
                  <c:v>99.610332742228209</c:v>
                </c:pt>
                <c:pt idx="167">
                  <c:v>99.592438978175423</c:v>
                </c:pt>
                <c:pt idx="168">
                  <c:v>99.588566594214655</c:v>
                </c:pt>
                <c:pt idx="169">
                  <c:v>99.58933023227307</c:v>
                </c:pt>
                <c:pt idx="170">
                  <c:v>99.568327722317946</c:v>
                </c:pt>
                <c:pt idx="171">
                  <c:v>99.573781576064192</c:v>
                </c:pt>
                <c:pt idx="172">
                  <c:v>99.561346592454839</c:v>
                </c:pt>
                <c:pt idx="173">
                  <c:v>99.548906682148299</c:v>
                </c:pt>
                <c:pt idx="174">
                  <c:v>99.552779066109082</c:v>
                </c:pt>
                <c:pt idx="175">
                  <c:v>99.533303832270803</c:v>
                </c:pt>
                <c:pt idx="176">
                  <c:v>99.530195086368437</c:v>
                </c:pt>
                <c:pt idx="177">
                  <c:v>99.527086340466099</c:v>
                </c:pt>
                <c:pt idx="178">
                  <c:v>99.506138024179634</c:v>
                </c:pt>
                <c:pt idx="179">
                  <c:v>99.510010408140403</c:v>
                </c:pt>
                <c:pt idx="180">
                  <c:v>99.494466678628697</c:v>
                </c:pt>
                <c:pt idx="181">
                  <c:v>99.481208936595067</c:v>
                </c:pt>
                <c:pt idx="182">
                  <c:v>99.483554044439003</c:v>
                </c:pt>
                <c:pt idx="183">
                  <c:v>99.462551534483879</c:v>
                </c:pt>
                <c:pt idx="184">
                  <c:v>99.458679150523096</c:v>
                </c:pt>
                <c:pt idx="185">
                  <c:v>99.45246165871842</c:v>
                </c:pt>
                <c:pt idx="186">
                  <c:v>99.432222786821711</c:v>
                </c:pt>
                <c:pt idx="187">
                  <c:v>99.435331532724064</c:v>
                </c:pt>
                <c:pt idx="188">
                  <c:v>99.417437768671277</c:v>
                </c:pt>
                <c:pt idx="189">
                  <c:v>99.404997858364737</c:v>
                </c:pt>
                <c:pt idx="190">
                  <c:v>99.404997858364737</c:v>
                </c:pt>
                <c:pt idx="191">
                  <c:v>99.382468072292767</c:v>
                </c:pt>
                <c:pt idx="192">
                  <c:v>99.379359326390428</c:v>
                </c:pt>
                <c:pt idx="193">
                  <c:v>99.370033088683414</c:v>
                </c:pt>
                <c:pt idx="194">
                  <c:v>99.348212747001185</c:v>
                </c:pt>
                <c:pt idx="195">
                  <c:v>99.349794216786691</c:v>
                </c:pt>
                <c:pt idx="196">
                  <c:v>99.330318982948413</c:v>
                </c:pt>
                <c:pt idx="197">
                  <c:v>99.318696904368977</c:v>
                </c:pt>
                <c:pt idx="198">
                  <c:v>99.31558815846661</c:v>
                </c:pt>
                <c:pt idx="199">
                  <c:v>99.291476902609148</c:v>
                </c:pt>
                <c:pt idx="200">
                  <c:v>99.288368156706809</c:v>
                </c:pt>
                <c:pt idx="201">
                  <c:v>99.275874052731623</c:v>
                </c:pt>
                <c:pt idx="202">
                  <c:v>99.254871542776485</c:v>
                </c:pt>
                <c:pt idx="203">
                  <c:v>99.254107904718069</c:v>
                </c:pt>
                <c:pt idx="204">
                  <c:v>99.23310539476293</c:v>
                </c:pt>
                <c:pt idx="205">
                  <c:v>99.221429122514834</c:v>
                </c:pt>
                <c:pt idx="206">
                  <c:v>99.21602946243722</c:v>
                </c:pt>
                <c:pt idx="207">
                  <c:v>99.190336736794251</c:v>
                </c:pt>
                <c:pt idx="208">
                  <c:v>99.187227990891927</c:v>
                </c:pt>
                <c:pt idx="209">
                  <c:v>99.171679334683049</c:v>
                </c:pt>
                <c:pt idx="210">
                  <c:v>99.15067682472791</c:v>
                </c:pt>
                <c:pt idx="211">
                  <c:v>99.148331716883987</c:v>
                </c:pt>
                <c:pt idx="212">
                  <c:v>99.125038292753601</c:v>
                </c:pt>
                <c:pt idx="213">
                  <c:v>99.113362020505505</c:v>
                </c:pt>
                <c:pt idx="214">
                  <c:v>99.104799420856892</c:v>
                </c:pt>
                <c:pt idx="215">
                  <c:v>99.078343057155479</c:v>
                </c:pt>
                <c:pt idx="216">
                  <c:v>99.073702108439164</c:v>
                </c:pt>
                <c:pt idx="217">
                  <c:v>99.055808344386378</c:v>
                </c:pt>
                <c:pt idx="218">
                  <c:v>99.0355743991868</c:v>
                </c:pt>
                <c:pt idx="219">
                  <c:v>99.030879256801825</c:v>
                </c:pt>
                <c:pt idx="220">
                  <c:v>99.0044770867691</c:v>
                </c:pt>
                <c:pt idx="221">
                  <c:v>98.992800814520976</c:v>
                </c:pt>
                <c:pt idx="222">
                  <c:v>98.981129468970039</c:v>
                </c:pt>
                <c:pt idx="223">
                  <c:v>98.954673105268654</c:v>
                </c:pt>
                <c:pt idx="224">
                  <c:v>98.949214324825206</c:v>
                </c:pt>
                <c:pt idx="225">
                  <c:v>98.928266008538742</c:v>
                </c:pt>
                <c:pt idx="226">
                  <c:v>98.908790774700449</c:v>
                </c:pt>
                <c:pt idx="227">
                  <c:v>98.901046006778927</c:v>
                </c:pt>
                <c:pt idx="228">
                  <c:v>98.873826005019126</c:v>
                </c:pt>
                <c:pt idx="229">
                  <c:v>98.862149732771002</c:v>
                </c:pt>
                <c:pt idx="230">
                  <c:v>98.848128352678984</c:v>
                </c:pt>
                <c:pt idx="231">
                  <c:v>98.820908350919183</c:v>
                </c:pt>
                <c:pt idx="232">
                  <c:v>98.813163582997632</c:v>
                </c:pt>
                <c:pt idx="233">
                  <c:v>98.790579603257015</c:v>
                </c:pt>
                <c:pt idx="234">
                  <c:v>98.770340731360307</c:v>
                </c:pt>
                <c:pt idx="235">
                  <c:v>98.761009566956119</c:v>
                </c:pt>
                <c:pt idx="236">
                  <c:v>98.732262289079472</c:v>
                </c:pt>
                <c:pt idx="237">
                  <c:v>98.719822378772946</c:v>
                </c:pt>
                <c:pt idx="238">
                  <c:v>98.703460817534136</c:v>
                </c:pt>
                <c:pt idx="239">
                  <c:v>98.675472251018761</c:v>
                </c:pt>
                <c:pt idx="240">
                  <c:v>98.666909651370162</c:v>
                </c:pt>
                <c:pt idx="241">
                  <c:v>98.641271119395853</c:v>
                </c:pt>
                <c:pt idx="242">
                  <c:v>98.6202686094407</c:v>
                </c:pt>
                <c:pt idx="243">
                  <c:v>98.607828699134188</c:v>
                </c:pt>
                <c:pt idx="244">
                  <c:v>98.578263589530451</c:v>
                </c:pt>
                <c:pt idx="245">
                  <c:v>98.565823679223939</c:v>
                </c:pt>
                <c:pt idx="246">
                  <c:v>98.545584807327202</c:v>
                </c:pt>
                <c:pt idx="247">
                  <c:v>98.517601167508985</c:v>
                </c:pt>
                <c:pt idx="248">
                  <c:v>98.506688533319306</c:v>
                </c:pt>
                <c:pt idx="249">
                  <c:v>98.479468531559476</c:v>
                </c:pt>
                <c:pt idx="250">
                  <c:v>98.458466021604352</c:v>
                </c:pt>
                <c:pt idx="251">
                  <c:v>98.444498835180994</c:v>
                </c:pt>
                <c:pt idx="252">
                  <c:v>98.413352255791736</c:v>
                </c:pt>
                <c:pt idx="253">
                  <c:v>98.399385069368392</c:v>
                </c:pt>
                <c:pt idx="254">
                  <c:v>98.376801089627762</c:v>
                </c:pt>
                <c:pt idx="255">
                  <c:v>98.348812523112372</c:v>
                </c:pt>
                <c:pt idx="256">
                  <c:v>98.33637753950299</c:v>
                </c:pt>
                <c:pt idx="257">
                  <c:v>98.306807503202108</c:v>
                </c:pt>
                <c:pt idx="258">
                  <c:v>98.286627751671205</c:v>
                </c:pt>
                <c:pt idx="259">
                  <c:v>98.269497625676834</c:v>
                </c:pt>
                <c:pt idx="260">
                  <c:v>98.236055205415184</c:v>
                </c:pt>
                <c:pt idx="261">
                  <c:v>98.222033825323152</c:v>
                </c:pt>
                <c:pt idx="262">
                  <c:v>98.197158931407259</c:v>
                </c:pt>
                <c:pt idx="263">
                  <c:v>98.168357459861951</c:v>
                </c:pt>
                <c:pt idx="264">
                  <c:v>98.15515391149701</c:v>
                </c:pt>
                <c:pt idx="265">
                  <c:v>98.12329788771801</c:v>
                </c:pt>
                <c:pt idx="266">
                  <c:v>98.102295377762886</c:v>
                </c:pt>
                <c:pt idx="267">
                  <c:v>98.082820143924579</c:v>
                </c:pt>
                <c:pt idx="268">
                  <c:v>98.050141361721359</c:v>
                </c:pt>
                <c:pt idx="269">
                  <c:v>98.034592705512495</c:v>
                </c:pt>
                <c:pt idx="270">
                  <c:v>98.006609065694249</c:v>
                </c:pt>
                <c:pt idx="271">
                  <c:v>97.977807594148928</c:v>
                </c:pt>
                <c:pt idx="272">
                  <c:v>97.963076769667154</c:v>
                </c:pt>
                <c:pt idx="273">
                  <c:v>97.92963434940549</c:v>
                </c:pt>
                <c:pt idx="274">
                  <c:v>97.908631839450351</c:v>
                </c:pt>
                <c:pt idx="275">
                  <c:v>97.88681149776815</c:v>
                </c:pt>
                <c:pt idx="276">
                  <c:v>97.853374004203658</c:v>
                </c:pt>
                <c:pt idx="277">
                  <c:v>97.83782534799478</c:v>
                </c:pt>
                <c:pt idx="278">
                  <c:v>97.807491673635468</c:v>
                </c:pt>
                <c:pt idx="279">
                  <c:v>97.778744395758835</c:v>
                </c:pt>
                <c:pt idx="280">
                  <c:v>97.761614269764465</c:v>
                </c:pt>
                <c:pt idx="281">
                  <c:v>97.726595306414438</c:v>
                </c:pt>
                <c:pt idx="282">
                  <c:v>97.705646990127988</c:v>
                </c:pt>
                <c:pt idx="283">
                  <c:v>97.682294445631783</c:v>
                </c:pt>
                <c:pt idx="284">
                  <c:v>97.648093314008861</c:v>
                </c:pt>
                <c:pt idx="285">
                  <c:v>97.630199549956075</c:v>
                </c:pt>
                <c:pt idx="286">
                  <c:v>97.599048043869672</c:v>
                </c:pt>
                <c:pt idx="287">
                  <c:v>97.571064404051441</c:v>
                </c:pt>
                <c:pt idx="288">
                  <c:v>97.551643363881809</c:v>
                </c:pt>
                <c:pt idx="289">
                  <c:v>97.515855835776236</c:v>
                </c:pt>
                <c:pt idx="290">
                  <c:v>97.494853325821111</c:v>
                </c:pt>
                <c:pt idx="291">
                  <c:v>97.468396962119698</c:v>
                </c:pt>
                <c:pt idx="292">
                  <c:v>97.434959468555192</c:v>
                </c:pt>
                <c:pt idx="293">
                  <c:v>97.415538428385588</c:v>
                </c:pt>
                <c:pt idx="294">
                  <c:v>97.382859646182339</c:v>
                </c:pt>
                <c:pt idx="295">
                  <c:v>97.355639644422538</c:v>
                </c:pt>
                <c:pt idx="296">
                  <c:v>97.334637134467386</c:v>
                </c:pt>
                <c:pt idx="297">
                  <c:v>97.298849606361827</c:v>
                </c:pt>
                <c:pt idx="298">
                  <c:v>97.277083458348258</c:v>
                </c:pt>
                <c:pt idx="299">
                  <c:v>97.249099818530041</c:v>
                </c:pt>
                <c:pt idx="300">
                  <c:v>97.214839566541301</c:v>
                </c:pt>
                <c:pt idx="301">
                  <c:v>97.195418526371668</c:v>
                </c:pt>
                <c:pt idx="302">
                  <c:v>97.160394636324511</c:v>
                </c:pt>
                <c:pt idx="303">
                  <c:v>97.133992466291772</c:v>
                </c:pt>
                <c:pt idx="304">
                  <c:v>97.110644848492726</c:v>
                </c:pt>
                <c:pt idx="305">
                  <c:v>97.074093682328737</c:v>
                </c:pt>
                <c:pt idx="306">
                  <c:v>97.052327534315182</c:v>
                </c:pt>
                <c:pt idx="307">
                  <c:v>97.022762424711431</c:v>
                </c:pt>
                <c:pt idx="308">
                  <c:v>96.98932000444978</c:v>
                </c:pt>
                <c:pt idx="309">
                  <c:v>96.969081132553086</c:v>
                </c:pt>
                <c:pt idx="310">
                  <c:v>96.933293604447499</c:v>
                </c:pt>
                <c:pt idx="311">
                  <c:v>96.905309964629254</c:v>
                </c:pt>
                <c:pt idx="312">
                  <c:v>96.880435070713375</c:v>
                </c:pt>
                <c:pt idx="313">
                  <c:v>96.843883904549386</c:v>
                </c:pt>
                <c:pt idx="314">
                  <c:v>96.822117756535818</c:v>
                </c:pt>
                <c:pt idx="315">
                  <c:v>96.790971177146574</c:v>
                </c:pt>
                <c:pt idx="316">
                  <c:v>96.758346588612014</c:v>
                </c:pt>
                <c:pt idx="317">
                  <c:v>96.736526246929813</c:v>
                </c:pt>
                <c:pt idx="318">
                  <c:v>96.701556550551302</c:v>
                </c:pt>
                <c:pt idx="319">
                  <c:v>96.674336548791487</c:v>
                </c:pt>
                <c:pt idx="320">
                  <c:v>96.648643823148518</c:v>
                </c:pt>
                <c:pt idx="321">
                  <c:v>96.612092656984515</c:v>
                </c:pt>
                <c:pt idx="322">
                  <c:v>96.590326508970961</c:v>
                </c:pt>
                <c:pt idx="323">
                  <c:v>96.558411364826171</c:v>
                </c:pt>
                <c:pt idx="324">
                  <c:v>96.526555341047171</c:v>
                </c:pt>
                <c:pt idx="325">
                  <c:v>96.503971361306526</c:v>
                </c:pt>
                <c:pt idx="326">
                  <c:v>96.467420195142523</c:v>
                </c:pt>
                <c:pt idx="327">
                  <c:v>96.4417816631682</c:v>
                </c:pt>
                <c:pt idx="328">
                  <c:v>96.41455673471124</c:v>
                </c:pt>
                <c:pt idx="329">
                  <c:v>96.378774133302826</c:v>
                </c:pt>
                <c:pt idx="330">
                  <c:v>96.357007985289272</c:v>
                </c:pt>
                <c:pt idx="331">
                  <c:v>96.323565565027621</c:v>
                </c:pt>
                <c:pt idx="332">
                  <c:v>96.292473179307038</c:v>
                </c:pt>
                <c:pt idx="333">
                  <c:v>96.269120634810832</c:v>
                </c:pt>
                <c:pt idx="334">
                  <c:v>96.232574395343988</c:v>
                </c:pt>
                <c:pt idx="335">
                  <c:v>96.20769950142811</c:v>
                </c:pt>
                <c:pt idx="336">
                  <c:v>96.178893103185629</c:v>
                </c:pt>
                <c:pt idx="337">
                  <c:v>96.144687044865563</c:v>
                </c:pt>
                <c:pt idx="338">
                  <c:v>96.122920896852008</c:v>
                </c:pt>
                <c:pt idx="339">
                  <c:v>96.089483403287517</c:v>
                </c:pt>
                <c:pt idx="340">
                  <c:v>96.05909553525953</c:v>
                </c:pt>
                <c:pt idx="341">
                  <c:v>96.035038473070713</c:v>
                </c:pt>
                <c:pt idx="342">
                  <c:v>95.998433113238065</c:v>
                </c:pt>
                <c:pt idx="343">
                  <c:v>95.974321857380588</c:v>
                </c:pt>
                <c:pt idx="344">
                  <c:v>95.945574579503926</c:v>
                </c:pt>
                <c:pt idx="345">
                  <c:v>95.91055068945677</c:v>
                </c:pt>
                <c:pt idx="346">
                  <c:v>95.888784541443229</c:v>
                </c:pt>
                <c:pt idx="347">
                  <c:v>95.855347047878709</c:v>
                </c:pt>
                <c:pt idx="348">
                  <c:v>95.826594843304918</c:v>
                </c:pt>
                <c:pt idx="349">
                  <c:v>95.801665755720364</c:v>
                </c:pt>
                <c:pt idx="350">
                  <c:v>95.765932421283452</c:v>
                </c:pt>
                <c:pt idx="351">
                  <c:v>95.742584803484391</c:v>
                </c:pt>
                <c:pt idx="352">
                  <c:v>95.713019693880653</c:v>
                </c:pt>
                <c:pt idx="353">
                  <c:v>95.680340911677433</c:v>
                </c:pt>
                <c:pt idx="354">
                  <c:v>95.658574763663879</c:v>
                </c:pt>
                <c:pt idx="355">
                  <c:v>95.625895981460644</c:v>
                </c:pt>
                <c:pt idx="356">
                  <c:v>95.597912341642413</c:v>
                </c:pt>
                <c:pt idx="357">
                  <c:v>95.57227380966809</c:v>
                </c:pt>
                <c:pt idx="358">
                  <c:v>95.537249919620919</c:v>
                </c:pt>
                <c:pt idx="359">
                  <c:v>95.514720133548948</c:v>
                </c:pt>
                <c:pt idx="360">
                  <c:v>95.485155023945225</c:v>
                </c:pt>
                <c:pt idx="361">
                  <c:v>95.453239879800407</c:v>
                </c:pt>
                <c:pt idx="362">
                  <c:v>95.431473731786852</c:v>
                </c:pt>
                <c:pt idx="363">
                  <c:v>95.397272600163944</c:v>
                </c:pt>
                <c:pt idx="364">
                  <c:v>95.370811309765386</c:v>
                </c:pt>
                <c:pt idx="365">
                  <c:v>95.345936415849494</c:v>
                </c:pt>
                <c:pt idx="366">
                  <c:v>95.311730357529427</c:v>
                </c:pt>
                <c:pt idx="367">
                  <c:v>95.289146377788782</c:v>
                </c:pt>
                <c:pt idx="368">
                  <c:v>95.259581268185059</c:v>
                </c:pt>
                <c:pt idx="369">
                  <c:v>95.229247593825733</c:v>
                </c:pt>
                <c:pt idx="370">
                  <c:v>95.206717807753762</c:v>
                </c:pt>
                <c:pt idx="371">
                  <c:v>95.17246248246218</c:v>
                </c:pt>
                <c:pt idx="372">
                  <c:v>95.147582661849128</c:v>
                </c:pt>
                <c:pt idx="373">
                  <c:v>95.121944129874819</c:v>
                </c:pt>
                <c:pt idx="374">
                  <c:v>95.088506636310328</c:v>
                </c:pt>
                <c:pt idx="375">
                  <c:v>95.066740488296773</c:v>
                </c:pt>
                <c:pt idx="376">
                  <c:v>95.036406813937475</c:v>
                </c:pt>
                <c:pt idx="377">
                  <c:v>95.007605342392139</c:v>
                </c:pt>
                <c:pt idx="378">
                  <c:v>94.985839194378585</c:v>
                </c:pt>
                <c:pt idx="379">
                  <c:v>94.953160412175365</c:v>
                </c:pt>
                <c:pt idx="380">
                  <c:v>94.930630626103394</c:v>
                </c:pt>
                <c:pt idx="381">
                  <c:v>94.904174262402009</c:v>
                </c:pt>
                <c:pt idx="382">
                  <c:v>94.872259118257176</c:v>
                </c:pt>
                <c:pt idx="383">
                  <c:v>94.851256608302052</c:v>
                </c:pt>
                <c:pt idx="384">
                  <c:v>94.820927860639898</c:v>
                </c:pt>
                <c:pt idx="385">
                  <c:v>94.792939294124494</c:v>
                </c:pt>
                <c:pt idx="386">
                  <c:v>94.77193678416937</c:v>
                </c:pt>
                <c:pt idx="387">
                  <c:v>94.74008076039037</c:v>
                </c:pt>
                <c:pt idx="388">
                  <c:v>94.717496780649739</c:v>
                </c:pt>
                <c:pt idx="389">
                  <c:v>94.69185824867543</c:v>
                </c:pt>
                <c:pt idx="390">
                  <c:v>94.661524574316104</c:v>
                </c:pt>
                <c:pt idx="391">
                  <c:v>94.64128570241941</c:v>
                </c:pt>
                <c:pt idx="392">
                  <c:v>94.610956954757242</c:v>
                </c:pt>
                <c:pt idx="393">
                  <c:v>94.585259302417114</c:v>
                </c:pt>
                <c:pt idx="394">
                  <c:v>94.564310986130664</c:v>
                </c:pt>
                <c:pt idx="395">
                  <c:v>94.531637130624574</c:v>
                </c:pt>
                <c:pt idx="396">
                  <c:v>94.510634620669435</c:v>
                </c:pt>
                <c:pt idx="397">
                  <c:v>94.484941895026466</c:v>
                </c:pt>
                <c:pt idx="398">
                  <c:v>94.455426052394245</c:v>
                </c:pt>
                <c:pt idx="399">
                  <c:v>94.436714456614354</c:v>
                </c:pt>
                <c:pt idx="400">
                  <c:v>94.407203540679291</c:v>
                </c:pt>
                <c:pt idx="401">
                  <c:v>94.382274453094738</c:v>
                </c:pt>
                <c:pt idx="402">
                  <c:v>94.360508305081183</c:v>
                </c:pt>
                <c:pt idx="403">
                  <c:v>94.330174630721885</c:v>
                </c:pt>
                <c:pt idx="404">
                  <c:v>94.309935758825162</c:v>
                </c:pt>
                <c:pt idx="405">
                  <c:v>94.283533588792437</c:v>
                </c:pt>
                <c:pt idx="406">
                  <c:v>94.255495755305532</c:v>
                </c:pt>
                <c:pt idx="407">
                  <c:v>94.236838353194315</c:v>
                </c:pt>
                <c:pt idx="408">
                  <c:v>94.207322510562093</c:v>
                </c:pt>
                <c:pt idx="409">
                  <c:v>94.184738530821463</c:v>
                </c:pt>
                <c:pt idx="410">
                  <c:v>94.162972382807908</c:v>
                </c:pt>
                <c:pt idx="411">
                  <c:v>94.133407273204185</c:v>
                </c:pt>
                <c:pt idx="412">
                  <c:v>94.114749871092954</c:v>
                </c:pt>
                <c:pt idx="413">
                  <c:v>94.089874977177075</c:v>
                </c:pt>
                <c:pt idx="414">
                  <c:v>94.064177324836947</c:v>
                </c:pt>
                <c:pt idx="415">
                  <c:v>94.044756284667315</c:v>
                </c:pt>
                <c:pt idx="416">
                  <c:v>94.016772644849098</c:v>
                </c:pt>
                <c:pt idx="417">
                  <c:v>93.994188665108453</c:v>
                </c:pt>
                <c:pt idx="418">
                  <c:v>93.973186155153314</c:v>
                </c:pt>
                <c:pt idx="419">
                  <c:v>93.945966153393499</c:v>
                </c:pt>
                <c:pt idx="420">
                  <c:v>93.926545113223881</c:v>
                </c:pt>
                <c:pt idx="421">
                  <c:v>93.901670219307988</c:v>
                </c:pt>
                <c:pt idx="422">
                  <c:v>93.877554036753352</c:v>
                </c:pt>
                <c:pt idx="423">
                  <c:v>93.85807880291506</c:v>
                </c:pt>
                <c:pt idx="424">
                  <c:v>93.829331525038413</c:v>
                </c:pt>
                <c:pt idx="425">
                  <c:v>93.80832901508326</c:v>
                </c:pt>
                <c:pt idx="426">
                  <c:v>93.787326505128149</c:v>
                </c:pt>
                <c:pt idx="427">
                  <c:v>93.759342865309904</c:v>
                </c:pt>
                <c:pt idx="428">
                  <c:v>93.742212739315534</c:v>
                </c:pt>
                <c:pt idx="429">
                  <c:v>93.714992737555718</c:v>
                </c:pt>
                <c:pt idx="430">
                  <c:v>93.690112916942681</c:v>
                </c:pt>
                <c:pt idx="431">
                  <c:v>93.671401321162804</c:v>
                </c:pt>
                <c:pt idx="432">
                  <c:v>93.644181319403003</c:v>
                </c:pt>
                <c:pt idx="433">
                  <c:v>93.624760279233357</c:v>
                </c:pt>
                <c:pt idx="434">
                  <c:v>93.603757769278232</c:v>
                </c:pt>
                <c:pt idx="435">
                  <c:v>93.577301405576847</c:v>
                </c:pt>
                <c:pt idx="436">
                  <c:v>93.559407641524061</c:v>
                </c:pt>
                <c:pt idx="437">
                  <c:v>93.533769109549738</c:v>
                </c:pt>
                <c:pt idx="438">
                  <c:v>93.510421491750677</c:v>
                </c:pt>
                <c:pt idx="439">
                  <c:v>93.494109197483397</c:v>
                </c:pt>
                <c:pt idx="440">
                  <c:v>93.466889195723581</c:v>
                </c:pt>
                <c:pt idx="441">
                  <c:v>93.448231793612379</c:v>
                </c:pt>
                <c:pt idx="442">
                  <c:v>93.426465645598824</c:v>
                </c:pt>
                <c:pt idx="443">
                  <c:v>93.400767993258683</c:v>
                </c:pt>
                <c:pt idx="444">
                  <c:v>93.384460625688561</c:v>
                </c:pt>
                <c:pt idx="445">
                  <c:v>93.358762973348433</c:v>
                </c:pt>
                <c:pt idx="446">
                  <c:v>93.336996825334893</c:v>
                </c:pt>
                <c:pt idx="447">
                  <c:v>93.319871626037667</c:v>
                </c:pt>
                <c:pt idx="448">
                  <c:v>93.2942281673662</c:v>
                </c:pt>
                <c:pt idx="449">
                  <c:v>93.276334403313413</c:v>
                </c:pt>
                <c:pt idx="450">
                  <c:v>93.256095531416705</c:v>
                </c:pt>
                <c:pt idx="451">
                  <c:v>93.230456999442396</c:v>
                </c:pt>
                <c:pt idx="452">
                  <c:v>93.214090511506441</c:v>
                </c:pt>
                <c:pt idx="453">
                  <c:v>93.188451979532132</c:v>
                </c:pt>
                <c:pt idx="454">
                  <c:v>93.168976745693826</c:v>
                </c:pt>
                <c:pt idx="455">
                  <c:v>93.151137175309714</c:v>
                </c:pt>
                <c:pt idx="456">
                  <c:v>93.126208087725146</c:v>
                </c:pt>
                <c:pt idx="457">
                  <c:v>93.10913215539945</c:v>
                </c:pt>
                <c:pt idx="458">
                  <c:v>93.08731181371725</c:v>
                </c:pt>
                <c:pt idx="459">
                  <c:v>93.064018389586863</c:v>
                </c:pt>
                <c:pt idx="460">
                  <c:v>93.048474660075144</c:v>
                </c:pt>
                <c:pt idx="461">
                  <c:v>93.023540645793432</c:v>
                </c:pt>
                <c:pt idx="462">
                  <c:v>93.004119605623785</c:v>
                </c:pt>
                <c:pt idx="463">
                  <c:v>92.986230768268172</c:v>
                </c:pt>
                <c:pt idx="464">
                  <c:v>92.96135094765512</c:v>
                </c:pt>
                <c:pt idx="465">
                  <c:v>92.944989386416324</c:v>
                </c:pt>
                <c:pt idx="466">
                  <c:v>92.923218311705625</c:v>
                </c:pt>
                <c:pt idx="467">
                  <c:v>92.899924887575224</c:v>
                </c:pt>
                <c:pt idx="468">
                  <c:v>92.885144796121935</c:v>
                </c:pt>
                <c:pt idx="469">
                  <c:v>92.860210781840223</c:v>
                </c:pt>
                <c:pt idx="470">
                  <c:v>92.84155830642618</c:v>
                </c:pt>
                <c:pt idx="471">
                  <c:v>92.8252460121589</c:v>
                </c:pt>
                <c:pt idx="472">
                  <c:v>92.802662032418255</c:v>
                </c:pt>
                <c:pt idx="473">
                  <c:v>92.78711337620939</c:v>
                </c:pt>
                <c:pt idx="474">
                  <c:v>92.76458359013742</c:v>
                </c:pt>
                <c:pt idx="475">
                  <c:v>92.743581080182295</c:v>
                </c:pt>
                <c:pt idx="476">
                  <c:v>92.730377531817339</c:v>
                </c:pt>
                <c:pt idx="477">
                  <c:v>92.705448444232772</c:v>
                </c:pt>
                <c:pt idx="478">
                  <c:v>92.686791042121584</c:v>
                </c:pt>
                <c:pt idx="479">
                  <c:v>92.669660916127214</c:v>
                </c:pt>
                <c:pt idx="480">
                  <c:v>92.646367491996827</c:v>
                </c:pt>
                <c:pt idx="481">
                  <c:v>92.630001004060873</c:v>
                </c:pt>
                <c:pt idx="482">
                  <c:v>92.607471217988916</c:v>
                </c:pt>
                <c:pt idx="483">
                  <c:v>92.586468708033777</c:v>
                </c:pt>
                <c:pt idx="484">
                  <c:v>92.570161340463642</c:v>
                </c:pt>
                <c:pt idx="485">
                  <c:v>92.54604515790902</c:v>
                </c:pt>
                <c:pt idx="486">
                  <c:v>92.52968359667021</c:v>
                </c:pt>
                <c:pt idx="487">
                  <c:v>92.511026194559022</c:v>
                </c:pt>
                <c:pt idx="488">
                  <c:v>92.487678576759961</c:v>
                </c:pt>
                <c:pt idx="489">
                  <c:v>92.471366282492681</c:v>
                </c:pt>
                <c:pt idx="490">
                  <c:v>92.450363772537528</c:v>
                </c:pt>
                <c:pt idx="491">
                  <c:v>92.43094273236791</c:v>
                </c:pt>
                <c:pt idx="492">
                  <c:v>92.416157714217462</c:v>
                </c:pt>
                <c:pt idx="493">
                  <c:v>92.39281009641843</c:v>
                </c:pt>
                <c:pt idx="494">
                  <c:v>92.375679970424059</c:v>
                </c:pt>
                <c:pt idx="495">
                  <c:v>92.357022568312843</c:v>
                </c:pt>
                <c:pt idx="496">
                  <c:v>92.335256420299288</c:v>
                </c:pt>
                <c:pt idx="497">
                  <c:v>92.321239966904415</c:v>
                </c:pt>
                <c:pt idx="498">
                  <c:v>92.298705254135285</c:v>
                </c:pt>
                <c:pt idx="499">
                  <c:v>92.280816416779658</c:v>
                </c:pt>
                <c:pt idx="500">
                  <c:v>92.265267760570794</c:v>
                </c:pt>
                <c:pt idx="501">
                  <c:v>92.241920142771733</c:v>
                </c:pt>
                <c:pt idx="502">
                  <c:v>92.227135124621299</c:v>
                </c:pt>
                <c:pt idx="503">
                  <c:v>92.207714084451652</c:v>
                </c:pt>
                <c:pt idx="504">
                  <c:v>92.186711574496542</c:v>
                </c:pt>
                <c:pt idx="505">
                  <c:v>92.173508026131586</c:v>
                </c:pt>
                <c:pt idx="506">
                  <c:v>92.150924046390969</c:v>
                </c:pt>
                <c:pt idx="507">
                  <c:v>92.133798847093743</c:v>
                </c:pt>
                <c:pt idx="508">
                  <c:v>92.118250190884865</c:v>
                </c:pt>
                <c:pt idx="509">
                  <c:v>92.095720404812923</c:v>
                </c:pt>
                <c:pt idx="510">
                  <c:v>92.080171748604045</c:v>
                </c:pt>
                <c:pt idx="511">
                  <c:v>92.061460152824182</c:v>
                </c:pt>
                <c:pt idx="512">
                  <c:v>92.041275474596119</c:v>
                </c:pt>
                <c:pt idx="513">
                  <c:v>92.028017732562517</c:v>
                </c:pt>
                <c:pt idx="514">
                  <c:v>92.005487946490547</c:v>
                </c:pt>
                <c:pt idx="515">
                  <c:v>91.989180578920411</c:v>
                </c:pt>
                <c:pt idx="516">
                  <c:v>91.972814090984471</c:v>
                </c:pt>
                <c:pt idx="517">
                  <c:v>91.9502843049125</c:v>
                </c:pt>
                <c:pt idx="518">
                  <c:v>91.936262924820483</c:v>
                </c:pt>
                <c:pt idx="519">
                  <c:v>91.917605522709252</c:v>
                </c:pt>
                <c:pt idx="520">
                  <c:v>91.897366650812543</c:v>
                </c:pt>
                <c:pt idx="521">
                  <c:v>91.88416802914476</c:v>
                </c:pt>
                <c:pt idx="522">
                  <c:v>91.863165519189636</c:v>
                </c:pt>
                <c:pt idx="523">
                  <c:v>91.846853224922356</c:v>
                </c:pt>
                <c:pt idx="524">
                  <c:v>91.830486736986401</c:v>
                </c:pt>
                <c:pt idx="525">
                  <c:v>91.809484227031263</c:v>
                </c:pt>
                <c:pt idx="526">
                  <c:v>91.795517040607891</c:v>
                </c:pt>
                <c:pt idx="527">
                  <c:v>91.776041806769612</c:v>
                </c:pt>
                <c:pt idx="528">
                  <c:v>91.758148042716826</c:v>
                </c:pt>
                <c:pt idx="529">
                  <c:v>91.744949421049029</c:v>
                </c:pt>
                <c:pt idx="530">
                  <c:v>91.723946911093904</c:v>
                </c:pt>
                <c:pt idx="531">
                  <c:v>91.709161892943456</c:v>
                </c:pt>
                <c:pt idx="532">
                  <c:v>91.693613236734592</c:v>
                </c:pt>
                <c:pt idx="533">
                  <c:v>91.674955834623375</c:v>
                </c:pt>
                <c:pt idx="534">
                  <c:v>91.65941210511167</c:v>
                </c:pt>
                <c:pt idx="535">
                  <c:v>91.640700509331808</c:v>
                </c:pt>
                <c:pt idx="536">
                  <c:v>91.622860938947682</c:v>
                </c:pt>
                <c:pt idx="537">
                  <c:v>91.607258089070143</c:v>
                </c:pt>
                <c:pt idx="538">
                  <c:v>91.586255579115004</c:v>
                </c:pt>
                <c:pt idx="539">
                  <c:v>91.571529681330375</c:v>
                </c:pt>
                <c:pt idx="540">
                  <c:v>91.555926831452865</c:v>
                </c:pt>
                <c:pt idx="541">
                  <c:v>91.536505791283233</c:v>
                </c:pt>
                <c:pt idx="542">
                  <c:v>91.522484411191215</c:v>
                </c:pt>
                <c:pt idx="543">
                  <c:v>91.503063371021568</c:v>
                </c:pt>
                <c:pt idx="544">
                  <c:v>91.485933245027198</c:v>
                </c:pt>
                <c:pt idx="545">
                  <c:v>91.471970985300985</c:v>
                </c:pt>
                <c:pt idx="546">
                  <c:v>91.450968475345874</c:v>
                </c:pt>
                <c:pt idx="547">
                  <c:v>91.43541981913701</c:v>
                </c:pt>
                <c:pt idx="548">
                  <c:v>91.417526055084224</c:v>
                </c:pt>
                <c:pt idx="549">
                  <c:v>91.398868652973007</c:v>
                </c:pt>
                <c:pt idx="550">
                  <c:v>91.385615837636564</c:v>
                </c:pt>
                <c:pt idx="551">
                  <c:v>91.365376965739856</c:v>
                </c:pt>
                <c:pt idx="552">
                  <c:v>91.349064671472561</c:v>
                </c:pt>
                <c:pt idx="553">
                  <c:v>91.334279653322113</c:v>
                </c:pt>
                <c:pt idx="554">
                  <c:v>91.314858613152467</c:v>
                </c:pt>
                <c:pt idx="555">
                  <c:v>91.301600871118879</c:v>
                </c:pt>
                <c:pt idx="556">
                  <c:v>91.284529865490327</c:v>
                </c:pt>
                <c:pt idx="557">
                  <c:v>91.266636101437541</c:v>
                </c:pt>
                <c:pt idx="558">
                  <c:v>91.253378359403925</c:v>
                </c:pt>
                <c:pt idx="559">
                  <c:v>91.233957319234307</c:v>
                </c:pt>
                <c:pt idx="560">
                  <c:v>91.217645024967027</c:v>
                </c:pt>
                <c:pt idx="561">
                  <c:v>91.201283463728217</c:v>
                </c:pt>
                <c:pt idx="562">
                  <c:v>91.182626061617</c:v>
                </c:pt>
                <c:pt idx="563">
                  <c:v>91.169422513252073</c:v>
                </c:pt>
                <c:pt idx="564">
                  <c:v>91.153056025316118</c:v>
                </c:pt>
                <c:pt idx="565">
                  <c:v>91.134398623204916</c:v>
                </c:pt>
                <c:pt idx="566">
                  <c:v>91.120436363478703</c:v>
                </c:pt>
                <c:pt idx="567">
                  <c:v>91.10096112964041</c:v>
                </c:pt>
                <c:pt idx="568">
                  <c:v>91.08541247343156</c:v>
                </c:pt>
                <c:pt idx="569">
                  <c:v>91.069863817222682</c:v>
                </c:pt>
                <c:pt idx="570">
                  <c:v>91.049624945325974</c:v>
                </c:pt>
                <c:pt idx="571">
                  <c:v>91.037189961716606</c:v>
                </c:pt>
                <c:pt idx="572">
                  <c:v>91.01929619766382</c:v>
                </c:pt>
                <c:pt idx="573">
                  <c:v>91.00216607166945</c:v>
                </c:pt>
                <c:pt idx="574">
                  <c:v>90.988198885246078</c:v>
                </c:pt>
                <c:pt idx="575">
                  <c:v>90.968723651407799</c:v>
                </c:pt>
                <c:pt idx="576">
                  <c:v>90.955525029740002</c:v>
                </c:pt>
                <c:pt idx="577">
                  <c:v>90.939212735472708</c:v>
                </c:pt>
                <c:pt idx="578">
                  <c:v>90.921318971419922</c:v>
                </c:pt>
                <c:pt idx="579">
                  <c:v>90.908066156083478</c:v>
                </c:pt>
                <c:pt idx="580">
                  <c:v>90.889408753972262</c:v>
                </c:pt>
                <c:pt idx="581">
                  <c:v>90.873096459704982</c:v>
                </c:pt>
                <c:pt idx="582">
                  <c:v>90.859075079612964</c:v>
                </c:pt>
                <c:pt idx="583">
                  <c:v>90.840417677501748</c:v>
                </c:pt>
                <c:pt idx="584">
                  <c:v>90.825637586048458</c:v>
                </c:pt>
                <c:pt idx="585">
                  <c:v>90.809325291781164</c:v>
                </c:pt>
                <c:pt idx="586">
                  <c:v>90.790667889669962</c:v>
                </c:pt>
                <c:pt idx="587">
                  <c:v>90.778173785694776</c:v>
                </c:pt>
                <c:pt idx="588">
                  <c:v>90.760339142007808</c:v>
                </c:pt>
                <c:pt idx="589">
                  <c:v>90.74555412385736</c:v>
                </c:pt>
                <c:pt idx="590">
                  <c:v>90.732296381823744</c:v>
                </c:pt>
                <c:pt idx="591">
                  <c:v>90.71287534165414</c:v>
                </c:pt>
                <c:pt idx="592">
                  <c:v>90.698853961562094</c:v>
                </c:pt>
                <c:pt idx="593">
                  <c:v>90.681782955933556</c:v>
                </c:pt>
                <c:pt idx="594">
                  <c:v>90.665416467997602</c:v>
                </c:pt>
                <c:pt idx="595">
                  <c:v>90.65144928157423</c:v>
                </c:pt>
                <c:pt idx="596">
                  <c:v>90.632737685794353</c:v>
                </c:pt>
                <c:pt idx="597">
                  <c:v>90.616430318224232</c:v>
                </c:pt>
                <c:pt idx="598">
                  <c:v>90.600881662015354</c:v>
                </c:pt>
                <c:pt idx="599">
                  <c:v>90.581406428177075</c:v>
                </c:pt>
                <c:pt idx="600">
                  <c:v>90.567439241753704</c:v>
                </c:pt>
                <c:pt idx="601">
                  <c:v>90.550309115759347</c:v>
                </c:pt>
                <c:pt idx="602">
                  <c:v>90.532415351706547</c:v>
                </c:pt>
                <c:pt idx="603">
                  <c:v>90.519980368097194</c:v>
                </c:pt>
                <c:pt idx="604">
                  <c:v>90.500559327927562</c:v>
                </c:pt>
                <c:pt idx="605">
                  <c:v>90.483429201933191</c:v>
                </c:pt>
                <c:pt idx="606">
                  <c:v>90.468644183782743</c:v>
                </c:pt>
                <c:pt idx="607">
                  <c:v>90.448405311886034</c:v>
                </c:pt>
                <c:pt idx="608">
                  <c:v>90.435206690218237</c:v>
                </c:pt>
                <c:pt idx="609">
                  <c:v>90.418076564223867</c:v>
                </c:pt>
                <c:pt idx="610">
                  <c:v>90.399419162112665</c:v>
                </c:pt>
                <c:pt idx="611">
                  <c:v>90.386215613747737</c:v>
                </c:pt>
                <c:pt idx="612">
                  <c:v>90.367563138333679</c:v>
                </c:pt>
                <c:pt idx="613">
                  <c:v>90.352014482124801</c:v>
                </c:pt>
                <c:pt idx="614">
                  <c:v>90.337229463974353</c:v>
                </c:pt>
                <c:pt idx="615">
                  <c:v>90.31775423013606</c:v>
                </c:pt>
                <c:pt idx="616">
                  <c:v>90.304555608468277</c:v>
                </c:pt>
                <c:pt idx="617">
                  <c:v>90.285898206357061</c:v>
                </c:pt>
                <c:pt idx="618">
                  <c:v>90.268004442304289</c:v>
                </c:pt>
                <c:pt idx="619">
                  <c:v>90.253983062212257</c:v>
                </c:pt>
                <c:pt idx="620">
                  <c:v>90.234562022042624</c:v>
                </c:pt>
                <c:pt idx="621">
                  <c:v>90.21901336583376</c:v>
                </c:pt>
                <c:pt idx="622">
                  <c:v>90.204996912438887</c:v>
                </c:pt>
                <c:pt idx="623">
                  <c:v>90.184758040542178</c:v>
                </c:pt>
                <c:pt idx="624">
                  <c:v>90.17079085411882</c:v>
                </c:pt>
                <c:pt idx="625">
                  <c:v>90.152897090066034</c:v>
                </c:pt>
                <c:pt idx="626">
                  <c:v>90.135003326013248</c:v>
                </c:pt>
                <c:pt idx="627">
                  <c:v>90.120986872618374</c:v>
                </c:pt>
                <c:pt idx="628">
                  <c:v>90.102329470507158</c:v>
                </c:pt>
                <c:pt idx="629">
                  <c:v>90.086017176239864</c:v>
                </c:pt>
                <c:pt idx="630">
                  <c:v>90.070468520031014</c:v>
                </c:pt>
                <c:pt idx="631">
                  <c:v>90.050993286192721</c:v>
                </c:pt>
                <c:pt idx="632">
                  <c:v>90.036213194739418</c:v>
                </c:pt>
                <c:pt idx="633">
                  <c:v>90.019137262413722</c:v>
                </c:pt>
                <c:pt idx="634">
                  <c:v>90.001243498360935</c:v>
                </c:pt>
                <c:pt idx="635">
                  <c:v>89.986458480210487</c:v>
                </c:pt>
                <c:pt idx="636">
                  <c:v>89.966983246372195</c:v>
                </c:pt>
                <c:pt idx="637">
                  <c:v>89.951439516860489</c:v>
                </c:pt>
                <c:pt idx="638">
                  <c:v>89.935127222593195</c:v>
                </c:pt>
                <c:pt idx="639">
                  <c:v>89.915651988754917</c:v>
                </c:pt>
                <c:pt idx="640">
                  <c:v>89.900921164273129</c:v>
                </c:pt>
                <c:pt idx="641">
                  <c:v>89.882209568493266</c:v>
                </c:pt>
                <c:pt idx="642">
                  <c:v>89.86513363616757</c:v>
                </c:pt>
                <c:pt idx="643">
                  <c:v>89.849589906655837</c:v>
                </c:pt>
                <c:pt idx="644">
                  <c:v>89.829351034759128</c:v>
                </c:pt>
                <c:pt idx="645">
                  <c:v>89.81456601660868</c:v>
                </c:pt>
                <c:pt idx="646">
                  <c:v>89.796672252555879</c:v>
                </c:pt>
                <c:pt idx="647">
                  <c:v>89.778014850444691</c:v>
                </c:pt>
                <c:pt idx="648">
                  <c:v>89.762466194235813</c:v>
                </c:pt>
                <c:pt idx="649">
                  <c:v>89.742995887094679</c:v>
                </c:pt>
                <c:pt idx="650">
                  <c:v>89.725102123041907</c:v>
                </c:pt>
                <c:pt idx="651">
                  <c:v>89.709553466833029</c:v>
                </c:pt>
                <c:pt idx="652">
                  <c:v>89.688550956877904</c:v>
                </c:pt>
                <c:pt idx="653">
                  <c:v>89.673002300669026</c:v>
                </c:pt>
                <c:pt idx="654">
                  <c:v>89.65510853661624</c:v>
                </c:pt>
                <c:pt idx="655">
                  <c:v>89.636451134505037</c:v>
                </c:pt>
                <c:pt idx="656">
                  <c:v>89.620907404993318</c:v>
                </c:pt>
                <c:pt idx="657">
                  <c:v>89.600668533096623</c:v>
                </c:pt>
                <c:pt idx="658">
                  <c:v>89.585119876887759</c:v>
                </c:pt>
                <c:pt idx="659">
                  <c:v>89.567226112834973</c:v>
                </c:pt>
                <c:pt idx="660">
                  <c:v>89.54622360287982</c:v>
                </c:pt>
                <c:pt idx="661">
                  <c:v>89.530674946670956</c:v>
                </c:pt>
                <c:pt idx="662">
                  <c:v>89.511253906501338</c:v>
                </c:pt>
                <c:pt idx="663">
                  <c:v>89.491015034604615</c:v>
                </c:pt>
                <c:pt idx="664">
                  <c:v>89.475471305092896</c:v>
                </c:pt>
                <c:pt idx="665">
                  <c:v>89.453705157079369</c:v>
                </c:pt>
                <c:pt idx="666">
                  <c:v>89.435047754968153</c:v>
                </c:pt>
                <c:pt idx="667">
                  <c:v>89.417917628973782</c:v>
                </c:pt>
                <c:pt idx="668">
                  <c:v>89.396915119018658</c:v>
                </c:pt>
                <c:pt idx="669">
                  <c:v>89.380602824751364</c:v>
                </c:pt>
                <c:pt idx="670">
                  <c:v>89.360363952854655</c:v>
                </c:pt>
                <c:pt idx="671">
                  <c:v>89.340942912685023</c:v>
                </c:pt>
                <c:pt idx="672">
                  <c:v>89.323812786690652</c:v>
                </c:pt>
                <c:pt idx="673">
                  <c:v>89.302046638677126</c:v>
                </c:pt>
                <c:pt idx="674">
                  <c:v>89.283335042897235</c:v>
                </c:pt>
                <c:pt idx="675">
                  <c:v>89.266264037268684</c:v>
                </c:pt>
                <c:pt idx="676">
                  <c:v>89.244497889255129</c:v>
                </c:pt>
                <c:pt idx="677">
                  <c:v>89.227367763260759</c:v>
                </c:pt>
                <c:pt idx="678">
                  <c:v>89.206365253305634</c:v>
                </c:pt>
                <c:pt idx="679">
                  <c:v>89.18612638140894</c:v>
                </c:pt>
                <c:pt idx="680">
                  <c:v>89.168232617356139</c:v>
                </c:pt>
                <c:pt idx="681">
                  <c:v>89.145702831284169</c:v>
                </c:pt>
                <c:pt idx="682">
                  <c:v>89.127809067231382</c:v>
                </c:pt>
                <c:pt idx="683">
                  <c:v>89.10838802706175</c:v>
                </c:pt>
                <c:pt idx="684">
                  <c:v>89.087385517106625</c:v>
                </c:pt>
                <c:pt idx="685">
                  <c:v>89.069491753053825</c:v>
                </c:pt>
                <c:pt idx="686">
                  <c:v>89.047725605040284</c:v>
                </c:pt>
                <c:pt idx="687">
                  <c:v>89.028250371201992</c:v>
                </c:pt>
                <c:pt idx="688">
                  <c:v>89.009592969090775</c:v>
                </c:pt>
                <c:pt idx="689">
                  <c:v>88.985481713233312</c:v>
                </c:pt>
                <c:pt idx="690">
                  <c:v>88.968351587238942</c:v>
                </c:pt>
                <c:pt idx="691">
                  <c:v>88.946585439225402</c:v>
                </c:pt>
                <c:pt idx="692">
                  <c:v>88.924055653153431</c:v>
                </c:pt>
                <c:pt idx="693">
                  <c:v>88.906161889100645</c:v>
                </c:pt>
                <c:pt idx="694">
                  <c:v>88.882814271301584</c:v>
                </c:pt>
                <c:pt idx="695">
                  <c:v>88.863393231131965</c:v>
                </c:pt>
                <c:pt idx="696">
                  <c:v>88.842390721176827</c:v>
                </c:pt>
                <c:pt idx="697">
                  <c:v>88.819043103377766</c:v>
                </c:pt>
                <c:pt idx="698">
                  <c:v>88.799622063208147</c:v>
                </c:pt>
                <c:pt idx="699">
                  <c:v>88.777038083467502</c:v>
                </c:pt>
                <c:pt idx="700">
                  <c:v>88.754508297395532</c:v>
                </c:pt>
                <c:pt idx="701">
                  <c:v>88.735850895284329</c:v>
                </c:pt>
                <c:pt idx="702">
                  <c:v>88.710158169641346</c:v>
                </c:pt>
                <c:pt idx="703">
                  <c:v>88.689155659686236</c:v>
                </c:pt>
                <c:pt idx="704">
                  <c:v>88.668153149731083</c:v>
                </c:pt>
                <c:pt idx="705">
                  <c:v>88.644805531932036</c:v>
                </c:pt>
                <c:pt idx="706">
                  <c:v>88.623857215645558</c:v>
                </c:pt>
                <c:pt idx="707">
                  <c:v>88.601273235904941</c:v>
                </c:pt>
                <c:pt idx="708">
                  <c:v>88.57874344983297</c:v>
                </c:pt>
                <c:pt idx="709">
                  <c:v>88.557740939877817</c:v>
                </c:pt>
                <c:pt idx="710">
                  <c:v>88.532806925596134</c:v>
                </c:pt>
                <c:pt idx="711">
                  <c:v>88.510277139524149</c:v>
                </c:pt>
                <c:pt idx="712">
                  <c:v>88.488510991510594</c:v>
                </c:pt>
                <c:pt idx="713">
                  <c:v>88.463636097594716</c:v>
                </c:pt>
                <c:pt idx="714">
                  <c:v>88.442633587639591</c:v>
                </c:pt>
                <c:pt idx="715">
                  <c:v>88.416940861996622</c:v>
                </c:pt>
                <c:pt idx="716">
                  <c:v>88.392065968080715</c:v>
                </c:pt>
                <c:pt idx="717">
                  <c:v>88.37029982006716</c:v>
                </c:pt>
                <c:pt idx="718">
                  <c:v>88.345419999454109</c:v>
                </c:pt>
                <c:pt idx="719">
                  <c:v>88.322072381655062</c:v>
                </c:pt>
                <c:pt idx="720">
                  <c:v>88.297961125797585</c:v>
                </c:pt>
                <c:pt idx="721">
                  <c:v>88.2715047620962</c:v>
                </c:pt>
                <c:pt idx="722">
                  <c:v>88.248157144297139</c:v>
                </c:pt>
                <c:pt idx="723">
                  <c:v>88.222513685625671</c:v>
                </c:pt>
                <c:pt idx="724">
                  <c:v>88.197638791709778</c:v>
                </c:pt>
                <c:pt idx="725">
                  <c:v>88.173527535852301</c:v>
                </c:pt>
                <c:pt idx="726">
                  <c:v>88.147834810209332</c:v>
                </c:pt>
                <c:pt idx="727">
                  <c:v>88.123723554351855</c:v>
                </c:pt>
                <c:pt idx="728">
                  <c:v>88.099607371797248</c:v>
                </c:pt>
                <c:pt idx="729">
                  <c:v>88.073205201764495</c:v>
                </c:pt>
                <c:pt idx="730">
                  <c:v>88.049093945907032</c:v>
                </c:pt>
                <c:pt idx="731">
                  <c:v>88.021873944147217</c:v>
                </c:pt>
                <c:pt idx="732">
                  <c:v>87.996944856562664</c:v>
                </c:pt>
                <c:pt idx="733">
                  <c:v>87.972065035949612</c:v>
                </c:pt>
                <c:pt idx="734">
                  <c:v>87.944081396131381</c:v>
                </c:pt>
                <c:pt idx="735">
                  <c:v>87.919970140273904</c:v>
                </c:pt>
                <c:pt idx="736">
                  <c:v>87.892750138514074</c:v>
                </c:pt>
                <c:pt idx="737">
                  <c:v>87.865525210057115</c:v>
                </c:pt>
                <c:pt idx="738">
                  <c:v>87.841413954199638</c:v>
                </c:pt>
                <c:pt idx="739">
                  <c:v>87.811848844595914</c:v>
                </c:pt>
                <c:pt idx="740">
                  <c:v>87.784623916138926</c:v>
                </c:pt>
                <c:pt idx="741">
                  <c:v>87.758985384164617</c:v>
                </c:pt>
                <c:pt idx="742">
                  <c:v>87.73018391261931</c:v>
                </c:pt>
                <c:pt idx="743">
                  <c:v>87.704545380644973</c:v>
                </c:pt>
                <c:pt idx="744">
                  <c:v>87.674975344344091</c:v>
                </c:pt>
                <c:pt idx="745">
                  <c:v>87.646991704525874</c:v>
                </c:pt>
                <c:pt idx="746">
                  <c:v>87.6197667760689</c:v>
                </c:pt>
                <c:pt idx="747">
                  <c:v>87.590201666465163</c:v>
                </c:pt>
                <c:pt idx="748">
                  <c:v>87.562218026646917</c:v>
                </c:pt>
                <c:pt idx="749">
                  <c:v>87.534229460131542</c:v>
                </c:pt>
                <c:pt idx="750">
                  <c:v>87.50466435052779</c:v>
                </c:pt>
                <c:pt idx="751">
                  <c:v>87.477444348767975</c:v>
                </c:pt>
                <c:pt idx="752">
                  <c:v>87.447874312467093</c:v>
                </c:pt>
                <c:pt idx="753">
                  <c:v>87.417545564804939</c:v>
                </c:pt>
                <c:pt idx="754">
                  <c:v>87.390320636347965</c:v>
                </c:pt>
                <c:pt idx="755">
                  <c:v>87.358410418900306</c:v>
                </c:pt>
                <c:pt idx="756">
                  <c:v>87.3296582143265</c:v>
                </c:pt>
                <c:pt idx="757">
                  <c:v>87.300856742781178</c:v>
                </c:pt>
                <c:pt idx="758">
                  <c:v>87.268237080943763</c:v>
                </c:pt>
                <c:pt idx="759">
                  <c:v>87.240194320759713</c:v>
                </c:pt>
                <c:pt idx="760">
                  <c:v>87.209101935039129</c:v>
                </c:pt>
                <c:pt idx="761">
                  <c:v>87.178004622621401</c:v>
                </c:pt>
                <c:pt idx="762">
                  <c:v>87.15002098280317</c:v>
                </c:pt>
                <c:pt idx="763">
                  <c:v>87.116524368872859</c:v>
                </c:pt>
                <c:pt idx="764">
                  <c:v>87.087013452937768</c:v>
                </c:pt>
                <c:pt idx="765">
                  <c:v>87.055861946851394</c:v>
                </c:pt>
                <c:pt idx="766">
                  <c:v>87.022424453286874</c:v>
                </c:pt>
                <c:pt idx="767">
                  <c:v>86.992090778927562</c:v>
                </c:pt>
                <c:pt idx="768">
                  <c:v>86.95947111709016</c:v>
                </c:pt>
                <c:pt idx="769">
                  <c:v>86.929137442730834</c:v>
                </c:pt>
                <c:pt idx="770">
                  <c:v>86.896463587224758</c:v>
                </c:pt>
                <c:pt idx="771">
                  <c:v>86.863021166963108</c:v>
                </c:pt>
                <c:pt idx="772">
                  <c:v>86.831106022818275</c:v>
                </c:pt>
                <c:pt idx="773">
                  <c:v>86.7984321673122</c:v>
                </c:pt>
                <c:pt idx="774">
                  <c:v>86.764226108992133</c:v>
                </c:pt>
                <c:pt idx="775">
                  <c:v>86.732370085213134</c:v>
                </c:pt>
                <c:pt idx="776">
                  <c:v>86.697346195165977</c:v>
                </c:pt>
                <c:pt idx="777">
                  <c:v>86.662322305118821</c:v>
                </c:pt>
                <c:pt idx="778">
                  <c:v>86.628884811554329</c:v>
                </c:pt>
                <c:pt idx="779">
                  <c:v>86.593151477117402</c:v>
                </c:pt>
                <c:pt idx="780">
                  <c:v>86.559654863187092</c:v>
                </c:pt>
                <c:pt idx="781">
                  <c:v>86.524690093505754</c:v>
                </c:pt>
                <c:pt idx="782">
                  <c:v>86.488138927341765</c:v>
                </c:pt>
                <c:pt idx="783">
                  <c:v>86.454696507080101</c:v>
                </c:pt>
                <c:pt idx="784">
                  <c:v>86.418913905671673</c:v>
                </c:pt>
                <c:pt idx="785">
                  <c:v>86.3831263775661</c:v>
                </c:pt>
                <c:pt idx="786">
                  <c:v>86.347338849460527</c:v>
                </c:pt>
                <c:pt idx="787">
                  <c:v>86.310024045238094</c:v>
                </c:pt>
                <c:pt idx="788">
                  <c:v>86.275005081888111</c:v>
                </c:pt>
                <c:pt idx="789">
                  <c:v>86.238453915724122</c:v>
                </c:pt>
                <c:pt idx="790">
                  <c:v>86.201139111501689</c:v>
                </c:pt>
                <c:pt idx="791">
                  <c:v>86.165351583396117</c:v>
                </c:pt>
                <c:pt idx="792">
                  <c:v>86.12646023608535</c:v>
                </c:pt>
                <c:pt idx="793">
                  <c:v>86.090726901648438</c:v>
                </c:pt>
                <c:pt idx="794">
                  <c:v>86.053357903757359</c:v>
                </c:pt>
                <c:pt idx="795">
                  <c:v>86.014461629749448</c:v>
                </c:pt>
                <c:pt idx="796">
                  <c:v>85.977910463585431</c:v>
                </c:pt>
                <c:pt idx="797">
                  <c:v>85.939019116274693</c:v>
                </c:pt>
                <c:pt idx="798">
                  <c:v>85.900177035935428</c:v>
                </c:pt>
                <c:pt idx="799">
                  <c:v>85.862808038044335</c:v>
                </c:pt>
                <c:pt idx="800">
                  <c:v>85.821620849861162</c:v>
                </c:pt>
                <c:pt idx="801">
                  <c:v>85.783488213911667</c:v>
                </c:pt>
                <c:pt idx="802">
                  <c:v>85.744591939903742</c:v>
                </c:pt>
                <c:pt idx="803">
                  <c:v>85.703404751720569</c:v>
                </c:pt>
                <c:pt idx="804">
                  <c:v>85.666035753829505</c:v>
                </c:pt>
                <c:pt idx="805">
                  <c:v>85.624030733919227</c:v>
                </c:pt>
                <c:pt idx="806">
                  <c:v>85.58360718379447</c:v>
                </c:pt>
                <c:pt idx="807">
                  <c:v>85.543188560366872</c:v>
                </c:pt>
                <c:pt idx="808">
                  <c:v>85.501183540456609</c:v>
                </c:pt>
                <c:pt idx="809">
                  <c:v>85.460705796663177</c:v>
                </c:pt>
                <c:pt idx="810">
                  <c:v>85.418700776752928</c:v>
                </c:pt>
                <c:pt idx="811">
                  <c:v>85.375927192087104</c:v>
                </c:pt>
                <c:pt idx="812">
                  <c:v>85.334744930601062</c:v>
                </c:pt>
                <c:pt idx="813">
                  <c:v>85.292734983993654</c:v>
                </c:pt>
                <c:pt idx="814">
                  <c:v>85.24996632602496</c:v>
                </c:pt>
                <c:pt idx="815">
                  <c:v>85.207961306114697</c:v>
                </c:pt>
                <c:pt idx="816">
                  <c:v>85.163611178360526</c:v>
                </c:pt>
                <c:pt idx="817">
                  <c:v>85.121606158450263</c:v>
                </c:pt>
                <c:pt idx="818">
                  <c:v>85.078837500481583</c:v>
                </c:pt>
                <c:pt idx="819">
                  <c:v>85.033723734668968</c:v>
                </c:pt>
                <c:pt idx="820">
                  <c:v>84.990191438641887</c:v>
                </c:pt>
                <c:pt idx="821">
                  <c:v>84.945841310887701</c:v>
                </c:pt>
                <c:pt idx="822">
                  <c:v>84.899963907016669</c:v>
                </c:pt>
                <c:pt idx="823">
                  <c:v>84.856431610989574</c:v>
                </c:pt>
                <c:pt idx="824">
                  <c:v>84.810495086752738</c:v>
                </c:pt>
                <c:pt idx="825">
                  <c:v>84.766199152667198</c:v>
                </c:pt>
                <c:pt idx="826">
                  <c:v>84.720321748796181</c:v>
                </c:pt>
                <c:pt idx="827">
                  <c:v>84.673626513198073</c:v>
                </c:pt>
                <c:pt idx="828">
                  <c:v>84.628512747385457</c:v>
                </c:pt>
                <c:pt idx="829">
                  <c:v>84.581103140700463</c:v>
                </c:pt>
                <c:pt idx="830">
                  <c:v>84.534407905102356</c:v>
                </c:pt>
                <c:pt idx="831">
                  <c:v>84.487766863172894</c:v>
                </c:pt>
                <c:pt idx="832">
                  <c:v>84.43953942476081</c:v>
                </c:pt>
                <c:pt idx="833">
                  <c:v>84.392844189162702</c:v>
                </c:pt>
                <c:pt idx="834">
                  <c:v>84.344675871116408</c:v>
                </c:pt>
                <c:pt idx="835">
                  <c:v>84.295635527674378</c:v>
                </c:pt>
                <c:pt idx="836">
                  <c:v>84.2489895590478</c:v>
                </c:pt>
                <c:pt idx="837">
                  <c:v>84.197658301430508</c:v>
                </c:pt>
                <c:pt idx="838">
                  <c:v>84.149430863018409</c:v>
                </c:pt>
                <c:pt idx="839">
                  <c:v>84.100444713245039</c:v>
                </c:pt>
                <c:pt idx="840">
                  <c:v>84.049877093686163</c:v>
                </c:pt>
                <c:pt idx="841">
                  <c:v>84.002413293332495</c:v>
                </c:pt>
                <c:pt idx="842">
                  <c:v>83.951136229383877</c:v>
                </c:pt>
                <c:pt idx="843">
                  <c:v>83.900568609824987</c:v>
                </c:pt>
                <c:pt idx="844">
                  <c:v>83.851577533354487</c:v>
                </c:pt>
                <c:pt idx="845">
                  <c:v>83.799428444010104</c:v>
                </c:pt>
                <c:pt idx="846">
                  <c:v>83.748910091422744</c:v>
                </c:pt>
                <c:pt idx="847">
                  <c:v>83.699106109922297</c:v>
                </c:pt>
                <c:pt idx="848">
                  <c:v>83.645479011432599</c:v>
                </c:pt>
                <c:pt idx="849">
                  <c:v>83.595675029932153</c:v>
                </c:pt>
                <c:pt idx="850">
                  <c:v>83.54199373777378</c:v>
                </c:pt>
                <c:pt idx="851">
                  <c:v>83.489898842098071</c:v>
                </c:pt>
                <c:pt idx="852">
                  <c:v>83.437799019725219</c:v>
                </c:pt>
                <c:pt idx="853">
                  <c:v>83.383359016205574</c:v>
                </c:pt>
                <c:pt idx="854">
                  <c:v>83.330441362105631</c:v>
                </c:pt>
                <c:pt idx="855">
                  <c:v>83.277582828371493</c:v>
                </c:pt>
                <c:pt idx="856">
                  <c:v>83.222374260096302</c:v>
                </c:pt>
                <c:pt idx="857">
                  <c:v>83.169456605996345</c:v>
                </c:pt>
                <c:pt idx="858">
                  <c:v>83.115016602476729</c:v>
                </c:pt>
                <c:pt idx="859">
                  <c:v>83.059044396143108</c:v>
                </c:pt>
                <c:pt idx="860">
                  <c:v>83.005363103984749</c:v>
                </c:pt>
                <c:pt idx="861">
                  <c:v>82.949341630679612</c:v>
                </c:pt>
                <c:pt idx="862">
                  <c:v>82.894133062404407</c:v>
                </c:pt>
                <c:pt idx="863">
                  <c:v>82.838924494129188</c:v>
                </c:pt>
                <c:pt idx="864">
                  <c:v>82.781375744707219</c:v>
                </c:pt>
                <c:pt idx="865">
                  <c:v>82.72693081449043</c:v>
                </c:pt>
                <c:pt idx="866">
                  <c:v>82.668613500312901</c:v>
                </c:pt>
                <c:pt idx="867">
                  <c:v>82.611828388949334</c:v>
                </c:pt>
                <c:pt idx="868">
                  <c:v>82.555801988947039</c:v>
                </c:pt>
                <c:pt idx="869">
                  <c:v>82.497484674769495</c:v>
                </c:pt>
                <c:pt idx="870">
                  <c:v>82.440694636708784</c:v>
                </c:pt>
                <c:pt idx="871">
                  <c:v>82.382377322531241</c:v>
                </c:pt>
                <c:pt idx="872">
                  <c:v>82.32248346526535</c:v>
                </c:pt>
                <c:pt idx="873">
                  <c:v>82.266511258931729</c:v>
                </c:pt>
                <c:pt idx="874">
                  <c:v>82.207376113027095</c:v>
                </c:pt>
                <c:pt idx="875">
                  <c:v>82.148295160791136</c:v>
                </c:pt>
                <c:pt idx="876">
                  <c:v>82.089977846613593</c:v>
                </c:pt>
                <c:pt idx="877">
                  <c:v>82.029261230923467</c:v>
                </c:pt>
                <c:pt idx="878">
                  <c:v>81.970185205384638</c:v>
                </c:pt>
                <c:pt idx="879">
                  <c:v>81.910286421421588</c:v>
                </c:pt>
                <c:pt idx="880">
                  <c:v>81.848860361341707</c:v>
                </c:pt>
                <c:pt idx="881">
                  <c:v>81.789725215437073</c:v>
                </c:pt>
                <c:pt idx="882">
                  <c:v>81.727535517298762</c:v>
                </c:pt>
                <c:pt idx="883">
                  <c:v>81.666873095277296</c:v>
                </c:pt>
                <c:pt idx="884">
                  <c:v>81.606974311314247</c:v>
                </c:pt>
                <c:pt idx="885">
                  <c:v>81.543966781448859</c:v>
                </c:pt>
                <c:pt idx="886">
                  <c:v>81.483304359427393</c:v>
                </c:pt>
                <c:pt idx="887">
                  <c:v>81.421878299347483</c:v>
                </c:pt>
                <c:pt idx="888">
                  <c:v>81.359634407540526</c:v>
                </c:pt>
                <c:pt idx="889">
                  <c:v>81.297444709402214</c:v>
                </c:pt>
                <c:pt idx="890">
                  <c:v>81.23367354147841</c:v>
                </c:pt>
                <c:pt idx="891">
                  <c:v>81.171429649671424</c:v>
                </c:pt>
                <c:pt idx="892">
                  <c:v>81.109185757864452</c:v>
                </c:pt>
                <c:pt idx="893">
                  <c:v>81.044650951882232</c:v>
                </c:pt>
                <c:pt idx="894">
                  <c:v>80.983224891802337</c:v>
                </c:pt>
                <c:pt idx="895">
                  <c:v>80.919453723878533</c:v>
                </c:pt>
                <c:pt idx="896">
                  <c:v>80.854864724227625</c:v>
                </c:pt>
                <c:pt idx="897">
                  <c:v>80.791911388030897</c:v>
                </c:pt>
                <c:pt idx="898">
                  <c:v>80.726558750321573</c:v>
                </c:pt>
                <c:pt idx="899">
                  <c:v>80.663551220456199</c:v>
                </c:pt>
                <c:pt idx="900">
                  <c:v>80.599780052532381</c:v>
                </c:pt>
                <c:pt idx="901">
                  <c:v>80.533663776764641</c:v>
                </c:pt>
                <c:pt idx="902">
                  <c:v>80.470656246899253</c:v>
                </c:pt>
                <c:pt idx="903">
                  <c:v>80.405352876161459</c:v>
                </c:pt>
                <c:pt idx="904">
                  <c:v>80.340000238452149</c:v>
                </c:pt>
                <c:pt idx="905">
                  <c:v>80.275465432469915</c:v>
                </c:pt>
                <c:pt idx="906">
                  <c:v>80.209349156702174</c:v>
                </c:pt>
                <c:pt idx="907">
                  <c:v>80.14481435071994</c:v>
                </c:pt>
                <c:pt idx="908">
                  <c:v>80.080225351069046</c:v>
                </c:pt>
                <c:pt idx="909">
                  <c:v>80.013345437242876</c:v>
                </c:pt>
                <c:pt idx="910">
                  <c:v>79.949569342621928</c:v>
                </c:pt>
                <c:pt idx="911">
                  <c:v>79.883453066854187</c:v>
                </c:pt>
                <c:pt idx="912">
                  <c:v>79.817390984755122</c:v>
                </c:pt>
                <c:pt idx="913">
                  <c:v>79.752801985104227</c:v>
                </c:pt>
                <c:pt idx="914">
                  <c:v>79.685922071278071</c:v>
                </c:pt>
                <c:pt idx="915">
                  <c:v>79.620623627237421</c:v>
                </c:pt>
                <c:pt idx="916">
                  <c:v>79.554507351469681</c:v>
                </c:pt>
                <c:pt idx="917">
                  <c:v>79.489149787063212</c:v>
                </c:pt>
                <c:pt idx="918">
                  <c:v>79.423033511295486</c:v>
                </c:pt>
                <c:pt idx="919">
                  <c:v>79.355389959410914</c:v>
                </c:pt>
                <c:pt idx="920">
                  <c:v>79.289273683643188</c:v>
                </c:pt>
                <c:pt idx="921">
                  <c:v>79.223921045933864</c:v>
                </c:pt>
                <c:pt idx="922">
                  <c:v>79.156272567352133</c:v>
                </c:pt>
                <c:pt idx="923">
                  <c:v>79.090974123311483</c:v>
                </c:pt>
                <c:pt idx="924">
                  <c:v>79.024040015816666</c:v>
                </c:pt>
                <c:pt idx="925">
                  <c:v>78.956396463932094</c:v>
                </c:pt>
                <c:pt idx="926">
                  <c:v>78.891043826222784</c:v>
                </c:pt>
                <c:pt idx="927">
                  <c:v>78.824158985699469</c:v>
                </c:pt>
                <c:pt idx="928">
                  <c:v>78.758096903600389</c:v>
                </c:pt>
                <c:pt idx="929">
                  <c:v>78.691980627832663</c:v>
                </c:pt>
                <c:pt idx="930">
                  <c:v>78.625100714006507</c:v>
                </c:pt>
                <c:pt idx="931">
                  <c:v>78.560511714355613</c:v>
                </c:pt>
                <c:pt idx="932">
                  <c:v>78.493626873832312</c:v>
                </c:pt>
                <c:pt idx="933">
                  <c:v>78.426746960006156</c:v>
                </c:pt>
                <c:pt idx="934">
                  <c:v>78.360630684238416</c:v>
                </c:pt>
                <c:pt idx="935">
                  <c:v>78.292987132353844</c:v>
                </c:pt>
                <c:pt idx="936">
                  <c:v>78.226870856586103</c:v>
                </c:pt>
                <c:pt idx="937">
                  <c:v>78.162336050603869</c:v>
                </c:pt>
                <c:pt idx="938">
                  <c:v>78.094633378353493</c:v>
                </c:pt>
                <c:pt idx="939">
                  <c:v>78.028517102585752</c:v>
                </c:pt>
                <c:pt idx="940">
                  <c:v>77.963218658545102</c:v>
                </c:pt>
                <c:pt idx="941">
                  <c:v>77.89557510666053</c:v>
                </c:pt>
                <c:pt idx="942">
                  <c:v>77.830222468951206</c:v>
                </c:pt>
                <c:pt idx="943">
                  <c:v>77.763337628427919</c:v>
                </c:pt>
                <c:pt idx="944">
                  <c:v>77.697984990718595</c:v>
                </c:pt>
                <c:pt idx="945">
                  <c:v>77.632686546677945</c:v>
                </c:pt>
                <c:pt idx="946">
                  <c:v>77.564988801124699</c:v>
                </c:pt>
                <c:pt idx="947">
                  <c:v>77.499690357084049</c:v>
                </c:pt>
                <c:pt idx="948">
                  <c:v>77.433569154619164</c:v>
                </c:pt>
                <c:pt idx="949">
                  <c:v>77.366689240793008</c:v>
                </c:pt>
                <c:pt idx="950">
                  <c:v>77.302100241142114</c:v>
                </c:pt>
                <c:pt idx="951">
                  <c:v>77.236038159043048</c:v>
                </c:pt>
                <c:pt idx="952">
                  <c:v>77.171449159392154</c:v>
                </c:pt>
                <c:pt idx="953">
                  <c:v>77.10615071535149</c:v>
                </c:pt>
                <c:pt idx="954">
                  <c:v>77.040034439583764</c:v>
                </c:pt>
                <c:pt idx="955">
                  <c:v>76.976258344962801</c:v>
                </c:pt>
                <c:pt idx="956">
                  <c:v>76.910905707253491</c:v>
                </c:pt>
                <c:pt idx="957">
                  <c:v>76.846370901271243</c:v>
                </c:pt>
                <c:pt idx="958">
                  <c:v>76.782599733347439</c:v>
                </c:pt>
                <c:pt idx="959">
                  <c:v>76.717247095638129</c:v>
                </c:pt>
                <c:pt idx="960">
                  <c:v>76.653475927714311</c:v>
                </c:pt>
                <c:pt idx="961">
                  <c:v>76.588941121732077</c:v>
                </c:pt>
                <c:pt idx="962">
                  <c:v>76.524352122081183</c:v>
                </c:pt>
                <c:pt idx="963">
                  <c:v>76.461398785884455</c:v>
                </c:pt>
                <c:pt idx="964">
                  <c:v>76.396809786233561</c:v>
                </c:pt>
                <c:pt idx="965">
                  <c:v>76.333802256368173</c:v>
                </c:pt>
                <c:pt idx="966">
                  <c:v>76.270848920171446</c:v>
                </c:pt>
                <c:pt idx="967">
                  <c:v>76.207077752247628</c:v>
                </c:pt>
                <c:pt idx="968">
                  <c:v>76.145592571801927</c:v>
                </c:pt>
                <c:pt idx="969">
                  <c:v>76.081821403878109</c:v>
                </c:pt>
                <c:pt idx="970">
                  <c:v>76.018813874012736</c:v>
                </c:pt>
                <c:pt idx="971">
                  <c:v>75.95738781393284</c:v>
                </c:pt>
                <c:pt idx="972">
                  <c:v>75.894380284067438</c:v>
                </c:pt>
                <c:pt idx="973">
                  <c:v>75.832954223987556</c:v>
                </c:pt>
                <c:pt idx="974">
                  <c:v>75.771533090604819</c:v>
                </c:pt>
                <c:pt idx="975">
                  <c:v>75.710052836856264</c:v>
                </c:pt>
                <c:pt idx="976">
                  <c:v>75.648626776776382</c:v>
                </c:pt>
                <c:pt idx="977">
                  <c:v>75.587964354754916</c:v>
                </c:pt>
                <c:pt idx="978">
                  <c:v>75.526538294675021</c:v>
                </c:pt>
                <c:pt idx="979">
                  <c:v>75.465875872653555</c:v>
                </c:pt>
                <c:pt idx="980">
                  <c:v>75.404395618904999</c:v>
                </c:pt>
                <c:pt idx="981">
                  <c:v>75.34455102861061</c:v>
                </c:pt>
                <c:pt idx="982">
                  <c:v>75.28465224464756</c:v>
                </c:pt>
                <c:pt idx="983">
                  <c:v>75.223171990899004</c:v>
                </c:pt>
                <c:pt idx="984">
                  <c:v>75.164091038663045</c:v>
                </c:pt>
                <c:pt idx="985">
                  <c:v>75.106542289241077</c:v>
                </c:pt>
                <c:pt idx="986">
                  <c:v>75.046643505278013</c:v>
                </c:pt>
                <c:pt idx="987">
                  <c:v>74.986744721314963</c:v>
                </c:pt>
                <c:pt idx="988">
                  <c:v>74.927663769079004</c:v>
                </c:pt>
                <c:pt idx="989">
                  <c:v>74.86852862317437</c:v>
                </c:pt>
                <c:pt idx="990">
                  <c:v>74.810211308996827</c:v>
                </c:pt>
                <c:pt idx="991">
                  <c:v>74.750312525033777</c:v>
                </c:pt>
                <c:pt idx="992">
                  <c:v>74.692763775611795</c:v>
                </c:pt>
                <c:pt idx="993">
                  <c:v>74.635210099492681</c:v>
                </c:pt>
                <c:pt idx="994">
                  <c:v>74.576892785315124</c:v>
                </c:pt>
                <c:pt idx="995">
                  <c:v>74.519339109195997</c:v>
                </c:pt>
                <c:pt idx="996">
                  <c:v>74.461790359774028</c:v>
                </c:pt>
                <c:pt idx="997">
                  <c:v>74.405000321713317</c:v>
                </c:pt>
                <c:pt idx="998">
                  <c:v>74.347446645594204</c:v>
                </c:pt>
                <c:pt idx="999">
                  <c:v>74.289129331416646</c:v>
                </c:pt>
                <c:pt idx="1000">
                  <c:v>74.233107858111509</c:v>
                </c:pt>
                <c:pt idx="1001">
                  <c:v>74.176372013719472</c:v>
                </c:pt>
                <c:pt idx="1002">
                  <c:v>74.119581975658775</c:v>
                </c:pt>
                <c:pt idx="1003">
                  <c:v>74.06355557565648</c:v>
                </c:pt>
                <c:pt idx="1004">
                  <c:v>74.006824657961573</c:v>
                </c:pt>
                <c:pt idx="1005">
                  <c:v>73.950034619900876</c:v>
                </c:pt>
                <c:pt idx="1006">
                  <c:v>73.895589689684101</c:v>
                </c:pt>
                <c:pt idx="1007">
                  <c:v>73.839568216378964</c:v>
                </c:pt>
                <c:pt idx="1008">
                  <c:v>73.785123286162175</c:v>
                </c:pt>
                <c:pt idx="1009">
                  <c:v>73.728333248101464</c:v>
                </c:pt>
                <c:pt idx="1010">
                  <c:v>73.671602330406586</c:v>
                </c:pt>
                <c:pt idx="1011">
                  <c:v>73.616339568462706</c:v>
                </c:pt>
                <c:pt idx="1012">
                  <c:v>73.560367362129085</c:v>
                </c:pt>
                <c:pt idx="1013">
                  <c:v>73.506690996667885</c:v>
                </c:pt>
                <c:pt idx="1014">
                  <c:v>73.451482428392666</c:v>
                </c:pt>
                <c:pt idx="1015">
                  <c:v>73.396273860117461</c:v>
                </c:pt>
                <c:pt idx="1016">
                  <c:v>73.34183385659783</c:v>
                </c:pt>
                <c:pt idx="1017">
                  <c:v>73.286625288322625</c:v>
                </c:pt>
                <c:pt idx="1018">
                  <c:v>73.232943996164266</c:v>
                </c:pt>
                <c:pt idx="1019">
                  <c:v>73.180031268761468</c:v>
                </c:pt>
                <c:pt idx="1020">
                  <c:v>73.124822700486263</c:v>
                </c:pt>
                <c:pt idx="1021">
                  <c:v>73.070382696966632</c:v>
                </c:pt>
                <c:pt idx="1022">
                  <c:v>73.016701404808288</c:v>
                </c:pt>
                <c:pt idx="1023">
                  <c:v>72.962256474591499</c:v>
                </c:pt>
                <c:pt idx="1024">
                  <c:v>72.910925216974206</c:v>
                </c:pt>
                <c:pt idx="1025">
                  <c:v>72.857298118484493</c:v>
                </c:pt>
                <c:pt idx="1026">
                  <c:v>72.805149029140125</c:v>
                </c:pt>
                <c:pt idx="1027">
                  <c:v>72.752285568708842</c:v>
                </c:pt>
                <c:pt idx="1028">
                  <c:v>72.697845565189212</c:v>
                </c:pt>
                <c:pt idx="1029">
                  <c:v>72.645745742816359</c:v>
                </c:pt>
                <c:pt idx="1030">
                  <c:v>72.592069377355145</c:v>
                </c:pt>
                <c:pt idx="1031">
                  <c:v>72.538388085196786</c:v>
                </c:pt>
                <c:pt idx="1032">
                  <c:v>72.486293189521078</c:v>
                </c:pt>
                <c:pt idx="1033">
                  <c:v>72.433429729089781</c:v>
                </c:pt>
                <c:pt idx="1034">
                  <c:v>72.381275713048268</c:v>
                </c:pt>
                <c:pt idx="1035">
                  <c:v>72.32841717931413</c:v>
                </c:pt>
                <c:pt idx="1036">
                  <c:v>72.275499525214187</c:v>
                </c:pt>
                <c:pt idx="1037">
                  <c:v>72.223404629538479</c:v>
                </c:pt>
                <c:pt idx="1038">
                  <c:v>72.172832083282458</c:v>
                </c:pt>
                <c:pt idx="1039">
                  <c:v>72.119209911489918</c:v>
                </c:pt>
                <c:pt idx="1040">
                  <c:v>72.068637365233897</c:v>
                </c:pt>
                <c:pt idx="1041">
                  <c:v>72.016542469558175</c:v>
                </c:pt>
                <c:pt idx="1042">
                  <c:v>71.965206285243738</c:v>
                </c:pt>
                <c:pt idx="1043">
                  <c:v>71.914638665684876</c:v>
                </c:pt>
                <c:pt idx="1044">
                  <c:v>71.861775205253593</c:v>
                </c:pt>
                <c:pt idx="1045">
                  <c:v>71.810443947636301</c:v>
                </c:pt>
                <c:pt idx="1046">
                  <c:v>71.757526293536358</c:v>
                </c:pt>
                <c:pt idx="1047">
                  <c:v>71.707012867646142</c:v>
                </c:pt>
                <c:pt idx="1048">
                  <c:v>71.65644524808728</c:v>
                </c:pt>
                <c:pt idx="1049">
                  <c:v>71.603527593987337</c:v>
                </c:pt>
                <c:pt idx="1050">
                  <c:v>71.553777806155551</c:v>
                </c:pt>
                <c:pt idx="1051">
                  <c:v>71.503205259899531</c:v>
                </c:pt>
                <c:pt idx="1052">
                  <c:v>71.451110364223808</c:v>
                </c:pt>
                <c:pt idx="1053">
                  <c:v>71.402119287753308</c:v>
                </c:pt>
                <c:pt idx="1054">
                  <c:v>71.3500243920776</c:v>
                </c:pt>
                <c:pt idx="1055">
                  <c:v>71.300215483879981</c:v>
                </c:pt>
                <c:pt idx="1056">
                  <c:v>71.249647864321119</c:v>
                </c:pt>
                <c:pt idx="1057">
                  <c:v>71.197552968645411</c:v>
                </c:pt>
                <c:pt idx="1058">
                  <c:v>71.14703461605805</c:v>
                </c:pt>
                <c:pt idx="1059">
                  <c:v>71.096466996499188</c:v>
                </c:pt>
                <c:pt idx="1060">
                  <c:v>71.045130812184752</c:v>
                </c:pt>
                <c:pt idx="1061">
                  <c:v>70.994563192625876</c:v>
                </c:pt>
                <c:pt idx="1062">
                  <c:v>70.944808478096931</c:v>
                </c:pt>
                <c:pt idx="1063">
                  <c:v>70.894240858538069</c:v>
                </c:pt>
                <c:pt idx="1064">
                  <c:v>70.844491070706283</c:v>
                </c:pt>
                <c:pt idx="1065">
                  <c:v>70.793918524450262</c:v>
                </c:pt>
                <c:pt idx="1066">
                  <c:v>70.743350904891386</c:v>
                </c:pt>
                <c:pt idx="1067">
                  <c:v>70.69201472057695</c:v>
                </c:pt>
                <c:pt idx="1068">
                  <c:v>70.642264932745164</c:v>
                </c:pt>
                <c:pt idx="1069">
                  <c:v>70.591692386489129</c:v>
                </c:pt>
                <c:pt idx="1070">
                  <c:v>70.541942598657357</c:v>
                </c:pt>
                <c:pt idx="1071">
                  <c:v>70.492138617156911</c:v>
                </c:pt>
                <c:pt idx="1072">
                  <c:v>70.442383902627967</c:v>
                </c:pt>
                <c:pt idx="1073">
                  <c:v>70.391816283069105</c:v>
                </c:pt>
                <c:pt idx="1074">
                  <c:v>70.342825206598576</c:v>
                </c:pt>
                <c:pt idx="1075">
                  <c:v>70.293839056825206</c:v>
                </c:pt>
                <c:pt idx="1076">
                  <c:v>70.243271437266344</c:v>
                </c:pt>
                <c:pt idx="1077">
                  <c:v>70.192698891010323</c:v>
                </c:pt>
                <c:pt idx="1078">
                  <c:v>70.141367633393031</c:v>
                </c:pt>
                <c:pt idx="1079">
                  <c:v>70.091612918864087</c:v>
                </c:pt>
                <c:pt idx="1080">
                  <c:v>70.043390407149147</c:v>
                </c:pt>
                <c:pt idx="1081">
                  <c:v>69.990472753049204</c:v>
                </c:pt>
                <c:pt idx="1082">
                  <c:v>69.940722965217418</c:v>
                </c:pt>
                <c:pt idx="1083">
                  <c:v>69.890155345658542</c:v>
                </c:pt>
                <c:pt idx="1084">
                  <c:v>69.839582799402535</c:v>
                </c:pt>
                <c:pt idx="1085">
                  <c:v>69.789069373512319</c:v>
                </c:pt>
                <c:pt idx="1086">
                  <c:v>69.739260465314729</c:v>
                </c:pt>
                <c:pt idx="1087">
                  <c:v>69.689510677482929</c:v>
                </c:pt>
                <c:pt idx="1088">
                  <c:v>69.638943057924067</c:v>
                </c:pt>
                <c:pt idx="1089">
                  <c:v>69.588370511668032</c:v>
                </c:pt>
                <c:pt idx="1090">
                  <c:v>69.53862072383626</c:v>
                </c:pt>
                <c:pt idx="1091">
                  <c:v>69.489629647365732</c:v>
                </c:pt>
                <c:pt idx="1092">
                  <c:v>69.43906202780687</c:v>
                </c:pt>
                <c:pt idx="1093">
                  <c:v>69.391603154150332</c:v>
                </c:pt>
                <c:pt idx="1094">
                  <c:v>69.341084801562985</c:v>
                </c:pt>
                <c:pt idx="1095">
                  <c:v>69.289753543945693</c:v>
                </c:pt>
                <c:pt idx="1096">
                  <c:v>69.239944635748088</c:v>
                </c:pt>
                <c:pt idx="1097">
                  <c:v>69.188613378130796</c:v>
                </c:pt>
                <c:pt idx="1098">
                  <c:v>69.141972336201349</c:v>
                </c:pt>
                <c:pt idx="1099">
                  <c:v>69.092981259730834</c:v>
                </c:pt>
                <c:pt idx="1100">
                  <c:v>69.041650002113556</c:v>
                </c:pt>
                <c:pt idx="1101">
                  <c:v>68.991841093915951</c:v>
                </c:pt>
                <c:pt idx="1102">
                  <c:v>68.940509836298659</c:v>
                </c:pt>
                <c:pt idx="1103">
                  <c:v>68.891523686525289</c:v>
                </c:pt>
                <c:pt idx="1104">
                  <c:v>68.840187502210853</c:v>
                </c:pt>
                <c:pt idx="1105">
                  <c:v>68.789674076320651</c:v>
                </c:pt>
                <c:pt idx="1106">
                  <c:v>68.739865168123046</c:v>
                </c:pt>
                <c:pt idx="1107">
                  <c:v>68.689297548564184</c:v>
                </c:pt>
                <c:pt idx="1108">
                  <c:v>68.63954283403524</c:v>
                </c:pt>
                <c:pt idx="1109">
                  <c:v>68.592083960378716</c:v>
                </c:pt>
                <c:pt idx="1110">
                  <c:v>68.539989064703008</c:v>
                </c:pt>
                <c:pt idx="1111">
                  <c:v>68.489416518446987</c:v>
                </c:pt>
                <c:pt idx="1112">
                  <c:v>68.439666730615187</c:v>
                </c:pt>
                <c:pt idx="1113">
                  <c:v>68.38909418435918</c:v>
                </c:pt>
                <c:pt idx="1114">
                  <c:v>68.33934439652738</c:v>
                </c:pt>
                <c:pt idx="1115">
                  <c:v>68.289540415026934</c:v>
                </c:pt>
                <c:pt idx="1116">
                  <c:v>68.23978570049799</c:v>
                </c:pt>
                <c:pt idx="1117">
                  <c:v>68.189981718997544</c:v>
                </c:pt>
                <c:pt idx="1118">
                  <c:v>68.139463366410183</c:v>
                </c:pt>
                <c:pt idx="1119">
                  <c:v>68.090477216636828</c:v>
                </c:pt>
                <c:pt idx="1120">
                  <c:v>68.039909597077951</c:v>
                </c:pt>
                <c:pt idx="1121">
                  <c:v>67.989337050821945</c:v>
                </c:pt>
                <c:pt idx="1122">
                  <c:v>67.941114539106991</c:v>
                </c:pt>
                <c:pt idx="1123">
                  <c:v>67.890541992850956</c:v>
                </c:pt>
                <c:pt idx="1124">
                  <c:v>67.840028566960754</c:v>
                </c:pt>
                <c:pt idx="1125">
                  <c:v>67.791806055245814</c:v>
                </c:pt>
                <c:pt idx="1126">
                  <c:v>67.741233508989794</c:v>
                </c:pt>
                <c:pt idx="1127">
                  <c:v>67.691483721158008</c:v>
                </c:pt>
                <c:pt idx="1128">
                  <c:v>67.643261209443068</c:v>
                </c:pt>
                <c:pt idx="1129">
                  <c:v>67.592688663187033</c:v>
                </c:pt>
                <c:pt idx="1130">
                  <c:v>67.543702513413677</c:v>
                </c:pt>
                <c:pt idx="1131">
                  <c:v>67.493893605216073</c:v>
                </c:pt>
                <c:pt idx="1132">
                  <c:v>67.443380179325871</c:v>
                </c:pt>
                <c:pt idx="1133">
                  <c:v>67.393576197825425</c:v>
                </c:pt>
                <c:pt idx="1134">
                  <c:v>67.342240013510974</c:v>
                </c:pt>
                <c:pt idx="1135">
                  <c:v>67.29401750179602</c:v>
                </c:pt>
                <c:pt idx="1136">
                  <c:v>67.245026425325506</c:v>
                </c:pt>
                <c:pt idx="1137">
                  <c:v>67.194458805766629</c:v>
                </c:pt>
                <c:pt idx="1138">
                  <c:v>67.145472655993274</c:v>
                </c:pt>
                <c:pt idx="1139">
                  <c:v>67.096481579522745</c:v>
                </c:pt>
                <c:pt idx="1140">
                  <c:v>67.046731791690959</c:v>
                </c:pt>
                <c:pt idx="1141">
                  <c:v>66.996922883493369</c:v>
                </c:pt>
                <c:pt idx="1142">
                  <c:v>66.946355263934493</c:v>
                </c:pt>
                <c:pt idx="1143">
                  <c:v>66.898186945888199</c:v>
                </c:pt>
                <c:pt idx="1144">
                  <c:v>66.848378037690622</c:v>
                </c:pt>
                <c:pt idx="1145">
                  <c:v>66.798628249858822</c:v>
                </c:pt>
                <c:pt idx="1146">
                  <c:v>66.751169376202299</c:v>
                </c:pt>
                <c:pt idx="1147">
                  <c:v>66.70217829973177</c:v>
                </c:pt>
                <c:pt idx="1148">
                  <c:v>66.65471942607526</c:v>
                </c:pt>
                <c:pt idx="1149">
                  <c:v>66.60496963824346</c:v>
                </c:pt>
                <c:pt idx="1150">
                  <c:v>66.555924368104286</c:v>
                </c:pt>
                <c:pt idx="1151">
                  <c:v>66.507756050058006</c:v>
                </c:pt>
                <c:pt idx="1152">
                  <c:v>66.459533538343052</c:v>
                </c:pt>
                <c:pt idx="1153">
                  <c:v>66.41206973798937</c:v>
                </c:pt>
                <c:pt idx="1154">
                  <c:v>66.363847226274416</c:v>
                </c:pt>
                <c:pt idx="1155">
                  <c:v>66.313279606715568</c:v>
                </c:pt>
                <c:pt idx="1156">
                  <c:v>66.263524892186609</c:v>
                </c:pt>
                <c:pt idx="1157">
                  <c:v>66.21530238047167</c:v>
                </c:pt>
                <c:pt idx="1158">
                  <c:v>66.1663162306983</c:v>
                </c:pt>
                <c:pt idx="1159">
                  <c:v>66.118852430344617</c:v>
                </c:pt>
                <c:pt idx="1160">
                  <c:v>66.069866280571262</c:v>
                </c:pt>
                <c:pt idx="1161">
                  <c:v>66.020057372373657</c:v>
                </c:pt>
                <c:pt idx="1162">
                  <c:v>65.973416330444223</c:v>
                </c:pt>
                <c:pt idx="1163">
                  <c:v>65.923612348943777</c:v>
                </c:pt>
                <c:pt idx="1164">
                  <c:v>65.874621272473249</c:v>
                </c:pt>
                <c:pt idx="1165">
                  <c:v>65.825635122699879</c:v>
                </c:pt>
                <c:pt idx="1166">
                  <c:v>65.776648972926509</c:v>
                </c:pt>
                <c:pt idx="1167">
                  <c:v>65.729185172572841</c:v>
                </c:pt>
                <c:pt idx="1168">
                  <c:v>65.681780492584977</c:v>
                </c:pt>
                <c:pt idx="1169">
                  <c:v>65.633557980870023</c:v>
                </c:pt>
                <c:pt idx="1170">
                  <c:v>65.585335469155069</c:v>
                </c:pt>
                <c:pt idx="1171">
                  <c:v>65.537108030742985</c:v>
                </c:pt>
                <c:pt idx="1172">
                  <c:v>65.490412795144877</c:v>
                </c:pt>
                <c:pt idx="1173">
                  <c:v>65.442190283429937</c:v>
                </c:pt>
                <c:pt idx="1174">
                  <c:v>65.393962845017825</c:v>
                </c:pt>
                <c:pt idx="1175">
                  <c:v>65.348085441146807</c:v>
                </c:pt>
                <c:pt idx="1176">
                  <c:v>65.299862929431868</c:v>
                </c:pt>
                <c:pt idx="1177">
                  <c:v>65.253221887502406</c:v>
                </c:pt>
                <c:pt idx="1178">
                  <c:v>65.207339556934244</c:v>
                </c:pt>
                <c:pt idx="1179">
                  <c:v>65.158353407160874</c:v>
                </c:pt>
                <c:pt idx="1180">
                  <c:v>65.112421809621182</c:v>
                </c:pt>
                <c:pt idx="1181">
                  <c:v>65.065017129633318</c:v>
                </c:pt>
                <c:pt idx="1182">
                  <c:v>65.01755332927965</c:v>
                </c:pt>
                <c:pt idx="1183">
                  <c:v>64.970912287350203</c:v>
                </c:pt>
                <c:pt idx="1184">
                  <c:v>64.922689775635249</c:v>
                </c:pt>
                <c:pt idx="1185">
                  <c:v>64.875989613339996</c:v>
                </c:pt>
                <c:pt idx="1186">
                  <c:v>64.830875847527395</c:v>
                </c:pt>
                <c:pt idx="1187">
                  <c:v>64.784234805597947</c:v>
                </c:pt>
                <c:pt idx="1188">
                  <c:v>64.73835740172693</c:v>
                </c:pt>
                <c:pt idx="1189">
                  <c:v>64.692479997855898</c:v>
                </c:pt>
                <c:pt idx="1190">
                  <c:v>64.645779835560631</c:v>
                </c:pt>
                <c:pt idx="1191">
                  <c:v>64.599902431689628</c:v>
                </c:pt>
                <c:pt idx="1192">
                  <c:v>64.55244355803309</c:v>
                </c:pt>
                <c:pt idx="1193">
                  <c:v>64.507383985889149</c:v>
                </c:pt>
                <c:pt idx="1194">
                  <c:v>64.460683823593882</c:v>
                </c:pt>
                <c:pt idx="1195">
                  <c:v>64.414806419722865</c:v>
                </c:pt>
                <c:pt idx="1196">
                  <c:v>64.370456291968679</c:v>
                </c:pt>
                <c:pt idx="1197">
                  <c:v>64.323051611980816</c:v>
                </c:pt>
                <c:pt idx="1198">
                  <c:v>64.278701484226644</c:v>
                </c:pt>
                <c:pt idx="1199">
                  <c:v>64.233587718414029</c:v>
                </c:pt>
                <c:pt idx="1200">
                  <c:v>64.186941749787437</c:v>
                </c:pt>
                <c:pt idx="1201">
                  <c:v>64.141827983974835</c:v>
                </c:pt>
                <c:pt idx="1202">
                  <c:v>64.097477856220635</c:v>
                </c:pt>
                <c:pt idx="1203">
                  <c:v>64.052364090408048</c:v>
                </c:pt>
                <c:pt idx="1204">
                  <c:v>64.008831794380953</c:v>
                </c:pt>
                <c:pt idx="1205">
                  <c:v>63.963718028568344</c:v>
                </c:pt>
                <c:pt idx="1206">
                  <c:v>63.918599336058577</c:v>
                </c:pt>
                <c:pt idx="1207">
                  <c:v>63.873485570245975</c:v>
                </c:pt>
                <c:pt idx="1208">
                  <c:v>63.827608166374951</c:v>
                </c:pt>
                <c:pt idx="1209">
                  <c:v>63.782494400562342</c:v>
                </c:pt>
                <c:pt idx="1210">
                  <c:v>63.738962104535247</c:v>
                </c:pt>
                <c:pt idx="1211">
                  <c:v>63.695375614839485</c:v>
                </c:pt>
                <c:pt idx="1212">
                  <c:v>63.651843318812375</c:v>
                </c:pt>
                <c:pt idx="1213">
                  <c:v>63.605960988244213</c:v>
                </c:pt>
                <c:pt idx="1214">
                  <c:v>63.562374498548444</c:v>
                </c:pt>
                <c:pt idx="1215">
                  <c:v>63.518842202521348</c:v>
                </c:pt>
                <c:pt idx="1216">
                  <c:v>63.475255712825572</c:v>
                </c:pt>
                <c:pt idx="1217">
                  <c:v>63.430196140681637</c:v>
                </c:pt>
                <c:pt idx="1218">
                  <c:v>63.385846012927452</c:v>
                </c:pt>
                <c:pt idx="1219">
                  <c:v>63.342313716900357</c:v>
                </c:pt>
                <c:pt idx="1220">
                  <c:v>63.298727227204587</c:v>
                </c:pt>
                <c:pt idx="1221">
                  <c:v>63.255958569235915</c:v>
                </c:pt>
                <c:pt idx="1222">
                  <c:v>63.211603514784578</c:v>
                </c:pt>
                <c:pt idx="1223">
                  <c:v>63.169598494874322</c:v>
                </c:pt>
                <c:pt idx="1224">
                  <c:v>63.126066198847212</c:v>
                </c:pt>
                <c:pt idx="1225">
                  <c:v>63.084061178936956</c:v>
                </c:pt>
                <c:pt idx="1226">
                  <c:v>63.041292520968263</c:v>
                </c:pt>
                <c:pt idx="1227">
                  <c:v>62.998523862999591</c:v>
                </c:pt>
                <c:pt idx="1228">
                  <c:v>62.957282481147736</c:v>
                </c:pt>
                <c:pt idx="1229">
                  <c:v>62.913750185120641</c:v>
                </c:pt>
                <c:pt idx="1230">
                  <c:v>62.871745165210385</c:v>
                </c:pt>
                <c:pt idx="1231">
                  <c:v>62.830503783358544</c:v>
                </c:pt>
                <c:pt idx="1232">
                  <c:v>62.788552957116949</c:v>
                </c:pt>
                <c:pt idx="1233">
                  <c:v>62.746547937206678</c:v>
                </c:pt>
                <c:pt idx="1234">
                  <c:v>62.703779279237999</c:v>
                </c:pt>
                <c:pt idx="1235">
                  <c:v>62.660956427600659</c:v>
                </c:pt>
                <c:pt idx="1236">
                  <c:v>62.620532877475902</c:v>
                </c:pt>
                <c:pt idx="1237">
                  <c:v>62.580109327351138</c:v>
                </c:pt>
                <c:pt idx="1238">
                  <c:v>62.538867945499298</c:v>
                </c:pt>
                <c:pt idx="1239">
                  <c:v>62.496862925589035</c:v>
                </c:pt>
                <c:pt idx="1240">
                  <c:v>62.454857905678772</c:v>
                </c:pt>
                <c:pt idx="1241">
                  <c:v>62.415197993612431</c:v>
                </c:pt>
                <c:pt idx="1242">
                  <c:v>62.372429335643758</c:v>
                </c:pt>
                <c:pt idx="1243">
                  <c:v>62.330424315733495</c:v>
                </c:pt>
                <c:pt idx="1244">
                  <c:v>62.291528041725577</c:v>
                </c:pt>
                <c:pt idx="1245">
                  <c:v>62.251104491600827</c:v>
                </c:pt>
                <c:pt idx="1246">
                  <c:v>62.210680941476063</c:v>
                </c:pt>
                <c:pt idx="1247">
                  <c:v>62.169439559624216</c:v>
                </c:pt>
                <c:pt idx="1248">
                  <c:v>62.129779647557875</c:v>
                </c:pt>
                <c:pt idx="1249">
                  <c:v>62.090119735491541</c:v>
                </c:pt>
                <c:pt idx="1250">
                  <c:v>62.050464750122352</c:v>
                </c:pt>
                <c:pt idx="1251">
                  <c:v>62.009987006328927</c:v>
                </c:pt>
                <c:pt idx="1252">
                  <c:v>61.96956345620417</c:v>
                </c:pt>
                <c:pt idx="1253">
                  <c:v>61.929139906079406</c:v>
                </c:pt>
                <c:pt idx="1254">
                  <c:v>61.891007270129919</c:v>
                </c:pt>
                <c:pt idx="1255">
                  <c:v>61.85134735806357</c:v>
                </c:pt>
                <c:pt idx="1256">
                  <c:v>61.810869614270153</c:v>
                </c:pt>
                <c:pt idx="1257">
                  <c:v>61.771209702203826</c:v>
                </c:pt>
                <c:pt idx="1258">
                  <c:v>61.733131259922992</c:v>
                </c:pt>
                <c:pt idx="1259">
                  <c:v>61.693471347856651</c:v>
                </c:pt>
                <c:pt idx="1260">
                  <c:v>61.654580000545877</c:v>
                </c:pt>
                <c:pt idx="1261">
                  <c:v>61.614920088479543</c:v>
                </c:pt>
                <c:pt idx="1262">
                  <c:v>61.576787452530041</c:v>
                </c:pt>
                <c:pt idx="1263">
                  <c:v>61.5387090102492</c:v>
                </c:pt>
                <c:pt idx="1264">
                  <c:v>61.499812736241289</c:v>
                </c:pt>
                <c:pt idx="1265">
                  <c:v>61.460916462233364</c:v>
                </c:pt>
                <c:pt idx="1266">
                  <c:v>61.423547464342292</c:v>
                </c:pt>
                <c:pt idx="1267">
                  <c:v>61.386237586817025</c:v>
                </c:pt>
                <c:pt idx="1268">
                  <c:v>61.348922782594613</c:v>
                </c:pt>
                <c:pt idx="1269">
                  <c:v>61.310790146645118</c:v>
                </c:pt>
                <c:pt idx="1270">
                  <c:v>61.274238980481108</c:v>
                </c:pt>
                <c:pt idx="1271">
                  <c:v>61.236160538200281</c:v>
                </c:pt>
                <c:pt idx="1272">
                  <c:v>61.198032828947923</c:v>
                </c:pt>
                <c:pt idx="1273">
                  <c:v>61.160718024725512</c:v>
                </c:pt>
                <c:pt idx="1274">
                  <c:v>61.124166858561516</c:v>
                </c:pt>
                <c:pt idx="1275">
                  <c:v>61.08756149872886</c:v>
                </c:pt>
                <c:pt idx="1276">
                  <c:v>61.051010332564864</c:v>
                </c:pt>
                <c:pt idx="1277">
                  <c:v>61.015281924825096</c:v>
                </c:pt>
                <c:pt idx="1278">
                  <c:v>60.979494396719524</c:v>
                </c:pt>
                <c:pt idx="1279">
                  <c:v>60.942943230555528</c:v>
                </c:pt>
                <c:pt idx="1280">
                  <c:v>60.906396991088684</c:v>
                </c:pt>
                <c:pt idx="1281">
                  <c:v>60.870609462983104</c:v>
                </c:pt>
                <c:pt idx="1282">
                  <c:v>60.834058296819109</c:v>
                </c:pt>
                <c:pt idx="1283">
                  <c:v>60.799034406771952</c:v>
                </c:pt>
                <c:pt idx="1284">
                  <c:v>60.764069637090614</c:v>
                </c:pt>
                <c:pt idx="1285">
                  <c:v>60.728282108985042</c:v>
                </c:pt>
                <c:pt idx="1286">
                  <c:v>60.694839688723391</c:v>
                </c:pt>
                <c:pt idx="1287">
                  <c:v>60.659057087314963</c:v>
                </c:pt>
                <c:pt idx="1288">
                  <c:v>60.625614667053306</c:v>
                </c:pt>
                <c:pt idx="1289">
                  <c:v>60.591408608733239</c:v>
                </c:pt>
                <c:pt idx="1290">
                  <c:v>60.55715328344165</c:v>
                </c:pt>
                <c:pt idx="1291">
                  <c:v>60.52371086318</c:v>
                </c:pt>
                <c:pt idx="1292">
                  <c:v>60.489504804859926</c:v>
                </c:pt>
                <c:pt idx="1293">
                  <c:v>60.454485841509928</c:v>
                </c:pt>
                <c:pt idx="1294">
                  <c:v>60.420279783189848</c:v>
                </c:pt>
                <c:pt idx="1295">
                  <c:v>60.386078651566933</c:v>
                </c:pt>
                <c:pt idx="1296">
                  <c:v>60.352636231305269</c:v>
                </c:pt>
                <c:pt idx="1297">
                  <c:v>60.318375979316535</c:v>
                </c:pt>
                <c:pt idx="1298">
                  <c:v>60.284938485752043</c:v>
                </c:pt>
                <c:pt idx="1299">
                  <c:v>60.251496065490386</c:v>
                </c:pt>
                <c:pt idx="1300">
                  <c:v>60.218053645228736</c:v>
                </c:pt>
                <c:pt idx="1301">
                  <c:v>60.18537978972266</c:v>
                </c:pt>
                <c:pt idx="1302">
                  <c:v>60.152755201188079</c:v>
                </c:pt>
                <c:pt idx="1303">
                  <c:v>60.118499875896497</c:v>
                </c:pt>
                <c:pt idx="1304">
                  <c:v>60.086638925420345</c:v>
                </c:pt>
                <c:pt idx="1305">
                  <c:v>60.05320143185584</c:v>
                </c:pt>
                <c:pt idx="1306">
                  <c:v>60.020522649652612</c:v>
                </c:pt>
                <c:pt idx="1307">
                  <c:v>59.988607505507801</c:v>
                </c:pt>
                <c:pt idx="1308">
                  <c:v>59.955987843670378</c:v>
                </c:pt>
                <c:pt idx="1309">
                  <c:v>59.923309061467151</c:v>
                </c:pt>
                <c:pt idx="1310">
                  <c:v>59.890635205961061</c:v>
                </c:pt>
                <c:pt idx="1311">
                  <c:v>59.85872006181625</c:v>
                </c:pt>
                <c:pt idx="1312">
                  <c:v>59.826864038037257</c:v>
                </c:pt>
                <c:pt idx="1313">
                  <c:v>59.794948893892446</c:v>
                </c:pt>
                <c:pt idx="1314">
                  <c:v>59.763092870113447</c:v>
                </c:pt>
                <c:pt idx="1315">
                  <c:v>59.732759195754134</c:v>
                </c:pt>
                <c:pt idx="1316">
                  <c:v>59.701612616364891</c:v>
                </c:pt>
                <c:pt idx="1317">
                  <c:v>59.669751665888739</c:v>
                </c:pt>
                <c:pt idx="1318">
                  <c:v>59.638659280168156</c:v>
                </c:pt>
                <c:pt idx="1319">
                  <c:v>59.606744136023345</c:v>
                </c:pt>
                <c:pt idx="1320">
                  <c:v>59.575651750302761</c:v>
                </c:pt>
                <c:pt idx="1321">
                  <c:v>59.545318075943449</c:v>
                </c:pt>
                <c:pt idx="1322">
                  <c:v>59.514225690222879</c:v>
                </c:pt>
                <c:pt idx="1323">
                  <c:v>59.483074184136477</c:v>
                </c:pt>
                <c:pt idx="1324">
                  <c:v>59.451981798415908</c:v>
                </c:pt>
                <c:pt idx="1325">
                  <c:v>59.420066654271096</c:v>
                </c:pt>
                <c:pt idx="1326">
                  <c:v>59.391319376394442</c:v>
                </c:pt>
                <c:pt idx="1327">
                  <c:v>59.360222063976707</c:v>
                </c:pt>
                <c:pt idx="1328">
                  <c:v>59.329893316314546</c:v>
                </c:pt>
                <c:pt idx="1329">
                  <c:v>59.299559641955241</c:v>
                </c:pt>
                <c:pt idx="1330">
                  <c:v>59.269230894293081</c:v>
                </c:pt>
                <c:pt idx="1331">
                  <c:v>59.240424496050608</c:v>
                </c:pt>
                <c:pt idx="1332">
                  <c:v>59.21009574838844</c:v>
                </c:pt>
                <c:pt idx="1333">
                  <c:v>59.179762074029142</c:v>
                </c:pt>
                <c:pt idx="1334">
                  <c:v>59.151014796152488</c:v>
                </c:pt>
                <c:pt idx="1335">
                  <c:v>59.12068604849032</c:v>
                </c:pt>
                <c:pt idx="1336">
                  <c:v>59.090298180462348</c:v>
                </c:pt>
                <c:pt idx="1337">
                  <c:v>59.061550902585694</c:v>
                </c:pt>
                <c:pt idx="1338">
                  <c:v>59.031980866284812</c:v>
                </c:pt>
                <c:pt idx="1339">
                  <c:v>59.003997226466574</c:v>
                </c:pt>
                <c:pt idx="1340">
                  <c:v>58.973668478804413</c:v>
                </c:pt>
                <c:pt idx="1341">
                  <c:v>58.944862080561947</c:v>
                </c:pt>
                <c:pt idx="1342">
                  <c:v>58.915351164626863</c:v>
                </c:pt>
                <c:pt idx="1343">
                  <c:v>58.886544766384404</c:v>
                </c:pt>
                <c:pt idx="1344">
                  <c:v>58.858561126566151</c:v>
                </c:pt>
                <c:pt idx="1345">
                  <c:v>58.828996016962421</c:v>
                </c:pt>
                <c:pt idx="1346">
                  <c:v>58.799425980661525</c:v>
                </c:pt>
                <c:pt idx="1347">
                  <c:v>58.77067870278487</c:v>
                </c:pt>
                <c:pt idx="1348">
                  <c:v>58.741872304542404</c:v>
                </c:pt>
                <c:pt idx="1349">
                  <c:v>58.713125026665743</c:v>
                </c:pt>
                <c:pt idx="1350">
                  <c:v>58.684323555120429</c:v>
                </c:pt>
                <c:pt idx="1351">
                  <c:v>58.655571350546623</c:v>
                </c:pt>
                <c:pt idx="1352">
                  <c:v>58.627587710728385</c:v>
                </c:pt>
                <c:pt idx="1353">
                  <c:v>58.59878623918307</c:v>
                </c:pt>
                <c:pt idx="1354">
                  <c:v>58.570034034609257</c:v>
                </c:pt>
                <c:pt idx="1355">
                  <c:v>58.542814032849442</c:v>
                </c:pt>
                <c:pt idx="1356">
                  <c:v>58.514771272665399</c:v>
                </c:pt>
                <c:pt idx="1357">
                  <c:v>58.486787632847161</c:v>
                </c:pt>
                <c:pt idx="1358">
                  <c:v>58.458040354970493</c:v>
                </c:pt>
                <c:pt idx="1359">
                  <c:v>58.430815426513526</c:v>
                </c:pt>
                <c:pt idx="1360">
                  <c:v>58.402013954968211</c:v>
                </c:pt>
                <c:pt idx="1361">
                  <c:v>58.375557591266819</c:v>
                </c:pt>
                <c:pt idx="1362">
                  <c:v>58.34604174863459</c:v>
                </c:pt>
                <c:pt idx="1363">
                  <c:v>58.318003915147685</c:v>
                </c:pt>
                <c:pt idx="1364">
                  <c:v>58.29078391338787</c:v>
                </c:pt>
                <c:pt idx="1365">
                  <c:v>58.263558984930903</c:v>
                </c:pt>
                <c:pt idx="1366">
                  <c:v>58.234048068995833</c:v>
                </c:pt>
                <c:pt idx="1367">
                  <c:v>58.208355343352849</c:v>
                </c:pt>
                <c:pt idx="1368">
                  <c:v>58.181130414895883</c:v>
                </c:pt>
                <c:pt idx="1369">
                  <c:v>58.153146775077651</c:v>
                </c:pt>
                <c:pt idx="1370">
                  <c:v>58.124345303532323</c:v>
                </c:pt>
                <c:pt idx="1371">
                  <c:v>58.098701844860862</c:v>
                </c:pt>
                <c:pt idx="1372">
                  <c:v>58.071481843101047</c:v>
                </c:pt>
                <c:pt idx="1373">
                  <c:v>58.044261841341232</c:v>
                </c:pt>
                <c:pt idx="1374">
                  <c:v>58.016278201522994</c:v>
                </c:pt>
                <c:pt idx="1375">
                  <c:v>57.989053273066027</c:v>
                </c:pt>
                <c:pt idx="1376">
                  <c:v>57.962596909364635</c:v>
                </c:pt>
                <c:pt idx="1377">
                  <c:v>57.936140545663243</c:v>
                </c:pt>
                <c:pt idx="1378">
                  <c:v>57.908151979147853</c:v>
                </c:pt>
                <c:pt idx="1379">
                  <c:v>57.88093197738803</c:v>
                </c:pt>
                <c:pt idx="1380">
                  <c:v>57.853711975628215</c:v>
                </c:pt>
                <c:pt idx="1381">
                  <c:v>57.827250685229671</c:v>
                </c:pt>
                <c:pt idx="1382">
                  <c:v>57.800794321528272</c:v>
                </c:pt>
                <c:pt idx="1383">
                  <c:v>57.773574319768464</c:v>
                </c:pt>
                <c:pt idx="1384">
                  <c:v>57.747172149735725</c:v>
                </c:pt>
                <c:pt idx="1385">
                  <c:v>57.720710859337181</c:v>
                </c:pt>
                <c:pt idx="1386">
                  <c:v>57.694254495635782</c:v>
                </c:pt>
                <c:pt idx="1387">
                  <c:v>57.667798131934383</c:v>
                </c:pt>
                <c:pt idx="1388">
                  <c:v>57.641391035204499</c:v>
                </c:pt>
                <c:pt idx="1389">
                  <c:v>57.6149346715031</c:v>
                </c:pt>
                <c:pt idx="1390">
                  <c:v>57.588478307801715</c:v>
                </c:pt>
                <c:pt idx="1391">
                  <c:v>57.562021944100302</c:v>
                </c:pt>
                <c:pt idx="1392">
                  <c:v>57.535614847370425</c:v>
                </c:pt>
                <c:pt idx="1393">
                  <c:v>57.509158483669026</c:v>
                </c:pt>
                <c:pt idx="1394">
                  <c:v>57.482702119967634</c:v>
                </c:pt>
                <c:pt idx="1395">
                  <c:v>57.457063587993325</c:v>
                </c:pt>
                <c:pt idx="1396">
                  <c:v>57.430602297594774</c:v>
                </c:pt>
                <c:pt idx="1397">
                  <c:v>57.404145933893375</c:v>
                </c:pt>
                <c:pt idx="1398">
                  <c:v>57.37774376386065</c:v>
                </c:pt>
                <c:pt idx="1399">
                  <c:v>57.352051038217674</c:v>
                </c:pt>
                <c:pt idx="1400">
                  <c:v>57.326407579546206</c:v>
                </c:pt>
                <c:pt idx="1401">
                  <c:v>57.300714853903237</c:v>
                </c:pt>
                <c:pt idx="1402">
                  <c:v>57.275076321928914</c:v>
                </c:pt>
                <c:pt idx="1403">
                  <c:v>57.248619958227515</c:v>
                </c:pt>
                <c:pt idx="1404">
                  <c:v>57.222158667828971</c:v>
                </c:pt>
                <c:pt idx="1405">
                  <c:v>57.195702304127572</c:v>
                </c:pt>
                <c:pt idx="1406">
                  <c:v>57.170063772153263</c:v>
                </c:pt>
                <c:pt idx="1407">
                  <c:v>57.143607408451871</c:v>
                </c:pt>
                <c:pt idx="1408">
                  <c:v>57.119491225897235</c:v>
                </c:pt>
                <c:pt idx="1409">
                  <c:v>57.09308905586451</c:v>
                </c:pt>
                <c:pt idx="1410">
                  <c:v>57.066632692163111</c:v>
                </c:pt>
                <c:pt idx="1411">
                  <c:v>57.040939966520135</c:v>
                </c:pt>
                <c:pt idx="1412">
                  <c:v>57.015296507848674</c:v>
                </c:pt>
                <c:pt idx="1413">
                  <c:v>56.990421613932774</c:v>
                </c:pt>
                <c:pt idx="1414">
                  <c:v>56.963965250231375</c:v>
                </c:pt>
                <c:pt idx="1415">
                  <c:v>56.938272524588406</c:v>
                </c:pt>
                <c:pt idx="1416">
                  <c:v>56.913392703975362</c:v>
                </c:pt>
                <c:pt idx="1417">
                  <c:v>56.886172702215539</c:v>
                </c:pt>
                <c:pt idx="1418">
                  <c:v>56.861297808299639</c:v>
                </c:pt>
                <c:pt idx="1419">
                  <c:v>56.835605082656677</c:v>
                </c:pt>
                <c:pt idx="1420">
                  <c:v>56.810730188740784</c:v>
                </c:pt>
                <c:pt idx="1421">
                  <c:v>56.785850368127733</c:v>
                </c:pt>
                <c:pt idx="1422">
                  <c:v>56.760975474211833</c:v>
                </c:pt>
                <c:pt idx="1423">
                  <c:v>56.736864218354363</c:v>
                </c:pt>
                <c:pt idx="1424">
                  <c:v>56.710407854652978</c:v>
                </c:pt>
                <c:pt idx="1425">
                  <c:v>56.683946564254434</c:v>
                </c:pt>
                <c:pt idx="1426">
                  <c:v>56.658308032280111</c:v>
                </c:pt>
                <c:pt idx="1427">
                  <c:v>56.632615306637135</c:v>
                </c:pt>
                <c:pt idx="1428">
                  <c:v>56.606213136604396</c:v>
                </c:pt>
                <c:pt idx="1429">
                  <c:v>56.582865518805356</c:v>
                </c:pt>
                <c:pt idx="1430">
                  <c:v>56.554876952289959</c:v>
                </c:pt>
                <c:pt idx="1431">
                  <c:v>56.529184226646983</c:v>
                </c:pt>
                <c:pt idx="1432">
                  <c:v>56.505072970789513</c:v>
                </c:pt>
                <c:pt idx="1433">
                  <c:v>56.478616607088114</c:v>
                </c:pt>
                <c:pt idx="1434">
                  <c:v>56.453736786475076</c:v>
                </c:pt>
                <c:pt idx="1435">
                  <c:v>56.429625530617592</c:v>
                </c:pt>
                <c:pt idx="1436">
                  <c:v>56.404750636701706</c:v>
                </c:pt>
                <c:pt idx="1437">
                  <c:v>56.379875742785813</c:v>
                </c:pt>
                <c:pt idx="1438">
                  <c:v>56.354183017142837</c:v>
                </c:pt>
                <c:pt idx="1439">
                  <c:v>56.329303196529786</c:v>
                </c:pt>
                <c:pt idx="1440">
                  <c:v>56.304428302613893</c:v>
                </c:pt>
                <c:pt idx="1441">
                  <c:v>56.278735576970917</c:v>
                </c:pt>
                <c:pt idx="1442">
                  <c:v>56.254624321113447</c:v>
                </c:pt>
                <c:pt idx="1443">
                  <c:v>56.229749427197561</c:v>
                </c:pt>
                <c:pt idx="1444">
                  <c:v>56.205633244642925</c:v>
                </c:pt>
                <c:pt idx="1445">
                  <c:v>56.181521988785448</c:v>
                </c:pt>
                <c:pt idx="1446">
                  <c:v>56.155883456811139</c:v>
                </c:pt>
                <c:pt idx="1447">
                  <c:v>56.131772200953669</c:v>
                </c:pt>
                <c:pt idx="1448">
                  <c:v>56.106079475310686</c:v>
                </c:pt>
                <c:pt idx="1449">
                  <c:v>56.081199654697649</c:v>
                </c:pt>
                <c:pt idx="1450">
                  <c:v>56.057088398840172</c:v>
                </c:pt>
                <c:pt idx="1451">
                  <c:v>56.031449866865863</c:v>
                </c:pt>
                <c:pt idx="1452">
                  <c:v>56.00575714122288</c:v>
                </c:pt>
                <c:pt idx="1453">
                  <c:v>55.98164588536541</c:v>
                </c:pt>
                <c:pt idx="1454">
                  <c:v>55.956002426693942</c:v>
                </c:pt>
                <c:pt idx="1455">
                  <c:v>55.931127532778056</c:v>
                </c:pt>
                <c:pt idx="1456">
                  <c:v>55.906198445193496</c:v>
                </c:pt>
                <c:pt idx="1457">
                  <c:v>55.881323551277603</c:v>
                </c:pt>
                <c:pt idx="1458">
                  <c:v>55.857212295420133</c:v>
                </c:pt>
                <c:pt idx="1459">
                  <c:v>55.831568836748666</c:v>
                </c:pt>
                <c:pt idx="1460">
                  <c:v>55.807457580891196</c:v>
                </c:pt>
                <c:pt idx="1461">
                  <c:v>55.783346325033712</c:v>
                </c:pt>
                <c:pt idx="1462">
                  <c:v>55.75765359939075</c:v>
                </c:pt>
                <c:pt idx="1463">
                  <c:v>55.733542343533266</c:v>
                </c:pt>
                <c:pt idx="1464">
                  <c:v>55.709431087675796</c:v>
                </c:pt>
                <c:pt idx="1465">
                  <c:v>55.683023990945905</c:v>
                </c:pt>
                <c:pt idx="1466">
                  <c:v>55.659676373146858</c:v>
                </c:pt>
                <c:pt idx="1467">
                  <c:v>55.633983647503875</c:v>
                </c:pt>
                <c:pt idx="1468">
                  <c:v>55.609872391646405</c:v>
                </c:pt>
                <c:pt idx="1469">
                  <c:v>55.584997497730519</c:v>
                </c:pt>
                <c:pt idx="1470">
                  <c:v>55.561644953234307</c:v>
                </c:pt>
                <c:pt idx="1471">
                  <c:v>55.537587891045497</c:v>
                </c:pt>
                <c:pt idx="1472">
                  <c:v>55.512658803460944</c:v>
                </c:pt>
                <c:pt idx="1473">
                  <c:v>55.487020271486628</c:v>
                </c:pt>
                <c:pt idx="1474">
                  <c:v>55.462909015629158</c:v>
                </c:pt>
                <c:pt idx="1475">
                  <c:v>55.440325035888527</c:v>
                </c:pt>
                <c:pt idx="1476">
                  <c:v>55.41468157721706</c:v>
                </c:pt>
                <c:pt idx="1477">
                  <c:v>55.390570321359576</c:v>
                </c:pt>
                <c:pt idx="1478">
                  <c:v>55.36569542744369</c:v>
                </c:pt>
                <c:pt idx="1479">
                  <c:v>55.34158417158622</c:v>
                </c:pt>
                <c:pt idx="1480">
                  <c:v>55.31747291572875</c:v>
                </c:pt>
                <c:pt idx="1481">
                  <c:v>55.293361659871266</c:v>
                </c:pt>
                <c:pt idx="1482">
                  <c:v>55.269245477316645</c:v>
                </c:pt>
                <c:pt idx="1483">
                  <c:v>55.246661497576014</c:v>
                </c:pt>
                <c:pt idx="1484">
                  <c:v>55.216332749913853</c:v>
                </c:pt>
                <c:pt idx="1485">
                  <c:v>55.190694217939544</c:v>
                </c:pt>
                <c:pt idx="1486">
                  <c:v>55.167341673443339</c:v>
                </c:pt>
                <c:pt idx="1487">
                  <c:v>55.152561581990049</c:v>
                </c:pt>
                <c:pt idx="1488">
                  <c:v>55.130031795918065</c:v>
                </c:pt>
                <c:pt idx="1489">
                  <c:v>55.104334143577951</c:v>
                </c:pt>
                <c:pt idx="1490">
                  <c:v>55.081040719447557</c:v>
                </c:pt>
                <c:pt idx="1491">
                  <c:v>55.055347993804581</c:v>
                </c:pt>
                <c:pt idx="1492">
                  <c:v>55.031236737947111</c:v>
                </c:pt>
                <c:pt idx="1493">
                  <c:v>55.007943313816718</c:v>
                </c:pt>
                <c:pt idx="1494">
                  <c:v>54.983014226232157</c:v>
                </c:pt>
                <c:pt idx="1495">
                  <c:v>54.961248078218603</c:v>
                </c:pt>
                <c:pt idx="1496">
                  <c:v>54.936368257605565</c:v>
                </c:pt>
                <c:pt idx="1497">
                  <c:v>54.913020639806504</c:v>
                </c:pt>
                <c:pt idx="1498">
                  <c:v>54.889673022007464</c:v>
                </c:pt>
                <c:pt idx="1499">
                  <c:v>54.86556176614998</c:v>
                </c:pt>
                <c:pt idx="1500">
                  <c:v>54.84303198007801</c:v>
                </c:pt>
                <c:pt idx="1501">
                  <c:v>54.819684362278956</c:v>
                </c:pt>
                <c:pt idx="1502">
                  <c:v>54.796390938148562</c:v>
                </c:pt>
                <c:pt idx="1503">
                  <c:v>54.772279682291092</c:v>
                </c:pt>
                <c:pt idx="1504">
                  <c:v>54.748927137794894</c:v>
                </c:pt>
                <c:pt idx="1505">
                  <c:v>54.726343158054249</c:v>
                </c:pt>
                <c:pt idx="1506">
                  <c:v>54.703813371982292</c:v>
                </c:pt>
                <c:pt idx="1507">
                  <c:v>54.681283585910315</c:v>
                </c:pt>
                <c:pt idx="1508">
                  <c:v>54.658699606169684</c:v>
                </c:pt>
                <c:pt idx="1509">
                  <c:v>54.636169820097713</c:v>
                </c:pt>
                <c:pt idx="1510">
                  <c:v>54.61047709445473</c:v>
                </c:pt>
                <c:pt idx="1511">
                  <c:v>54.58636583859726</c:v>
                </c:pt>
                <c:pt idx="1512">
                  <c:v>54.563067487769722</c:v>
                </c:pt>
                <c:pt idx="1513">
                  <c:v>54.538956231912252</c:v>
                </c:pt>
                <c:pt idx="1514">
                  <c:v>54.517135890230037</c:v>
                </c:pt>
                <c:pt idx="1515">
                  <c:v>54.494606104158066</c:v>
                </c:pt>
                <c:pt idx="1516">
                  <c:v>54.472022124417435</c:v>
                </c:pt>
                <c:pt idx="1517">
                  <c:v>54.448728700287042</c:v>
                </c:pt>
                <c:pt idx="1518">
                  <c:v>54.424617444429558</c:v>
                </c:pt>
                <c:pt idx="1519">
                  <c:v>54.40285129641601</c:v>
                </c:pt>
                <c:pt idx="1520">
                  <c:v>54.379503678616956</c:v>
                </c:pt>
                <c:pt idx="1521">
                  <c:v>54.354623858003919</c:v>
                </c:pt>
                <c:pt idx="1522">
                  <c:v>54.332803516321704</c:v>
                </c:pt>
                <c:pt idx="1523">
                  <c:v>54.310273730249733</c:v>
                </c:pt>
                <c:pt idx="1524">
                  <c:v>54.286162474392263</c:v>
                </c:pt>
                <c:pt idx="1525">
                  <c:v>54.262814856593202</c:v>
                </c:pt>
                <c:pt idx="1526">
                  <c:v>54.241048708579655</c:v>
                </c:pt>
                <c:pt idx="1527">
                  <c:v>54.2192825605661</c:v>
                </c:pt>
                <c:pt idx="1528">
                  <c:v>54.19517130470863</c:v>
                </c:pt>
                <c:pt idx="1529">
                  <c:v>54.173405156695082</c:v>
                </c:pt>
                <c:pt idx="1530">
                  <c:v>54.150057538896029</c:v>
                </c:pt>
                <c:pt idx="1531">
                  <c:v>54.1259413563414</c:v>
                </c:pt>
                <c:pt idx="1532">
                  <c:v>54.102593738542346</c:v>
                </c:pt>
                <c:pt idx="1533">
                  <c:v>54.080063952470375</c:v>
                </c:pt>
                <c:pt idx="1534">
                  <c:v>54.057479972729745</c:v>
                </c:pt>
                <c:pt idx="1535">
                  <c:v>54.03571382471619</c:v>
                </c:pt>
                <c:pt idx="1536">
                  <c:v>54.013947676702642</c:v>
                </c:pt>
                <c:pt idx="1537">
                  <c:v>53.989836420845165</c:v>
                </c:pt>
                <c:pt idx="1538">
                  <c:v>53.967306634773195</c:v>
                </c:pt>
                <c:pt idx="1539">
                  <c:v>53.944722655032557</c:v>
                </c:pt>
                <c:pt idx="1540">
                  <c:v>53.921375037233517</c:v>
                </c:pt>
                <c:pt idx="1541">
                  <c:v>53.898840324464388</c:v>
                </c:pt>
                <c:pt idx="1542">
                  <c:v>53.876310538392424</c:v>
                </c:pt>
                <c:pt idx="1543">
                  <c:v>53.853726558651779</c:v>
                </c:pt>
                <c:pt idx="1544">
                  <c:v>53.831960410638239</c:v>
                </c:pt>
                <c:pt idx="1545">
                  <c:v>53.810194262624684</c:v>
                </c:pt>
                <c:pt idx="1546">
                  <c:v>53.789191752669559</c:v>
                </c:pt>
                <c:pt idx="1547">
                  <c:v>53.765844134870498</c:v>
                </c:pt>
                <c:pt idx="1548">
                  <c:v>53.743314348798528</c:v>
                </c:pt>
                <c:pt idx="1549">
                  <c:v>53.719966730999474</c:v>
                </c:pt>
                <c:pt idx="1550">
                  <c:v>53.697382751258843</c:v>
                </c:pt>
                <c:pt idx="1551">
                  <c:v>53.675616603245288</c:v>
                </c:pt>
                <c:pt idx="1552">
                  <c:v>53.653850455231748</c:v>
                </c:pt>
                <c:pt idx="1553">
                  <c:v>53.632084307218179</c:v>
                </c:pt>
                <c:pt idx="1554">
                  <c:v>53.610318159204638</c:v>
                </c:pt>
                <c:pt idx="1555">
                  <c:v>53.587729252766849</c:v>
                </c:pt>
                <c:pt idx="1556">
                  <c:v>53.565199466694885</c:v>
                </c:pt>
                <c:pt idx="1557">
                  <c:v>53.544196956739761</c:v>
                </c:pt>
                <c:pt idx="1558">
                  <c:v>53.521612976999116</c:v>
                </c:pt>
                <c:pt idx="1559">
                  <c:v>53.499846828985568</c:v>
                </c:pt>
                <c:pt idx="1560">
                  <c:v>53.47731704291359</c:v>
                </c:pt>
                <c:pt idx="1561">
                  <c:v>53.457078171016889</c:v>
                </c:pt>
                <c:pt idx="1562">
                  <c:v>53.435312023003334</c:v>
                </c:pt>
                <c:pt idx="1563">
                  <c:v>53.413545874989794</c:v>
                </c:pt>
                <c:pt idx="1564">
                  <c:v>53.391725533307579</c:v>
                </c:pt>
                <c:pt idx="1565">
                  <c:v>53.369195747235608</c:v>
                </c:pt>
                <c:pt idx="1566">
                  <c:v>53.34666596116363</c:v>
                </c:pt>
                <c:pt idx="1567">
                  <c:v>53.326427089266929</c:v>
                </c:pt>
                <c:pt idx="1568">
                  <c:v>53.303843109526298</c:v>
                </c:pt>
                <c:pt idx="1569">
                  <c:v>53.283658431298242</c:v>
                </c:pt>
                <c:pt idx="1570">
                  <c:v>53.261892283284688</c:v>
                </c:pt>
                <c:pt idx="1571">
                  <c:v>53.240071941602473</c:v>
                </c:pt>
                <c:pt idx="1572">
                  <c:v>53.218305793588932</c:v>
                </c:pt>
                <c:pt idx="1573">
                  <c:v>53.197303283633794</c:v>
                </c:pt>
                <c:pt idx="1574">
                  <c:v>53.175537135620246</c:v>
                </c:pt>
                <c:pt idx="1575">
                  <c:v>53.153007349548282</c:v>
                </c:pt>
                <c:pt idx="1576">
                  <c:v>53.130418443110486</c:v>
                </c:pt>
                <c:pt idx="1577">
                  <c:v>53.109415933155361</c:v>
                </c:pt>
                <c:pt idx="1578">
                  <c:v>53.086886147083383</c:v>
                </c:pt>
                <c:pt idx="1579">
                  <c:v>53.065883637128259</c:v>
                </c:pt>
                <c:pt idx="1580">
                  <c:v>53.047231161714201</c:v>
                </c:pt>
                <c:pt idx="1581">
                  <c:v>53.024642255276419</c:v>
                </c:pt>
                <c:pt idx="1582">
                  <c:v>53.00363974532128</c:v>
                </c:pt>
                <c:pt idx="1583">
                  <c:v>52.982637235366148</c:v>
                </c:pt>
                <c:pt idx="1584">
                  <c:v>52.960871087352608</c:v>
                </c:pt>
                <c:pt idx="1585">
                  <c:v>52.939868577397469</c:v>
                </c:pt>
                <c:pt idx="1586">
                  <c:v>52.918102429383929</c:v>
                </c:pt>
                <c:pt idx="1587">
                  <c:v>52.897099919428783</c:v>
                </c:pt>
                <c:pt idx="1588">
                  <c:v>52.876097409473658</c:v>
                </c:pt>
                <c:pt idx="1589">
                  <c:v>52.855858537576957</c:v>
                </c:pt>
                <c:pt idx="1590">
                  <c:v>52.834856027621818</c:v>
                </c:pt>
                <c:pt idx="1591">
                  <c:v>52.81308987960827</c:v>
                </c:pt>
                <c:pt idx="1592">
                  <c:v>52.791323731594723</c:v>
                </c:pt>
                <c:pt idx="1593">
                  <c:v>52.769557583581168</c:v>
                </c:pt>
                <c:pt idx="1594">
                  <c:v>52.749318711684452</c:v>
                </c:pt>
                <c:pt idx="1595">
                  <c:v>52.728316201729335</c:v>
                </c:pt>
                <c:pt idx="1596">
                  <c:v>52.708895161559695</c:v>
                </c:pt>
                <c:pt idx="1597">
                  <c:v>52.687129013546155</c:v>
                </c:pt>
                <c:pt idx="1598">
                  <c:v>52.666126503591016</c:v>
                </c:pt>
                <c:pt idx="1599">
                  <c:v>52.645887631694315</c:v>
                </c:pt>
                <c:pt idx="1600">
                  <c:v>52.624885121739176</c:v>
                </c:pt>
                <c:pt idx="1601">
                  <c:v>52.605464081569551</c:v>
                </c:pt>
                <c:pt idx="1602">
                  <c:v>52.584461571614419</c:v>
                </c:pt>
                <c:pt idx="1603">
                  <c:v>52.563459061659294</c:v>
                </c:pt>
                <c:pt idx="1604">
                  <c:v>52.543220189762579</c:v>
                </c:pt>
                <c:pt idx="1605">
                  <c:v>52.522981317865863</c:v>
                </c:pt>
                <c:pt idx="1606">
                  <c:v>52.502796639637815</c:v>
                </c:pt>
                <c:pt idx="1607">
                  <c:v>52.481030491624267</c:v>
                </c:pt>
                <c:pt idx="1608">
                  <c:v>52.460027981669143</c:v>
                </c:pt>
                <c:pt idx="1609">
                  <c:v>52.439789109772427</c:v>
                </c:pt>
                <c:pt idx="1610">
                  <c:v>52.419550237875711</c:v>
                </c:pt>
                <c:pt idx="1611">
                  <c:v>52.400892835764516</c:v>
                </c:pt>
                <c:pt idx="1612">
                  <c:v>52.382240360350458</c:v>
                </c:pt>
                <c:pt idx="1613">
                  <c:v>52.360469285639752</c:v>
                </c:pt>
                <c:pt idx="1614">
                  <c:v>52.341816810225694</c:v>
                </c:pt>
                <c:pt idx="1615">
                  <c:v>52.322341576387402</c:v>
                </c:pt>
                <c:pt idx="1616">
                  <c:v>52.301339066432263</c:v>
                </c:pt>
                <c:pt idx="1617">
                  <c:v>52.281100194535568</c:v>
                </c:pt>
                <c:pt idx="1618">
                  <c:v>52.260151878249097</c:v>
                </c:pt>
                <c:pt idx="1619">
                  <c:v>52.242258114196311</c:v>
                </c:pt>
                <c:pt idx="1620">
                  <c:v>52.221255604241172</c:v>
                </c:pt>
                <c:pt idx="1621">
                  <c:v>52.199435262558957</c:v>
                </c:pt>
                <c:pt idx="1622">
                  <c:v>52.180777860447755</c:v>
                </c:pt>
                <c:pt idx="1623">
                  <c:v>52.162120458336545</c:v>
                </c:pt>
                <c:pt idx="1624">
                  <c:v>52.14269941816692</c:v>
                </c:pt>
                <c:pt idx="1625">
                  <c:v>52.124042016055711</c:v>
                </c:pt>
                <c:pt idx="1626">
                  <c:v>52.103803144158995</c:v>
                </c:pt>
                <c:pt idx="1627">
                  <c:v>52.08432791032071</c:v>
                </c:pt>
                <c:pt idx="1628">
                  <c:v>52.064143232092654</c:v>
                </c:pt>
                <c:pt idx="1629">
                  <c:v>52.04314072213753</c:v>
                </c:pt>
                <c:pt idx="1630">
                  <c:v>52.023665488299244</c:v>
                </c:pt>
                <c:pt idx="1631">
                  <c:v>52.003480810071189</c:v>
                </c:pt>
                <c:pt idx="1632">
                  <c:v>51.984823407959986</c:v>
                </c:pt>
                <c:pt idx="1633">
                  <c:v>51.964584536063271</c:v>
                </c:pt>
                <c:pt idx="1634">
                  <c:v>51.944345664166562</c:v>
                </c:pt>
                <c:pt idx="1635">
                  <c:v>51.92410679226986</c:v>
                </c:pt>
                <c:pt idx="1636">
                  <c:v>51.906272148582879</c:v>
                </c:pt>
                <c:pt idx="1637">
                  <c:v>51.886796914744586</c:v>
                </c:pt>
                <c:pt idx="1638">
                  <c:v>51.867375874574954</c:v>
                </c:pt>
                <c:pt idx="1639">
                  <c:v>51.848718472463752</c:v>
                </c:pt>
                <c:pt idx="1640">
                  <c:v>51.829243238625466</c:v>
                </c:pt>
                <c:pt idx="1641">
                  <c:v>51.811349474572665</c:v>
                </c:pt>
                <c:pt idx="1642">
                  <c:v>51.791928434403047</c:v>
                </c:pt>
                <c:pt idx="1643">
                  <c:v>51.773271032291831</c:v>
                </c:pt>
                <c:pt idx="1644">
                  <c:v>51.755377268239052</c:v>
                </c:pt>
                <c:pt idx="1645">
                  <c:v>51.736719866127835</c:v>
                </c:pt>
                <c:pt idx="1646">
                  <c:v>51.717249558986701</c:v>
                </c:pt>
                <c:pt idx="1647">
                  <c:v>51.699355794933915</c:v>
                </c:pt>
                <c:pt idx="1648">
                  <c:v>51.681462030881121</c:v>
                </c:pt>
                <c:pt idx="1649">
                  <c:v>51.662804628769919</c:v>
                </c:pt>
                <c:pt idx="1650">
                  <c:v>51.642565756873211</c:v>
                </c:pt>
                <c:pt idx="1651">
                  <c:v>51.623144716703585</c:v>
                </c:pt>
                <c:pt idx="1652">
                  <c:v>51.606014590709215</c:v>
                </c:pt>
                <c:pt idx="1653">
                  <c:v>51.587357188597998</c:v>
                </c:pt>
                <c:pt idx="1654">
                  <c:v>51.568699786486796</c:v>
                </c:pt>
                <c:pt idx="1655">
                  <c:v>51.550042384375587</c:v>
                </c:pt>
                <c:pt idx="1656">
                  <c:v>51.531389908961529</c:v>
                </c:pt>
                <c:pt idx="1657">
                  <c:v>51.51273250685032</c:v>
                </c:pt>
                <c:pt idx="1658">
                  <c:v>51.494020911070457</c:v>
                </c:pt>
                <c:pt idx="1659">
                  <c:v>51.476127147017664</c:v>
                </c:pt>
                <c:pt idx="1660">
                  <c:v>51.459814852750377</c:v>
                </c:pt>
                <c:pt idx="1661">
                  <c:v>51.441157450639167</c:v>
                </c:pt>
                <c:pt idx="1662">
                  <c:v>51.421682216800882</c:v>
                </c:pt>
                <c:pt idx="1663">
                  <c:v>51.403842646416756</c:v>
                </c:pt>
                <c:pt idx="1664">
                  <c:v>51.385953809061114</c:v>
                </c:pt>
                <c:pt idx="1665">
                  <c:v>51.369587321125181</c:v>
                </c:pt>
                <c:pt idx="1666">
                  <c:v>51.349402642897125</c:v>
                </c:pt>
                <c:pt idx="1667">
                  <c:v>51.330691047117256</c:v>
                </c:pt>
                <c:pt idx="1668">
                  <c:v>51.313615114791546</c:v>
                </c:pt>
                <c:pt idx="1669">
                  <c:v>51.29495771268035</c:v>
                </c:pt>
                <c:pt idx="1670">
                  <c:v>51.27782758668598</c:v>
                </c:pt>
                <c:pt idx="1671">
                  <c:v>51.259175111271922</c:v>
                </c:pt>
                <c:pt idx="1672">
                  <c:v>51.242808623335975</c:v>
                </c:pt>
                <c:pt idx="1673">
                  <c:v>51.224914859283189</c:v>
                </c:pt>
                <c:pt idx="1674">
                  <c:v>51.207838926957479</c:v>
                </c:pt>
                <c:pt idx="1675">
                  <c:v>51.189181524846269</c:v>
                </c:pt>
                <c:pt idx="1676">
                  <c:v>51.172051398851899</c:v>
                </c:pt>
                <c:pt idx="1677">
                  <c:v>51.154157634799112</c:v>
                </c:pt>
                <c:pt idx="1678">
                  <c:v>51.137032435501894</c:v>
                </c:pt>
                <c:pt idx="1679">
                  <c:v>51.119956503176191</c:v>
                </c:pt>
                <c:pt idx="1680">
                  <c:v>51.102062739123404</c:v>
                </c:pt>
                <c:pt idx="1681">
                  <c:v>51.084932613129034</c:v>
                </c:pt>
                <c:pt idx="1682">
                  <c:v>51.066275211017818</c:v>
                </c:pt>
                <c:pt idx="1683">
                  <c:v>51.049962916750538</c:v>
                </c:pt>
                <c:pt idx="1684">
                  <c:v>51.032837717453319</c:v>
                </c:pt>
                <c:pt idx="1685">
                  <c:v>51.015707591458963</c:v>
                </c:pt>
                <c:pt idx="1686">
                  <c:v>50.997813827406176</c:v>
                </c:pt>
                <c:pt idx="1687">
                  <c:v>50.980737895080466</c:v>
                </c:pt>
                <c:pt idx="1688">
                  <c:v>50.963607769086096</c:v>
                </c:pt>
                <c:pt idx="1689">
                  <c:v>50.946477643091725</c:v>
                </c:pt>
                <c:pt idx="1690">
                  <c:v>50.930933913580013</c:v>
                </c:pt>
                <c:pt idx="1691">
                  <c:v>50.913857981254303</c:v>
                </c:pt>
                <c:pt idx="1692">
                  <c:v>50.898309325045446</c:v>
                </c:pt>
                <c:pt idx="1693">
                  <c:v>50.88041556099266</c:v>
                </c:pt>
                <c:pt idx="1694">
                  <c:v>50.863285434998289</c:v>
                </c:pt>
                <c:pt idx="1695">
                  <c:v>50.84616023570107</c:v>
                </c:pt>
                <c:pt idx="1696">
                  <c:v>50.829084303375367</c:v>
                </c:pt>
                <c:pt idx="1697">
                  <c:v>50.811954177381004</c:v>
                </c:pt>
                <c:pt idx="1698">
                  <c:v>50.79564188311371</c:v>
                </c:pt>
                <c:pt idx="1699">
                  <c:v>50.780039033236193</c:v>
                </c:pt>
                <c:pt idx="1700">
                  <c:v>50.762968027607634</c:v>
                </c:pt>
                <c:pt idx="1701">
                  <c:v>50.74741937139877</c:v>
                </c:pt>
                <c:pt idx="1702">
                  <c:v>50.731052883462823</c:v>
                </c:pt>
                <c:pt idx="1703">
                  <c:v>50.714740589195543</c:v>
                </c:pt>
                <c:pt idx="1704">
                  <c:v>50.698374101259589</c:v>
                </c:pt>
                <c:pt idx="1705">
                  <c:v>50.682830371747869</c:v>
                </c:pt>
                <c:pt idx="1706">
                  <c:v>50.666518077480589</c:v>
                </c:pt>
                <c:pt idx="1707">
                  <c:v>50.650969421271718</c:v>
                </c:pt>
                <c:pt idx="1708">
                  <c:v>50.635425691760005</c:v>
                </c:pt>
                <c:pt idx="1709">
                  <c:v>50.619877035551134</c:v>
                </c:pt>
                <c:pt idx="1710">
                  <c:v>50.604274185673617</c:v>
                </c:pt>
                <c:pt idx="1711">
                  <c:v>50.587961891406323</c:v>
                </c:pt>
                <c:pt idx="1712">
                  <c:v>50.572413235197466</c:v>
                </c:pt>
                <c:pt idx="1713">
                  <c:v>50.556869505685754</c:v>
                </c:pt>
                <c:pt idx="1714">
                  <c:v>50.542084487535313</c:v>
                </c:pt>
                <c:pt idx="1715">
                  <c:v>50.526535831326441</c:v>
                </c:pt>
                <c:pt idx="1716">
                  <c:v>50.510992101814729</c:v>
                </c:pt>
                <c:pt idx="1717">
                  <c:v>50.495389251937198</c:v>
                </c:pt>
                <c:pt idx="1718">
                  <c:v>50.480658427455417</c:v>
                </c:pt>
                <c:pt idx="1719">
                  <c:v>50.465055577577886</c:v>
                </c:pt>
                <c:pt idx="1720">
                  <c:v>50.450275486124596</c:v>
                </c:pt>
                <c:pt idx="1721">
                  <c:v>50.435544661642815</c:v>
                </c:pt>
                <c:pt idx="1722">
                  <c:v>50.420759643492367</c:v>
                </c:pt>
                <c:pt idx="1723">
                  <c:v>50.405974625341926</c:v>
                </c:pt>
                <c:pt idx="1724">
                  <c:v>50.39119453388863</c:v>
                </c:pt>
                <c:pt idx="1725">
                  <c:v>50.376409515738189</c:v>
                </c:pt>
                <c:pt idx="1726">
                  <c:v>50.361624497587734</c:v>
                </c:pt>
                <c:pt idx="1727">
                  <c:v>50.346844406134444</c:v>
                </c:pt>
                <c:pt idx="1728">
                  <c:v>50.332059387984003</c:v>
                </c:pt>
                <c:pt idx="1729">
                  <c:v>50.317328563502215</c:v>
                </c:pt>
                <c:pt idx="1730">
                  <c:v>50.302548472048926</c:v>
                </c:pt>
                <c:pt idx="1731">
                  <c:v>50.287763453898478</c:v>
                </c:pt>
                <c:pt idx="1732">
                  <c:v>50.273742073806453</c:v>
                </c:pt>
                <c:pt idx="1733">
                  <c:v>50.258957055656012</c:v>
                </c:pt>
                <c:pt idx="1734">
                  <c:v>50.244994795929799</c:v>
                </c:pt>
                <c:pt idx="1735">
                  <c:v>50.230209777779351</c:v>
                </c:pt>
                <c:pt idx="1736">
                  <c:v>50.216188397687326</c:v>
                </c:pt>
                <c:pt idx="1737">
                  <c:v>50.202226137961112</c:v>
                </c:pt>
                <c:pt idx="1738">
                  <c:v>50.187441119810671</c:v>
                </c:pt>
                <c:pt idx="1739">
                  <c:v>50.174183377777062</c:v>
                </c:pt>
                <c:pt idx="1740">
                  <c:v>50.159403286323773</c:v>
                </c:pt>
                <c:pt idx="1741">
                  <c:v>50.146199737958824</c:v>
                </c:pt>
                <c:pt idx="1742">
                  <c:v>50.133759827652305</c:v>
                </c:pt>
                <c:pt idx="1743">
                  <c:v>50.119743374257432</c:v>
                </c:pt>
                <c:pt idx="1744">
                  <c:v>50.106539825892497</c:v>
                </c:pt>
                <c:pt idx="1745">
                  <c:v>50.092518445800472</c:v>
                </c:pt>
                <c:pt idx="1746">
                  <c:v>50.078556186074259</c:v>
                </c:pt>
                <c:pt idx="1747">
                  <c:v>50.06529844404065</c:v>
                </c:pt>
                <c:pt idx="1748">
                  <c:v>50.052094895675708</c:v>
                </c:pt>
                <c:pt idx="1749">
                  <c:v>50.038896274007911</c:v>
                </c:pt>
                <c:pt idx="1750">
                  <c:v>50.025638531974309</c:v>
                </c:pt>
                <c:pt idx="1751">
                  <c:v>50.012439910306519</c:v>
                </c:pt>
                <c:pt idx="1752">
                  <c:v>50</c:v>
                </c:pt>
                <c:pt idx="1753">
                  <c:v>49.986742257966391</c:v>
                </c:pt>
                <c:pt idx="1754">
                  <c:v>49.972779998240178</c:v>
                </c:pt>
                <c:pt idx="1755">
                  <c:v>49.960340087933652</c:v>
                </c:pt>
                <c:pt idx="1756">
                  <c:v>49.94708234590005</c:v>
                </c:pt>
                <c:pt idx="1757">
                  <c:v>49.93388372423226</c:v>
                </c:pt>
                <c:pt idx="1758">
                  <c:v>49.920625982198658</c:v>
                </c:pt>
                <c:pt idx="1759">
                  <c:v>49.907422433833716</c:v>
                </c:pt>
                <c:pt idx="1760">
                  <c:v>49.894223812165919</c:v>
                </c:pt>
                <c:pt idx="1761">
                  <c:v>49.8817839018594</c:v>
                </c:pt>
                <c:pt idx="1762">
                  <c:v>49.869348918250033</c:v>
                </c:pt>
                <c:pt idx="1763">
                  <c:v>49.857672646001923</c:v>
                </c:pt>
                <c:pt idx="1764">
                  <c:v>49.845237662392556</c:v>
                </c:pt>
                <c:pt idx="1765">
                  <c:v>49.831979920358954</c:v>
                </c:pt>
                <c:pt idx="1766">
                  <c:v>49.820303648110851</c:v>
                </c:pt>
                <c:pt idx="1767">
                  <c:v>49.807105026443061</c:v>
                </c:pt>
                <c:pt idx="1768">
                  <c:v>49.794665116136535</c:v>
                </c:pt>
                <c:pt idx="1769">
                  <c:v>49.782225205830009</c:v>
                </c:pt>
                <c:pt idx="1770">
                  <c:v>49.770553860279058</c:v>
                </c:pt>
                <c:pt idx="1771">
                  <c:v>49.758113949972547</c:v>
                </c:pt>
                <c:pt idx="1772">
                  <c:v>49.745678966363165</c:v>
                </c:pt>
                <c:pt idx="1773">
                  <c:v>49.733239056056647</c:v>
                </c:pt>
                <c:pt idx="1774">
                  <c:v>49.720744952081468</c:v>
                </c:pt>
                <c:pt idx="1775">
                  <c:v>49.70912780019917</c:v>
                </c:pt>
                <c:pt idx="1776">
                  <c:v>49.696633696223991</c:v>
                </c:pt>
                <c:pt idx="1777">
                  <c:v>49.685016544341707</c:v>
                </c:pt>
                <c:pt idx="1778">
                  <c:v>49.673340272093597</c:v>
                </c:pt>
                <c:pt idx="1779">
                  <c:v>49.661668926542646</c:v>
                </c:pt>
                <c:pt idx="1780">
                  <c:v>49.649992654294543</c:v>
                </c:pt>
                <c:pt idx="1781">
                  <c:v>49.638321308743592</c:v>
                </c:pt>
                <c:pt idx="1782">
                  <c:v>49.626645036495496</c:v>
                </c:pt>
                <c:pt idx="1783">
                  <c:v>49.614968764247386</c:v>
                </c:pt>
                <c:pt idx="1784">
                  <c:v>49.603351612365103</c:v>
                </c:pt>
                <c:pt idx="1785">
                  <c:v>49.590857508389917</c:v>
                </c:pt>
                <c:pt idx="1786">
                  <c:v>49.580003994566049</c:v>
                </c:pt>
                <c:pt idx="1787">
                  <c:v>49.568327722317946</c:v>
                </c:pt>
                <c:pt idx="1788">
                  <c:v>49.556656376766995</c:v>
                </c:pt>
                <c:pt idx="1789">
                  <c:v>49.544980104518892</c:v>
                </c:pt>
                <c:pt idx="1790">
                  <c:v>49.534126590695024</c:v>
                </c:pt>
                <c:pt idx="1791">
                  <c:v>49.522450318446921</c:v>
                </c:pt>
                <c:pt idx="1792">
                  <c:v>49.511537684257235</c:v>
                </c:pt>
                <c:pt idx="1793">
                  <c:v>49.500684170433367</c:v>
                </c:pt>
                <c:pt idx="1794">
                  <c:v>49.489007898185271</c:v>
                </c:pt>
                <c:pt idx="1795">
                  <c:v>49.478100190692736</c:v>
                </c:pt>
                <c:pt idx="1796">
                  <c:v>49.467241750171716</c:v>
                </c:pt>
                <c:pt idx="1797">
                  <c:v>49.455570404620765</c:v>
                </c:pt>
                <c:pt idx="1798">
                  <c:v>49.444657770431085</c:v>
                </c:pt>
                <c:pt idx="1799">
                  <c:v>49.433804256607218</c:v>
                </c:pt>
                <c:pt idx="1800">
                  <c:v>49.422891622417538</c:v>
                </c:pt>
                <c:pt idx="1801">
                  <c:v>49.411983914925003</c:v>
                </c:pt>
                <c:pt idx="1802">
                  <c:v>49.401125474403983</c:v>
                </c:pt>
                <c:pt idx="1803">
                  <c:v>49.390217766911455</c:v>
                </c:pt>
                <c:pt idx="1804">
                  <c:v>49.379359326390436</c:v>
                </c:pt>
                <c:pt idx="1805">
                  <c:v>49.3684516188979</c:v>
                </c:pt>
                <c:pt idx="1806">
                  <c:v>49.357538984708221</c:v>
                </c:pt>
                <c:pt idx="1807">
                  <c:v>49.346685470884353</c:v>
                </c:pt>
                <c:pt idx="1808">
                  <c:v>49.335772836694673</c:v>
                </c:pt>
                <c:pt idx="1809">
                  <c:v>49.324914396173646</c:v>
                </c:pt>
                <c:pt idx="1810">
                  <c:v>49.314006688681118</c:v>
                </c:pt>
                <c:pt idx="1811">
                  <c:v>49.303911886218522</c:v>
                </c:pt>
                <c:pt idx="1812">
                  <c:v>49.293004178725987</c:v>
                </c:pt>
                <c:pt idx="1813">
                  <c:v>49.282909376263383</c:v>
                </c:pt>
                <c:pt idx="1814">
                  <c:v>49.272001668770855</c:v>
                </c:pt>
                <c:pt idx="1815">
                  <c:v>49.261906866308259</c:v>
                </c:pt>
                <c:pt idx="1816">
                  <c:v>49.251762796874146</c:v>
                </c:pt>
                <c:pt idx="1817">
                  <c:v>49.24166799441155</c:v>
                </c:pt>
                <c:pt idx="1818">
                  <c:v>49.231578118646091</c:v>
                </c:pt>
                <c:pt idx="1819">
                  <c:v>49.220665484456418</c:v>
                </c:pt>
                <c:pt idx="1820">
                  <c:v>49.209811970632543</c:v>
                </c:pt>
                <c:pt idx="1821">
                  <c:v>49.19966297450128</c:v>
                </c:pt>
                <c:pt idx="1822">
                  <c:v>49.189573098735835</c:v>
                </c:pt>
                <c:pt idx="1823">
                  <c:v>49.179478296273238</c:v>
                </c:pt>
                <c:pt idx="1824">
                  <c:v>49.169334226839126</c:v>
                </c:pt>
                <c:pt idx="1825">
                  <c:v>49.158475786318107</c:v>
                </c:pt>
                <c:pt idx="1826">
                  <c:v>49.148331716883987</c:v>
                </c:pt>
                <c:pt idx="1827">
                  <c:v>49.138236914421391</c:v>
                </c:pt>
                <c:pt idx="1828">
                  <c:v>49.128147038655946</c:v>
                </c:pt>
                <c:pt idx="1829">
                  <c:v>49.117998042524682</c:v>
                </c:pt>
                <c:pt idx="1830">
                  <c:v>49.108671804817661</c:v>
                </c:pt>
                <c:pt idx="1831">
                  <c:v>49.098581929052209</c:v>
                </c:pt>
                <c:pt idx="1832">
                  <c:v>49.088432932920945</c:v>
                </c:pt>
                <c:pt idx="1833">
                  <c:v>49.079106695213923</c:v>
                </c:pt>
                <c:pt idx="1834">
                  <c:v>49.068248254692897</c:v>
                </c:pt>
                <c:pt idx="1835">
                  <c:v>49.058104185258784</c:v>
                </c:pt>
                <c:pt idx="1836">
                  <c:v>49.048009382796181</c:v>
                </c:pt>
                <c:pt idx="1837">
                  <c:v>49.03715586897232</c:v>
                </c:pt>
                <c:pt idx="1838">
                  <c:v>49.028588342626556</c:v>
                </c:pt>
                <c:pt idx="1839">
                  <c:v>49.018444273192451</c:v>
                </c:pt>
                <c:pt idx="1840">
                  <c:v>49.008349470729854</c:v>
                </c:pt>
                <c:pt idx="1841">
                  <c:v>48.999023233022818</c:v>
                </c:pt>
                <c:pt idx="1842">
                  <c:v>48.989692068618638</c:v>
                </c:pt>
                <c:pt idx="1843">
                  <c:v>48.981129468970039</c:v>
                </c:pt>
                <c:pt idx="1844">
                  <c:v>48.971034666507443</c:v>
                </c:pt>
                <c:pt idx="1845">
                  <c:v>48.961708428800407</c:v>
                </c:pt>
                <c:pt idx="1846">
                  <c:v>48.952382191093385</c:v>
                </c:pt>
                <c:pt idx="1847">
                  <c:v>48.942233194962121</c:v>
                </c:pt>
                <c:pt idx="1848">
                  <c:v>48.933670595313501</c:v>
                </c:pt>
                <c:pt idx="1849">
                  <c:v>48.922812154792489</c:v>
                </c:pt>
                <c:pt idx="1850">
                  <c:v>48.913485917085453</c:v>
                </c:pt>
                <c:pt idx="1851">
                  <c:v>48.903336920954189</c:v>
                </c:pt>
                <c:pt idx="1852">
                  <c:v>48.893247045188758</c:v>
                </c:pt>
                <c:pt idx="1853">
                  <c:v>48.883915880784571</c:v>
                </c:pt>
                <c:pt idx="1854">
                  <c:v>48.874589643077542</c:v>
                </c:pt>
                <c:pt idx="1855">
                  <c:v>48.866022116731777</c:v>
                </c:pt>
                <c:pt idx="1856">
                  <c:v>48.857459517083171</c:v>
                </c:pt>
                <c:pt idx="1857">
                  <c:v>48.847369641317719</c:v>
                </c:pt>
                <c:pt idx="1858">
                  <c:v>48.838802114971969</c:v>
                </c:pt>
                <c:pt idx="1859">
                  <c:v>48.830239515323349</c:v>
                </c:pt>
                <c:pt idx="1860">
                  <c:v>48.820144712860753</c:v>
                </c:pt>
                <c:pt idx="1861">
                  <c:v>48.811582113212147</c:v>
                </c:pt>
                <c:pt idx="1862">
                  <c:v>48.802250948807973</c:v>
                </c:pt>
                <c:pt idx="1863">
                  <c:v>48.792924711100937</c:v>
                </c:pt>
                <c:pt idx="1864">
                  <c:v>48.785943581237831</c:v>
                </c:pt>
                <c:pt idx="1865">
                  <c:v>48.776558223164997</c:v>
                </c:pt>
                <c:pt idx="1866">
                  <c:v>48.767231985457961</c:v>
                </c:pt>
                <c:pt idx="1867">
                  <c:v>48.757137182995365</c:v>
                </c:pt>
                <c:pt idx="1868">
                  <c:v>48.749338221405175</c:v>
                </c:pt>
                <c:pt idx="1869">
                  <c:v>48.740824888728078</c:v>
                </c:pt>
                <c:pt idx="1870">
                  <c:v>48.731498651021049</c:v>
                </c:pt>
                <c:pt idx="1871">
                  <c:v>48.722113292948208</c:v>
                </c:pt>
                <c:pt idx="1872">
                  <c:v>48.713604886968255</c:v>
                </c:pt>
                <c:pt idx="1873">
                  <c:v>48.705042287319657</c:v>
                </c:pt>
                <c:pt idx="1874">
                  <c:v>48.697238399032322</c:v>
                </c:pt>
                <c:pt idx="1875">
                  <c:v>48.68714852326687</c:v>
                </c:pt>
                <c:pt idx="1876">
                  <c:v>48.678580996921106</c:v>
                </c:pt>
                <c:pt idx="1877">
                  <c:v>48.670782035330916</c:v>
                </c:pt>
                <c:pt idx="1878">
                  <c:v>48.661455797623894</c:v>
                </c:pt>
                <c:pt idx="1879">
                  <c:v>48.652942464946797</c:v>
                </c:pt>
                <c:pt idx="1880">
                  <c:v>48.643562033571101</c:v>
                </c:pt>
                <c:pt idx="1881">
                  <c:v>48.635048700894004</c:v>
                </c:pt>
                <c:pt idx="1882">
                  <c:v>48.626486101245398</c:v>
                </c:pt>
                <c:pt idx="1883">
                  <c:v>48.617154936841217</c:v>
                </c:pt>
                <c:pt idx="1884">
                  <c:v>48.609355975251027</c:v>
                </c:pt>
                <c:pt idx="1885">
                  <c:v>48.600793375602422</c:v>
                </c:pt>
                <c:pt idx="1886">
                  <c:v>48.59304368098374</c:v>
                </c:pt>
                <c:pt idx="1887">
                  <c:v>48.584481081335134</c:v>
                </c:pt>
                <c:pt idx="1888">
                  <c:v>48.57591355498937</c:v>
                </c:pt>
                <c:pt idx="1889">
                  <c:v>48.567350955340771</c:v>
                </c:pt>
                <c:pt idx="1890">
                  <c:v>48.558788355692158</c:v>
                </c:pt>
                <c:pt idx="1891">
                  <c:v>48.551038661073484</c:v>
                </c:pt>
                <c:pt idx="1892">
                  <c:v>48.542476061424871</c:v>
                </c:pt>
                <c:pt idx="1893">
                  <c:v>48.533908535079114</c:v>
                </c:pt>
                <c:pt idx="1894">
                  <c:v>48.525345935430508</c:v>
                </c:pt>
                <c:pt idx="1895">
                  <c:v>48.517601167508985</c:v>
                </c:pt>
                <c:pt idx="1896">
                  <c:v>48.509797279221637</c:v>
                </c:pt>
                <c:pt idx="1897">
                  <c:v>48.50281614935853</c:v>
                </c:pt>
                <c:pt idx="1898">
                  <c:v>48.493484984954357</c:v>
                </c:pt>
                <c:pt idx="1899">
                  <c:v>48.484922385305751</c:v>
                </c:pt>
                <c:pt idx="1900">
                  <c:v>48.477123423715561</c:v>
                </c:pt>
                <c:pt idx="1901">
                  <c:v>48.470137367155303</c:v>
                </c:pt>
                <c:pt idx="1902">
                  <c:v>48.460811129448274</c:v>
                </c:pt>
                <c:pt idx="1903">
                  <c:v>48.453066361526751</c:v>
                </c:pt>
                <c:pt idx="1904">
                  <c:v>48.444498835180987</c:v>
                </c:pt>
                <c:pt idx="1905">
                  <c:v>48.436699873590797</c:v>
                </c:pt>
                <c:pt idx="1906">
                  <c:v>48.42895017897213</c:v>
                </c:pt>
                <c:pt idx="1907">
                  <c:v>48.42115121738194</c:v>
                </c:pt>
                <c:pt idx="1908">
                  <c:v>48.41258861773332</c:v>
                </c:pt>
                <c:pt idx="1909">
                  <c:v>48.404838923114653</c:v>
                </c:pt>
                <c:pt idx="1910">
                  <c:v>48.397039961524463</c:v>
                </c:pt>
                <c:pt idx="1911">
                  <c:v>48.388472435178706</c:v>
                </c:pt>
                <c:pt idx="1912">
                  <c:v>48.380727667257176</c:v>
                </c:pt>
                <c:pt idx="1913">
                  <c:v>48.373692343725409</c:v>
                </c:pt>
                <c:pt idx="1914">
                  <c:v>48.365942649106735</c:v>
                </c:pt>
                <c:pt idx="1915">
                  <c:v>48.357380049458122</c:v>
                </c:pt>
                <c:pt idx="1916">
                  <c:v>48.348817449809516</c:v>
                </c:pt>
                <c:pt idx="1917">
                  <c:v>48.341067755190835</c:v>
                </c:pt>
                <c:pt idx="1918">
                  <c:v>48.332505155542229</c:v>
                </c:pt>
                <c:pt idx="1919">
                  <c:v>48.325464905313311</c:v>
                </c:pt>
                <c:pt idx="1920">
                  <c:v>48.316956499333358</c:v>
                </c:pt>
                <c:pt idx="1921">
                  <c:v>48.309157537743175</c:v>
                </c:pt>
                <c:pt idx="1922">
                  <c:v>48.300590011397418</c:v>
                </c:pt>
                <c:pt idx="1923">
                  <c:v>48.292845243475895</c:v>
                </c:pt>
                <c:pt idx="1924">
                  <c:v>48.285041355188554</c:v>
                </c:pt>
                <c:pt idx="1925">
                  <c:v>48.278823863383863</c:v>
                </c:pt>
                <c:pt idx="1926">
                  <c:v>48.27102490179368</c:v>
                </c:pt>
                <c:pt idx="1927">
                  <c:v>48.263275207175006</c:v>
                </c:pt>
                <c:pt idx="1928">
                  <c:v>48.2547126075264</c:v>
                </c:pt>
                <c:pt idx="1929">
                  <c:v>48.24615000787778</c:v>
                </c:pt>
                <c:pt idx="1930">
                  <c:v>48.238400313259113</c:v>
                </c:pt>
                <c:pt idx="1931">
                  <c:v>48.23060135166893</c:v>
                </c:pt>
                <c:pt idx="1932">
                  <c:v>48.222797463381582</c:v>
                </c:pt>
                <c:pt idx="1933">
                  <c:v>48.214289057401636</c:v>
                </c:pt>
                <c:pt idx="1934">
                  <c:v>48.206490095811454</c:v>
                </c:pt>
                <c:pt idx="1935">
                  <c:v>48.198686207524105</c:v>
                </c:pt>
                <c:pt idx="1936">
                  <c:v>48.190941439602582</c:v>
                </c:pt>
                <c:pt idx="1937">
                  <c:v>48.182378839953977</c:v>
                </c:pt>
                <c:pt idx="1938">
                  <c:v>48.174629145335295</c:v>
                </c:pt>
                <c:pt idx="1939">
                  <c:v>48.166830183745112</c:v>
                </c:pt>
                <c:pt idx="1940">
                  <c:v>48.159844127184854</c:v>
                </c:pt>
                <c:pt idx="1941">
                  <c:v>48.151281527536248</c:v>
                </c:pt>
                <c:pt idx="1942">
                  <c:v>48.143482565946059</c:v>
                </c:pt>
                <c:pt idx="1943">
                  <c:v>48.135732871327377</c:v>
                </c:pt>
                <c:pt idx="1944">
                  <c:v>48.127933909737195</c:v>
                </c:pt>
                <c:pt idx="1945">
                  <c:v>48.120189141815665</c:v>
                </c:pt>
                <c:pt idx="1946">
                  <c:v>48.113148891586754</c:v>
                </c:pt>
                <c:pt idx="1947">
                  <c:v>48.105404123665217</c:v>
                </c:pt>
                <c:pt idx="1948">
                  <c:v>48.097600235377882</c:v>
                </c:pt>
                <c:pt idx="1949">
                  <c:v>48.089801273787693</c:v>
                </c:pt>
                <c:pt idx="1950">
                  <c:v>48.08205650586617</c:v>
                </c:pt>
                <c:pt idx="1951">
                  <c:v>48.075834087364335</c:v>
                </c:pt>
                <c:pt idx="1952">
                  <c:v>48.068035125774145</c:v>
                </c:pt>
                <c:pt idx="1953">
                  <c:v>48.060290357852615</c:v>
                </c:pt>
                <c:pt idx="1954">
                  <c:v>48.053250107623697</c:v>
                </c:pt>
                <c:pt idx="1955">
                  <c:v>48.045505339702174</c:v>
                </c:pt>
                <c:pt idx="1956">
                  <c:v>48.038524209839068</c:v>
                </c:pt>
                <c:pt idx="1957">
                  <c:v>48.030720321551733</c:v>
                </c:pt>
                <c:pt idx="1958">
                  <c:v>48.022921359961543</c:v>
                </c:pt>
                <c:pt idx="1959">
                  <c:v>48.015171665342862</c:v>
                </c:pt>
                <c:pt idx="1960">
                  <c:v>48.008190535479756</c:v>
                </c:pt>
                <c:pt idx="1961">
                  <c:v>48.000391573889566</c:v>
                </c:pt>
                <c:pt idx="1962">
                  <c:v>47.993405517329315</c:v>
                </c:pt>
                <c:pt idx="1963">
                  <c:v>47.985606555739125</c:v>
                </c:pt>
                <c:pt idx="1964">
                  <c:v>47.978625425876018</c:v>
                </c:pt>
                <c:pt idx="1965">
                  <c:v>47.970821537588677</c:v>
                </c:pt>
                <c:pt idx="1966">
                  <c:v>47.96384040772557</c:v>
                </c:pt>
                <c:pt idx="1967">
                  <c:v>47.95604144613538</c:v>
                </c:pt>
                <c:pt idx="1968">
                  <c:v>47.948291751516706</c:v>
                </c:pt>
                <c:pt idx="1969">
                  <c:v>47.940492789926523</c:v>
                </c:pt>
                <c:pt idx="1970">
                  <c:v>47.933511660063417</c:v>
                </c:pt>
                <c:pt idx="1971">
                  <c:v>47.925707771776068</c:v>
                </c:pt>
                <c:pt idx="1972">
                  <c:v>47.917963003854545</c:v>
                </c:pt>
                <c:pt idx="1973">
                  <c:v>47.910159115567211</c:v>
                </c:pt>
                <c:pt idx="1974">
                  <c:v>47.903177985704104</c:v>
                </c:pt>
                <c:pt idx="1975">
                  <c:v>47.895379024113922</c:v>
                </c:pt>
                <c:pt idx="1976">
                  <c:v>47.889156605612079</c:v>
                </c:pt>
                <c:pt idx="1977">
                  <c:v>47.882175475748973</c:v>
                </c:pt>
                <c:pt idx="1978">
                  <c:v>47.875194345885866</c:v>
                </c:pt>
                <c:pt idx="1979">
                  <c:v>47.867390457598525</c:v>
                </c:pt>
                <c:pt idx="1980">
                  <c:v>47.858827857949919</c:v>
                </c:pt>
                <c:pt idx="1981">
                  <c:v>47.851846728086812</c:v>
                </c:pt>
                <c:pt idx="1982">
                  <c:v>47.843279201741055</c:v>
                </c:pt>
                <c:pt idx="1983">
                  <c:v>47.836298071877948</c:v>
                </c:pt>
                <c:pt idx="1984">
                  <c:v>47.829257821649023</c:v>
                </c:pt>
                <c:pt idx="1985">
                  <c:v>47.8215130537275</c:v>
                </c:pt>
                <c:pt idx="1986">
                  <c:v>47.814531923864394</c:v>
                </c:pt>
                <c:pt idx="1987">
                  <c:v>47.806728035577059</c:v>
                </c:pt>
                <c:pt idx="1988">
                  <c:v>47.798929073986869</c:v>
                </c:pt>
                <c:pt idx="1989">
                  <c:v>47.791947944123763</c:v>
                </c:pt>
                <c:pt idx="1990">
                  <c:v>47.784144055836421</c:v>
                </c:pt>
                <c:pt idx="1991">
                  <c:v>47.777162925973315</c:v>
                </c:pt>
                <c:pt idx="1992">
                  <c:v>47.770945434168638</c:v>
                </c:pt>
                <c:pt idx="1993">
                  <c:v>47.763195739549957</c:v>
                </c:pt>
                <c:pt idx="1994">
                  <c:v>47.756160416018183</c:v>
                </c:pt>
                <c:pt idx="1995">
                  <c:v>47.749179286155083</c:v>
                </c:pt>
                <c:pt idx="1996">
                  <c:v>47.741375397867742</c:v>
                </c:pt>
                <c:pt idx="1997">
                  <c:v>47.734394268004635</c:v>
                </c:pt>
                <c:pt idx="1998">
                  <c:v>47.727413138141536</c:v>
                </c:pt>
                <c:pt idx="1999">
                  <c:v>47.721190719639694</c:v>
                </c:pt>
                <c:pt idx="2000">
                  <c:v>47.713391758049504</c:v>
                </c:pt>
                <c:pt idx="2001">
                  <c:v>47.706410628186397</c:v>
                </c:pt>
                <c:pt idx="2002">
                  <c:v>47.698606739899063</c:v>
                </c:pt>
                <c:pt idx="2003">
                  <c:v>47.691625610035956</c:v>
                </c:pt>
                <c:pt idx="2004">
                  <c:v>47.685408118231273</c:v>
                </c:pt>
                <c:pt idx="2005">
                  <c:v>47.677604229943924</c:v>
                </c:pt>
                <c:pt idx="2006">
                  <c:v>47.670623100080824</c:v>
                </c:pt>
                <c:pt idx="2007">
                  <c:v>47.663641970217718</c:v>
                </c:pt>
                <c:pt idx="2008">
                  <c:v>47.655838081930384</c:v>
                </c:pt>
                <c:pt idx="2009">
                  <c:v>47.648856952067277</c:v>
                </c:pt>
                <c:pt idx="2010">
                  <c:v>47.641053063779943</c:v>
                </c:pt>
                <c:pt idx="2011">
                  <c:v>47.634835571975245</c:v>
                </c:pt>
                <c:pt idx="2012">
                  <c:v>47.627090804053729</c:v>
                </c:pt>
                <c:pt idx="2013">
                  <c:v>47.620050553824804</c:v>
                </c:pt>
                <c:pt idx="2014">
                  <c:v>47.613069423961697</c:v>
                </c:pt>
                <c:pt idx="2015">
                  <c:v>47.606088294098598</c:v>
                </c:pt>
                <c:pt idx="2016">
                  <c:v>47.598284405811249</c:v>
                </c:pt>
                <c:pt idx="2017">
                  <c:v>47.591303275948142</c:v>
                </c:pt>
                <c:pt idx="2018">
                  <c:v>47.585085784143466</c:v>
                </c:pt>
                <c:pt idx="2019">
                  <c:v>47.577281895856125</c:v>
                </c:pt>
                <c:pt idx="2020">
                  <c:v>47.570300765993018</c:v>
                </c:pt>
                <c:pt idx="2021">
                  <c:v>47.562501804402828</c:v>
                </c:pt>
                <c:pt idx="2022">
                  <c:v>47.555515747842577</c:v>
                </c:pt>
                <c:pt idx="2023">
                  <c:v>47.54853461797947</c:v>
                </c:pt>
                <c:pt idx="2024">
                  <c:v>47.54073565638928</c:v>
                </c:pt>
                <c:pt idx="2025">
                  <c:v>47.534513237887438</c:v>
                </c:pt>
                <c:pt idx="2026">
                  <c:v>47.526714276297255</c:v>
                </c:pt>
                <c:pt idx="2027">
                  <c:v>47.519733146434149</c:v>
                </c:pt>
                <c:pt idx="2028">
                  <c:v>47.513510727932314</c:v>
                </c:pt>
                <c:pt idx="2029">
                  <c:v>47.505711766342124</c:v>
                </c:pt>
                <c:pt idx="2030">
                  <c:v>47.498730636479017</c:v>
                </c:pt>
                <c:pt idx="2031">
                  <c:v>47.491744579918759</c:v>
                </c:pt>
                <c:pt idx="2032">
                  <c:v>47.484763450055652</c:v>
                </c:pt>
                <c:pt idx="2033">
                  <c:v>47.477728126523893</c:v>
                </c:pt>
                <c:pt idx="2034">
                  <c:v>47.470742069963627</c:v>
                </c:pt>
                <c:pt idx="2035">
                  <c:v>47.463760940100521</c:v>
                </c:pt>
                <c:pt idx="2036">
                  <c:v>47.456725616568754</c:v>
                </c:pt>
                <c:pt idx="2037">
                  <c:v>47.449739560008496</c:v>
                </c:pt>
                <c:pt idx="2038">
                  <c:v>47.442758430145396</c:v>
                </c:pt>
                <c:pt idx="2039">
                  <c:v>47.436540938340713</c:v>
                </c:pt>
                <c:pt idx="2040">
                  <c:v>47.429500688111794</c:v>
                </c:pt>
                <c:pt idx="2041">
                  <c:v>47.422519558248688</c:v>
                </c:pt>
                <c:pt idx="2042">
                  <c:v>47.415538428385581</c:v>
                </c:pt>
                <c:pt idx="2043">
                  <c:v>47.407734540098232</c:v>
                </c:pt>
                <c:pt idx="2044">
                  <c:v>47.400753410235126</c:v>
                </c:pt>
                <c:pt idx="2045">
                  <c:v>47.393718086703366</c:v>
                </c:pt>
                <c:pt idx="2046">
                  <c:v>47.385968392084685</c:v>
                </c:pt>
                <c:pt idx="2047">
                  <c:v>47.378987262221578</c:v>
                </c:pt>
                <c:pt idx="2048">
                  <c:v>47.371951938689811</c:v>
                </c:pt>
                <c:pt idx="2049">
                  <c:v>47.36496588212956</c:v>
                </c:pt>
                <c:pt idx="2050">
                  <c:v>47.35716692053937</c:v>
                </c:pt>
                <c:pt idx="2051">
                  <c:v>47.350180863979119</c:v>
                </c:pt>
                <c:pt idx="2052">
                  <c:v>47.343199734116013</c:v>
                </c:pt>
                <c:pt idx="2053">
                  <c:v>47.336982242311322</c:v>
                </c:pt>
                <c:pt idx="2054">
                  <c:v>47.329941992082404</c:v>
                </c:pt>
                <c:pt idx="2055">
                  <c:v>47.322960862219297</c:v>
                </c:pt>
                <c:pt idx="2056">
                  <c:v>47.31521609429776</c:v>
                </c:pt>
                <c:pt idx="2057">
                  <c:v>47.308175844068849</c:v>
                </c:pt>
                <c:pt idx="2058">
                  <c:v>47.301194714205742</c:v>
                </c:pt>
                <c:pt idx="2059">
                  <c:v>47.294213584342636</c:v>
                </c:pt>
                <c:pt idx="2060">
                  <c:v>47.287996092537959</c:v>
                </c:pt>
                <c:pt idx="2061">
                  <c:v>47.280955842309034</c:v>
                </c:pt>
                <c:pt idx="2062">
                  <c:v>47.27473835050435</c:v>
                </c:pt>
                <c:pt idx="2063">
                  <c:v>47.26699358258282</c:v>
                </c:pt>
                <c:pt idx="2064">
                  <c:v>47.260771164080992</c:v>
                </c:pt>
                <c:pt idx="2065">
                  <c:v>47.253735840549218</c:v>
                </c:pt>
                <c:pt idx="2066">
                  <c:v>47.245986145930537</c:v>
                </c:pt>
                <c:pt idx="2067">
                  <c:v>47.238950822398778</c:v>
                </c:pt>
                <c:pt idx="2068">
                  <c:v>47.232733330594094</c:v>
                </c:pt>
                <c:pt idx="2069">
                  <c:v>47.225747274033829</c:v>
                </c:pt>
                <c:pt idx="2070">
                  <c:v>47.219529782229145</c:v>
                </c:pt>
                <c:pt idx="2071">
                  <c:v>47.212548652366038</c:v>
                </c:pt>
                <c:pt idx="2072">
                  <c:v>47.205513328834272</c:v>
                </c:pt>
                <c:pt idx="2073">
                  <c:v>47.198527272274021</c:v>
                </c:pt>
                <c:pt idx="2074">
                  <c:v>47.190728310683824</c:v>
                </c:pt>
                <c:pt idx="2075">
                  <c:v>47.183742254123565</c:v>
                </c:pt>
                <c:pt idx="2076">
                  <c:v>47.176761124260459</c:v>
                </c:pt>
                <c:pt idx="2077">
                  <c:v>47.169725800728699</c:v>
                </c:pt>
                <c:pt idx="2078">
                  <c:v>47.162739744168434</c:v>
                </c:pt>
                <c:pt idx="2079">
                  <c:v>47.155758614305327</c:v>
                </c:pt>
                <c:pt idx="2080">
                  <c:v>47.14877748444222</c:v>
                </c:pt>
                <c:pt idx="2081">
                  <c:v>47.142500872271732</c:v>
                </c:pt>
                <c:pt idx="2082">
                  <c:v>47.134756104350203</c:v>
                </c:pt>
                <c:pt idx="2083">
                  <c:v>47.127774974487096</c:v>
                </c:pt>
                <c:pt idx="2084">
                  <c:v>47.12155748268242</c:v>
                </c:pt>
                <c:pt idx="2085">
                  <c:v>47.115280870511917</c:v>
                </c:pt>
                <c:pt idx="2086">
                  <c:v>47.10829974064881</c:v>
                </c:pt>
                <c:pt idx="2087">
                  <c:v>47.101318610785704</c:v>
                </c:pt>
                <c:pt idx="2088">
                  <c:v>47.095096192283869</c:v>
                </c:pt>
                <c:pt idx="2089">
                  <c:v>47.088060868752095</c:v>
                </c:pt>
                <c:pt idx="2090">
                  <c:v>47.081843376947404</c:v>
                </c:pt>
                <c:pt idx="2091">
                  <c:v>47.074857320387153</c:v>
                </c:pt>
                <c:pt idx="2092">
                  <c:v>47.068639828582469</c:v>
                </c:pt>
                <c:pt idx="2093">
                  <c:v>47.061658698719363</c:v>
                </c:pt>
                <c:pt idx="2094">
                  <c:v>47.054618448490444</c:v>
                </c:pt>
                <c:pt idx="2095">
                  <c:v>47.048400956685754</c:v>
                </c:pt>
                <c:pt idx="2096">
                  <c:v>47.041419826822647</c:v>
                </c:pt>
                <c:pt idx="2097">
                  <c:v>47.035197408320812</c:v>
                </c:pt>
                <c:pt idx="2098">
                  <c:v>47.028216278457705</c:v>
                </c:pt>
                <c:pt idx="2099">
                  <c:v>47.021180954925946</c:v>
                </c:pt>
                <c:pt idx="2100">
                  <c:v>47.01419489836568</c:v>
                </c:pt>
                <c:pt idx="2101">
                  <c:v>47.007213768502574</c:v>
                </c:pt>
                <c:pt idx="2102">
                  <c:v>47.000996276697897</c:v>
                </c:pt>
                <c:pt idx="2103">
                  <c:v>46.993956026468979</c:v>
                </c:pt>
                <c:pt idx="2104">
                  <c:v>46.986974896605872</c:v>
                </c:pt>
                <c:pt idx="2105">
                  <c:v>46.979993766742766</c:v>
                </c:pt>
                <c:pt idx="2106">
                  <c:v>46.97295351651384</c:v>
                </c:pt>
                <c:pt idx="2107">
                  <c:v>46.965972386650733</c:v>
                </c:pt>
                <c:pt idx="2108">
                  <c:v>46.959754894846057</c:v>
                </c:pt>
                <c:pt idx="2109">
                  <c:v>46.952768838285792</c:v>
                </c:pt>
                <c:pt idx="2110">
                  <c:v>46.946551346481108</c:v>
                </c:pt>
                <c:pt idx="2111">
                  <c:v>46.939516022949341</c:v>
                </c:pt>
                <c:pt idx="2112">
                  <c:v>46.93252996638909</c:v>
                </c:pt>
                <c:pt idx="2113">
                  <c:v>46.925548836525984</c:v>
                </c:pt>
                <c:pt idx="2114">
                  <c:v>46.919331344721293</c:v>
                </c:pt>
                <c:pt idx="2115">
                  <c:v>46.912291094492375</c:v>
                </c:pt>
                <c:pt idx="2116">
                  <c:v>46.905309964629275</c:v>
                </c:pt>
                <c:pt idx="2117">
                  <c:v>46.898328834766168</c:v>
                </c:pt>
                <c:pt idx="2118">
                  <c:v>46.890524946478827</c:v>
                </c:pt>
                <c:pt idx="2119">
                  <c:v>46.884307454674136</c:v>
                </c:pt>
                <c:pt idx="2120">
                  <c:v>46.878089962869453</c:v>
                </c:pt>
                <c:pt idx="2121">
                  <c:v>46.87186754436761</c:v>
                </c:pt>
                <c:pt idx="2122">
                  <c:v>46.864068582777428</c:v>
                </c:pt>
                <c:pt idx="2123">
                  <c:v>46.857851090972737</c:v>
                </c:pt>
                <c:pt idx="2124">
                  <c:v>46.850865034412486</c:v>
                </c:pt>
                <c:pt idx="2125">
                  <c:v>46.843883904549379</c:v>
                </c:pt>
                <c:pt idx="2126">
                  <c:v>46.837666412744689</c:v>
                </c:pt>
                <c:pt idx="2127">
                  <c:v>46.83062616251577</c:v>
                </c:pt>
                <c:pt idx="2128">
                  <c:v>46.823645032652664</c:v>
                </c:pt>
                <c:pt idx="2129">
                  <c:v>46.817427540847987</c:v>
                </c:pt>
                <c:pt idx="2130">
                  <c:v>46.811210049043297</c:v>
                </c:pt>
                <c:pt idx="2131">
                  <c:v>46.804223992483038</c:v>
                </c:pt>
                <c:pt idx="2132">
                  <c:v>46.797188668951271</c:v>
                </c:pt>
                <c:pt idx="2133">
                  <c:v>46.790207539088165</c:v>
                </c:pt>
                <c:pt idx="2134">
                  <c:v>46.78398512058633</c:v>
                </c:pt>
                <c:pt idx="2135">
                  <c:v>46.777767628781646</c:v>
                </c:pt>
                <c:pt idx="2136">
                  <c:v>46.77078649891854</c:v>
                </c:pt>
                <c:pt idx="2137">
                  <c:v>46.76532771847512</c:v>
                </c:pt>
                <c:pt idx="2138">
                  <c:v>46.758346588612014</c:v>
                </c:pt>
                <c:pt idx="2139">
                  <c:v>46.751311265080254</c:v>
                </c:pt>
                <c:pt idx="2140">
                  <c:v>46.744325208519989</c:v>
                </c:pt>
                <c:pt idx="2141">
                  <c:v>46.738107716715298</c:v>
                </c:pt>
                <c:pt idx="2142">
                  <c:v>46.731890224910622</c:v>
                </c:pt>
                <c:pt idx="2143">
                  <c:v>46.724849974681703</c:v>
                </c:pt>
                <c:pt idx="2144">
                  <c:v>46.717868844818597</c:v>
                </c:pt>
                <c:pt idx="2145">
                  <c:v>46.711651353013906</c:v>
                </c:pt>
                <c:pt idx="2146">
                  <c:v>46.704665296453662</c:v>
                </c:pt>
                <c:pt idx="2147">
                  <c:v>46.697629972921888</c:v>
                </c:pt>
                <c:pt idx="2148">
                  <c:v>46.691412481117197</c:v>
                </c:pt>
                <c:pt idx="2149">
                  <c:v>46.684426424556946</c:v>
                </c:pt>
                <c:pt idx="2150">
                  <c:v>46.678208932752256</c:v>
                </c:pt>
                <c:pt idx="2151">
                  <c:v>46.671227802889149</c:v>
                </c:pt>
                <c:pt idx="2152">
                  <c:v>46.665773949142888</c:v>
                </c:pt>
                <c:pt idx="2153">
                  <c:v>46.658787892582623</c:v>
                </c:pt>
                <c:pt idx="2154">
                  <c:v>46.651752569050863</c:v>
                </c:pt>
                <c:pt idx="2155">
                  <c:v>46.645535077246173</c:v>
                </c:pt>
                <c:pt idx="2156">
                  <c:v>46.639312658744338</c:v>
                </c:pt>
                <c:pt idx="2157">
                  <c:v>46.632331528881238</c:v>
                </c:pt>
                <c:pt idx="2158">
                  <c:v>46.626877675134963</c:v>
                </c:pt>
                <c:pt idx="2159">
                  <c:v>46.619127980516296</c:v>
                </c:pt>
                <c:pt idx="2160">
                  <c:v>46.612092656984522</c:v>
                </c:pt>
                <c:pt idx="2161">
                  <c:v>46.605875165179832</c:v>
                </c:pt>
                <c:pt idx="2162">
                  <c:v>46.598889108619581</c:v>
                </c:pt>
                <c:pt idx="2163">
                  <c:v>46.59267161681489</c:v>
                </c:pt>
                <c:pt idx="2164">
                  <c:v>46.58563629328313</c:v>
                </c:pt>
                <c:pt idx="2165">
                  <c:v>46.579413874781295</c:v>
                </c:pt>
                <c:pt idx="2166">
                  <c:v>46.572432744918189</c:v>
                </c:pt>
                <c:pt idx="2167">
                  <c:v>46.566215253113498</c:v>
                </c:pt>
                <c:pt idx="2168">
                  <c:v>46.559229196553233</c:v>
                </c:pt>
                <c:pt idx="2169">
                  <c:v>46.553011704748556</c:v>
                </c:pt>
                <c:pt idx="2170">
                  <c:v>46.546794212943873</c:v>
                </c:pt>
                <c:pt idx="2171">
                  <c:v>46.539753962714947</c:v>
                </c:pt>
                <c:pt idx="2172">
                  <c:v>46.53277283285184</c:v>
                </c:pt>
                <c:pt idx="2173">
                  <c:v>46.526555341047157</c:v>
                </c:pt>
                <c:pt idx="2174">
                  <c:v>46.52033784924248</c:v>
                </c:pt>
                <c:pt idx="2175">
                  <c:v>46.513351792682215</c:v>
                </c:pt>
                <c:pt idx="2176">
                  <c:v>46.506316469150448</c:v>
                </c:pt>
                <c:pt idx="2177">
                  <c:v>46.500098977345765</c:v>
                </c:pt>
                <c:pt idx="2178">
                  <c:v>46.49387655884393</c:v>
                </c:pt>
                <c:pt idx="2179">
                  <c:v>46.486895428980823</c:v>
                </c:pt>
                <c:pt idx="2180">
                  <c:v>46.480677937176139</c:v>
                </c:pt>
                <c:pt idx="2181">
                  <c:v>46.473637686947214</c:v>
                </c:pt>
                <c:pt idx="2182">
                  <c:v>46.46742019514253</c:v>
                </c:pt>
                <c:pt idx="2183">
                  <c:v>46.461202703337847</c:v>
                </c:pt>
                <c:pt idx="2184">
                  <c:v>46.454216646777581</c:v>
                </c:pt>
                <c:pt idx="2185">
                  <c:v>46.447999154972898</c:v>
                </c:pt>
                <c:pt idx="2186">
                  <c:v>46.441781663168221</c:v>
                </c:pt>
                <c:pt idx="2187">
                  <c:v>46.434795606607956</c:v>
                </c:pt>
                <c:pt idx="2188">
                  <c:v>46.42857811480328</c:v>
                </c:pt>
                <c:pt idx="2189">
                  <c:v>46.421542791271506</c:v>
                </c:pt>
                <c:pt idx="2190">
                  <c:v>46.415325299466815</c:v>
                </c:pt>
                <c:pt idx="2191">
                  <c:v>46.40910288096498</c:v>
                </c:pt>
                <c:pt idx="2192">
                  <c:v>46.403649027218719</c:v>
                </c:pt>
                <c:pt idx="2193">
                  <c:v>46.396667897355613</c:v>
                </c:pt>
                <c:pt idx="2194">
                  <c:v>46.390445478853778</c:v>
                </c:pt>
                <c:pt idx="2195">
                  <c:v>46.383464348990671</c:v>
                </c:pt>
                <c:pt idx="2196">
                  <c:v>46.377246857185987</c:v>
                </c:pt>
                <c:pt idx="2197">
                  <c:v>46.371024438684145</c:v>
                </c:pt>
                <c:pt idx="2198">
                  <c:v>46.363989115152378</c:v>
                </c:pt>
                <c:pt idx="2199">
                  <c:v>46.357771623347702</c:v>
                </c:pt>
                <c:pt idx="2200">
                  <c:v>46.350785566787437</c:v>
                </c:pt>
                <c:pt idx="2201">
                  <c:v>46.344568074982746</c:v>
                </c:pt>
                <c:pt idx="2202">
                  <c:v>46.337532751450986</c:v>
                </c:pt>
                <c:pt idx="2203">
                  <c:v>46.331310332949151</c:v>
                </c:pt>
                <c:pt idx="2204">
                  <c:v>46.324329203086045</c:v>
                </c:pt>
                <c:pt idx="2205">
                  <c:v>46.318111711281354</c:v>
                </c:pt>
                <c:pt idx="2206">
                  <c:v>46.312657857535093</c:v>
                </c:pt>
                <c:pt idx="2207">
                  <c:v>46.306435439033251</c:v>
                </c:pt>
                <c:pt idx="2208">
                  <c:v>46.299454309170144</c:v>
                </c:pt>
                <c:pt idx="2209">
                  <c:v>46.294000455423884</c:v>
                </c:pt>
                <c:pt idx="2210">
                  <c:v>46.287014398863633</c:v>
                </c:pt>
                <c:pt idx="2211">
                  <c:v>46.281560545117358</c:v>
                </c:pt>
                <c:pt idx="2212">
                  <c:v>46.275343053312682</c:v>
                </c:pt>
                <c:pt idx="2213">
                  <c:v>46.269120634810832</c:v>
                </c:pt>
                <c:pt idx="2214">
                  <c:v>46.262903143006156</c:v>
                </c:pt>
                <c:pt idx="2215">
                  <c:v>46.255867819474382</c:v>
                </c:pt>
                <c:pt idx="2216">
                  <c:v>46.248881762914131</c:v>
                </c:pt>
                <c:pt idx="2217">
                  <c:v>46.242664271109447</c:v>
                </c:pt>
                <c:pt idx="2218">
                  <c:v>46.235683141246341</c:v>
                </c:pt>
                <c:pt idx="2219">
                  <c:v>46.230229287500073</c:v>
                </c:pt>
                <c:pt idx="2220">
                  <c:v>46.223243230939815</c:v>
                </c:pt>
                <c:pt idx="2221">
                  <c:v>46.217789377193547</c:v>
                </c:pt>
                <c:pt idx="2222">
                  <c:v>46.211571885388864</c:v>
                </c:pt>
                <c:pt idx="2223">
                  <c:v>46.205349466887029</c:v>
                </c:pt>
                <c:pt idx="2224">
                  <c:v>46.198314143355255</c:v>
                </c:pt>
                <c:pt idx="2225">
                  <c:v>46.191333013492148</c:v>
                </c:pt>
                <c:pt idx="2226">
                  <c:v>46.184346956931897</c:v>
                </c:pt>
                <c:pt idx="2227">
                  <c:v>46.178893103185636</c:v>
                </c:pt>
                <c:pt idx="2228">
                  <c:v>46.173439249439362</c:v>
                </c:pt>
                <c:pt idx="2229">
                  <c:v>46.166458119576255</c:v>
                </c:pt>
                <c:pt idx="2230">
                  <c:v>46.16023570107442</c:v>
                </c:pt>
                <c:pt idx="2231">
                  <c:v>46.154018209269729</c:v>
                </c:pt>
                <c:pt idx="2232">
                  <c:v>46.148564355523469</c:v>
                </c:pt>
                <c:pt idx="2233">
                  <c:v>46.142341937021641</c:v>
                </c:pt>
                <c:pt idx="2234">
                  <c:v>46.136888083275366</c:v>
                </c:pt>
                <c:pt idx="2235">
                  <c:v>46.13067059147069</c:v>
                </c:pt>
                <c:pt idx="2236">
                  <c:v>46.125216737724415</c:v>
                </c:pt>
                <c:pt idx="2237">
                  <c:v>46.118230681164164</c:v>
                </c:pt>
                <c:pt idx="2238">
                  <c:v>46.111249551301057</c:v>
                </c:pt>
                <c:pt idx="2239">
                  <c:v>46.105032059496367</c:v>
                </c:pt>
                <c:pt idx="2240">
                  <c:v>46.098809640994531</c:v>
                </c:pt>
                <c:pt idx="2241">
                  <c:v>46.094119425306687</c:v>
                </c:pt>
                <c:pt idx="2242">
                  <c:v>46.087901933501996</c:v>
                </c:pt>
                <c:pt idx="2243">
                  <c:v>46.081679515000161</c:v>
                </c:pt>
                <c:pt idx="2244">
                  <c:v>46.074698385137054</c:v>
                </c:pt>
                <c:pt idx="2245">
                  <c:v>46.069244531390801</c:v>
                </c:pt>
                <c:pt idx="2246">
                  <c:v>46.062204281161875</c:v>
                </c:pt>
                <c:pt idx="2247">
                  <c:v>46.055986789357185</c:v>
                </c:pt>
                <c:pt idx="2248">
                  <c:v>46.049769297552501</c:v>
                </c:pt>
                <c:pt idx="2249">
                  <c:v>46.043551805747818</c:v>
                </c:pt>
                <c:pt idx="2250">
                  <c:v>46.038147218973059</c:v>
                </c:pt>
                <c:pt idx="2251">
                  <c:v>46.031875533499715</c:v>
                </c:pt>
                <c:pt idx="2252">
                  <c:v>46.026475873422108</c:v>
                </c:pt>
                <c:pt idx="2253">
                  <c:v>46.021022019675847</c:v>
                </c:pt>
                <c:pt idx="2254">
                  <c:v>46.014799601174012</c:v>
                </c:pt>
                <c:pt idx="2255">
                  <c:v>46.010109385486167</c:v>
                </c:pt>
                <c:pt idx="2256">
                  <c:v>46.003128255623061</c:v>
                </c:pt>
                <c:pt idx="2257">
                  <c:v>45.997669475179649</c:v>
                </c:pt>
                <c:pt idx="2258">
                  <c:v>45.992215621433381</c:v>
                </c:pt>
                <c:pt idx="2259">
                  <c:v>45.985998129628697</c:v>
                </c:pt>
                <c:pt idx="2260">
                  <c:v>45.979016999765591</c:v>
                </c:pt>
                <c:pt idx="2261">
                  <c:v>45.973558219322172</c:v>
                </c:pt>
                <c:pt idx="2262">
                  <c:v>45.967340727517481</c:v>
                </c:pt>
                <c:pt idx="2263">
                  <c:v>45.960359597654374</c:v>
                </c:pt>
                <c:pt idx="2264">
                  <c:v>45.954900817210962</c:v>
                </c:pt>
                <c:pt idx="2265">
                  <c:v>45.948683325406272</c:v>
                </c:pt>
                <c:pt idx="2266">
                  <c:v>45.942465833601588</c:v>
                </c:pt>
                <c:pt idx="2267">
                  <c:v>45.936243415099753</c:v>
                </c:pt>
                <c:pt idx="2268">
                  <c:v>45.930025923295062</c:v>
                </c:pt>
                <c:pt idx="2269">
                  <c:v>45.924572069548802</c:v>
                </c:pt>
                <c:pt idx="2270">
                  <c:v>45.919118215802541</c:v>
                </c:pt>
                <c:pt idx="2271">
                  <c:v>45.912132159242283</c:v>
                </c:pt>
                <c:pt idx="2272">
                  <c:v>45.906678305496015</c:v>
                </c:pt>
                <c:pt idx="2273">
                  <c:v>45.900460813691332</c:v>
                </c:pt>
                <c:pt idx="2274">
                  <c:v>45.89423839518949</c:v>
                </c:pt>
                <c:pt idx="2275">
                  <c:v>45.888020903384806</c:v>
                </c:pt>
                <c:pt idx="2276">
                  <c:v>45.881803411580123</c:v>
                </c:pt>
                <c:pt idx="2277">
                  <c:v>45.875585919775432</c:v>
                </c:pt>
                <c:pt idx="2278">
                  <c:v>45.870127139332013</c:v>
                </c:pt>
                <c:pt idx="2279">
                  <c:v>45.863909647527329</c:v>
                </c:pt>
                <c:pt idx="2280">
                  <c:v>45.858455793781069</c:v>
                </c:pt>
                <c:pt idx="2281">
                  <c:v>45.852233375279233</c:v>
                </c:pt>
                <c:pt idx="2282">
                  <c:v>45.846779521532959</c:v>
                </c:pt>
                <c:pt idx="2283">
                  <c:v>45.841379861455366</c:v>
                </c:pt>
                <c:pt idx="2284">
                  <c:v>45.835926007709091</c:v>
                </c:pt>
                <c:pt idx="2285">
                  <c:v>45.830467227265686</c:v>
                </c:pt>
                <c:pt idx="2286">
                  <c:v>45.825013373519411</c:v>
                </c:pt>
                <c:pt idx="2287">
                  <c:v>45.818795881714721</c:v>
                </c:pt>
                <c:pt idx="2288">
                  <c:v>45.81334202796846</c:v>
                </c:pt>
                <c:pt idx="2289">
                  <c:v>45.806355971408209</c:v>
                </c:pt>
                <c:pt idx="2290">
                  <c:v>45.800138479603525</c:v>
                </c:pt>
                <c:pt idx="2291">
                  <c:v>45.794684625857258</c:v>
                </c:pt>
                <c:pt idx="2292">
                  <c:v>45.789225845413839</c:v>
                </c:pt>
                <c:pt idx="2293">
                  <c:v>45.783008353609155</c:v>
                </c:pt>
                <c:pt idx="2294">
                  <c:v>45.777554499862887</c:v>
                </c:pt>
                <c:pt idx="2295">
                  <c:v>45.770568443302629</c:v>
                </c:pt>
                <c:pt idx="2296">
                  <c:v>45.765114589556362</c:v>
                </c:pt>
                <c:pt idx="2297">
                  <c:v>45.759714929478761</c:v>
                </c:pt>
                <c:pt idx="2298">
                  <c:v>45.754261075732501</c:v>
                </c:pt>
                <c:pt idx="2299">
                  <c:v>45.748038657230666</c:v>
                </c:pt>
                <c:pt idx="2300">
                  <c:v>45.742584803484391</c:v>
                </c:pt>
                <c:pt idx="2301">
                  <c:v>45.73713094973813</c:v>
                </c:pt>
                <c:pt idx="2302">
                  <c:v>45.73091345793344</c:v>
                </c:pt>
                <c:pt idx="2303">
                  <c:v>45.724691039431612</c:v>
                </c:pt>
                <c:pt idx="2304">
                  <c:v>45.719237185685344</c:v>
                </c:pt>
                <c:pt idx="2305">
                  <c:v>45.713783331939069</c:v>
                </c:pt>
                <c:pt idx="2306">
                  <c:v>45.708383671861469</c:v>
                </c:pt>
                <c:pt idx="2307">
                  <c:v>45.702924891418064</c:v>
                </c:pt>
                <c:pt idx="2308">
                  <c:v>45.697471037671789</c:v>
                </c:pt>
                <c:pt idx="2309">
                  <c:v>45.691253545867099</c:v>
                </c:pt>
                <c:pt idx="2310">
                  <c:v>45.685031127365264</c:v>
                </c:pt>
                <c:pt idx="2311">
                  <c:v>45.679577273619003</c:v>
                </c:pt>
                <c:pt idx="2312">
                  <c:v>45.673359781814312</c:v>
                </c:pt>
                <c:pt idx="2313">
                  <c:v>45.667905928068052</c:v>
                </c:pt>
                <c:pt idx="2314">
                  <c:v>45.661683509566217</c:v>
                </c:pt>
                <c:pt idx="2315">
                  <c:v>45.656229655819949</c:v>
                </c:pt>
                <c:pt idx="2316">
                  <c:v>45.650012164015266</c:v>
                </c:pt>
                <c:pt idx="2317">
                  <c:v>45.644553383571846</c:v>
                </c:pt>
                <c:pt idx="2318">
                  <c:v>45.639153723494246</c:v>
                </c:pt>
                <c:pt idx="2319">
                  <c:v>45.633699869747979</c:v>
                </c:pt>
                <c:pt idx="2320">
                  <c:v>45.628246016001711</c:v>
                </c:pt>
                <c:pt idx="2321">
                  <c:v>45.622023597499876</c:v>
                </c:pt>
                <c:pt idx="2322">
                  <c:v>45.615806105695192</c:v>
                </c:pt>
                <c:pt idx="2323">
                  <c:v>45.610352251948925</c:v>
                </c:pt>
                <c:pt idx="2324">
                  <c:v>45.605716229929747</c:v>
                </c:pt>
                <c:pt idx="2325">
                  <c:v>45.599493811427905</c:v>
                </c:pt>
                <c:pt idx="2326">
                  <c:v>45.594039957681638</c:v>
                </c:pt>
                <c:pt idx="2327">
                  <c:v>45.588586103935377</c:v>
                </c:pt>
                <c:pt idx="2328">
                  <c:v>45.582363685433542</c:v>
                </c:pt>
                <c:pt idx="2329">
                  <c:v>45.577673469745697</c:v>
                </c:pt>
                <c:pt idx="2330">
                  <c:v>45.571455977941007</c:v>
                </c:pt>
                <c:pt idx="2331">
                  <c:v>45.566819955921822</c:v>
                </c:pt>
                <c:pt idx="2332">
                  <c:v>45.560597537419987</c:v>
                </c:pt>
                <c:pt idx="2333">
                  <c:v>45.55514368367372</c:v>
                </c:pt>
                <c:pt idx="2334">
                  <c:v>45.548926191869036</c:v>
                </c:pt>
                <c:pt idx="2335">
                  <c:v>45.542708700064352</c:v>
                </c:pt>
                <c:pt idx="2336">
                  <c:v>45.537249919620933</c:v>
                </c:pt>
                <c:pt idx="2337">
                  <c:v>45.531796065874666</c:v>
                </c:pt>
                <c:pt idx="2338">
                  <c:v>45.526342212128405</c:v>
                </c:pt>
                <c:pt idx="2339">
                  <c:v>45.520942552050798</c:v>
                </c:pt>
                <c:pt idx="2340">
                  <c:v>45.515483771607379</c:v>
                </c:pt>
                <c:pt idx="2341">
                  <c:v>45.510029917861118</c:v>
                </c:pt>
                <c:pt idx="2342">
                  <c:v>45.504576064114858</c:v>
                </c:pt>
                <c:pt idx="2343">
                  <c:v>45.498353645613008</c:v>
                </c:pt>
                <c:pt idx="2344">
                  <c:v>45.492899791866748</c:v>
                </c:pt>
                <c:pt idx="2345">
                  <c:v>45.48826376984757</c:v>
                </c:pt>
                <c:pt idx="2346">
                  <c:v>45.48204627804288</c:v>
                </c:pt>
                <c:pt idx="2347">
                  <c:v>45.477351135657884</c:v>
                </c:pt>
                <c:pt idx="2348">
                  <c:v>45.4711336438532</c:v>
                </c:pt>
                <c:pt idx="2349">
                  <c:v>45.465679790106933</c:v>
                </c:pt>
                <c:pt idx="2350">
                  <c:v>45.460280130029332</c:v>
                </c:pt>
                <c:pt idx="2351">
                  <c:v>45.454821349585913</c:v>
                </c:pt>
                <c:pt idx="2352">
                  <c:v>45.450131133898068</c:v>
                </c:pt>
                <c:pt idx="2353">
                  <c:v>45.443913642093385</c:v>
                </c:pt>
                <c:pt idx="2354">
                  <c:v>45.439277620074193</c:v>
                </c:pt>
                <c:pt idx="2355">
                  <c:v>45.433818839630788</c:v>
                </c:pt>
                <c:pt idx="2356">
                  <c:v>45.427601347826098</c:v>
                </c:pt>
                <c:pt idx="2357">
                  <c:v>45.422911132138253</c:v>
                </c:pt>
                <c:pt idx="2358">
                  <c:v>45.417452351694834</c:v>
                </c:pt>
                <c:pt idx="2359">
                  <c:v>45.411234859890151</c:v>
                </c:pt>
                <c:pt idx="2360">
                  <c:v>45.406598837870973</c:v>
                </c:pt>
                <c:pt idx="2361">
                  <c:v>45.401144984124706</c:v>
                </c:pt>
                <c:pt idx="2362">
                  <c:v>45.395686203681286</c:v>
                </c:pt>
                <c:pt idx="2363">
                  <c:v>45.390232349935019</c:v>
                </c:pt>
                <c:pt idx="2364">
                  <c:v>45.384832689857419</c:v>
                </c:pt>
                <c:pt idx="2365">
                  <c:v>45.379378836111151</c:v>
                </c:pt>
                <c:pt idx="2366">
                  <c:v>45.373156417609316</c:v>
                </c:pt>
                <c:pt idx="2367">
                  <c:v>45.368466201921471</c:v>
                </c:pt>
                <c:pt idx="2368">
                  <c:v>45.363012348175211</c:v>
                </c:pt>
                <c:pt idx="2369">
                  <c:v>45.357612688097596</c:v>
                </c:pt>
                <c:pt idx="2370">
                  <c:v>45.351390269595768</c:v>
                </c:pt>
                <c:pt idx="2371">
                  <c:v>45.346700053907924</c:v>
                </c:pt>
                <c:pt idx="2372">
                  <c:v>45.340482562103233</c:v>
                </c:pt>
                <c:pt idx="2373">
                  <c:v>45.335792346415388</c:v>
                </c:pt>
                <c:pt idx="2374">
                  <c:v>45.330387759640637</c:v>
                </c:pt>
                <c:pt idx="2375">
                  <c:v>45.324933905894362</c:v>
                </c:pt>
                <c:pt idx="2376">
                  <c:v>45.318716414089685</c:v>
                </c:pt>
                <c:pt idx="2377">
                  <c:v>45.313262560343411</c:v>
                </c:pt>
                <c:pt idx="2378">
                  <c:v>45.308567417958429</c:v>
                </c:pt>
                <c:pt idx="2379">
                  <c:v>45.303167757880814</c:v>
                </c:pt>
                <c:pt idx="2380">
                  <c:v>45.296950266076131</c:v>
                </c:pt>
                <c:pt idx="2381">
                  <c:v>45.291491485632712</c:v>
                </c:pt>
                <c:pt idx="2382">
                  <c:v>45.286801269944867</c:v>
                </c:pt>
                <c:pt idx="2383">
                  <c:v>45.281347416198606</c:v>
                </c:pt>
                <c:pt idx="2384">
                  <c:v>45.276711394179422</c:v>
                </c:pt>
                <c:pt idx="2385">
                  <c:v>45.271252613736003</c:v>
                </c:pt>
                <c:pt idx="2386">
                  <c:v>45.266616591716819</c:v>
                </c:pt>
                <c:pt idx="2387">
                  <c:v>45.261162737970558</c:v>
                </c:pt>
                <c:pt idx="2388">
                  <c:v>45.255708884224283</c:v>
                </c:pt>
                <c:pt idx="2389">
                  <c:v>45.250250103780878</c:v>
                </c:pt>
                <c:pt idx="2390">
                  <c:v>45.244796250034611</c:v>
                </c:pt>
                <c:pt idx="2391">
                  <c:v>45.239396589956996</c:v>
                </c:pt>
                <c:pt idx="2392">
                  <c:v>45.233942736210743</c:v>
                </c:pt>
                <c:pt idx="2393">
                  <c:v>45.228483955767324</c:v>
                </c:pt>
                <c:pt idx="2394">
                  <c:v>45.223030102021063</c:v>
                </c:pt>
                <c:pt idx="2395">
                  <c:v>45.217576248274788</c:v>
                </c:pt>
                <c:pt idx="2396">
                  <c:v>45.212176588197195</c:v>
                </c:pt>
                <c:pt idx="2397">
                  <c:v>45.207481445812185</c:v>
                </c:pt>
                <c:pt idx="2398">
                  <c:v>45.202027592065932</c:v>
                </c:pt>
                <c:pt idx="2399">
                  <c:v>45.196573738319657</c:v>
                </c:pt>
                <c:pt idx="2400">
                  <c:v>45.191174078242057</c:v>
                </c:pt>
                <c:pt idx="2401">
                  <c:v>45.185715297798637</c:v>
                </c:pt>
                <c:pt idx="2402">
                  <c:v>45.181025082110793</c:v>
                </c:pt>
                <c:pt idx="2403">
                  <c:v>45.175625422033193</c:v>
                </c:pt>
                <c:pt idx="2404">
                  <c:v>45.170171568286932</c:v>
                </c:pt>
                <c:pt idx="2405">
                  <c:v>45.164712787843513</c:v>
                </c:pt>
                <c:pt idx="2406">
                  <c:v>45.159258934097245</c:v>
                </c:pt>
                <c:pt idx="2407">
                  <c:v>45.153805080350978</c:v>
                </c:pt>
                <c:pt idx="2408">
                  <c:v>45.147587588546294</c:v>
                </c:pt>
                <c:pt idx="2409">
                  <c:v>45.142128808102875</c:v>
                </c:pt>
                <c:pt idx="2410">
                  <c:v>45.138256424142114</c:v>
                </c:pt>
                <c:pt idx="2411">
                  <c:v>45.132802570395853</c:v>
                </c:pt>
                <c:pt idx="2412">
                  <c:v>45.127402910318239</c:v>
                </c:pt>
                <c:pt idx="2413">
                  <c:v>45.121944129874827</c:v>
                </c:pt>
                <c:pt idx="2414">
                  <c:v>45.11572663807015</c:v>
                </c:pt>
                <c:pt idx="2415">
                  <c:v>45.111036422382305</c:v>
                </c:pt>
                <c:pt idx="2416">
                  <c:v>45.104814003880456</c:v>
                </c:pt>
                <c:pt idx="2417">
                  <c:v>45.099360150134196</c:v>
                </c:pt>
                <c:pt idx="2418">
                  <c:v>45.093960490056595</c:v>
                </c:pt>
                <c:pt idx="2419">
                  <c:v>45.088506636310328</c:v>
                </c:pt>
                <c:pt idx="2420">
                  <c:v>45.083811493925324</c:v>
                </c:pt>
                <c:pt idx="2421">
                  <c:v>45.079175471906147</c:v>
                </c:pt>
                <c:pt idx="2422">
                  <c:v>45.072957980101457</c:v>
                </c:pt>
                <c:pt idx="2423">
                  <c:v>45.068267764413612</c:v>
                </c:pt>
                <c:pt idx="2424">
                  <c:v>45.063631742394435</c:v>
                </c:pt>
                <c:pt idx="2425">
                  <c:v>45.058172961951016</c:v>
                </c:pt>
                <c:pt idx="2426">
                  <c:v>45.053482746263171</c:v>
                </c:pt>
                <c:pt idx="2427">
                  <c:v>45.047265254458488</c:v>
                </c:pt>
                <c:pt idx="2428">
                  <c:v>45.042629232439303</c:v>
                </c:pt>
                <c:pt idx="2429">
                  <c:v>45.037170451995891</c:v>
                </c:pt>
                <c:pt idx="2430">
                  <c:v>45.031716598249616</c:v>
                </c:pt>
                <c:pt idx="2431">
                  <c:v>45.027026382561772</c:v>
                </c:pt>
                <c:pt idx="2432">
                  <c:v>45.021626722484179</c:v>
                </c:pt>
                <c:pt idx="2433">
                  <c:v>45.016167942040759</c:v>
                </c:pt>
                <c:pt idx="2434">
                  <c:v>45.010714088294485</c:v>
                </c:pt>
                <c:pt idx="2435">
                  <c:v>45.005260234548224</c:v>
                </c:pt>
                <c:pt idx="2436">
                  <c:v>44.999801454104805</c:v>
                </c:pt>
                <c:pt idx="2437">
                  <c:v>44.995165432085628</c:v>
                </c:pt>
                <c:pt idx="2438">
                  <c:v>44.990475216397783</c:v>
                </c:pt>
                <c:pt idx="2439">
                  <c:v>44.985075556320176</c:v>
                </c:pt>
                <c:pt idx="2440">
                  <c:v>44.979616775876757</c:v>
                </c:pt>
                <c:pt idx="2441">
                  <c:v>44.974162922130503</c:v>
                </c:pt>
                <c:pt idx="2442">
                  <c:v>44.968709068384229</c:v>
                </c:pt>
                <c:pt idx="2443">
                  <c:v>44.963255214637961</c:v>
                </c:pt>
                <c:pt idx="2444">
                  <c:v>44.957850627863209</c:v>
                </c:pt>
                <c:pt idx="2445">
                  <c:v>44.953160412175365</c:v>
                </c:pt>
                <c:pt idx="2446">
                  <c:v>44.947706558429097</c:v>
                </c:pt>
                <c:pt idx="2447">
                  <c:v>44.94307053640992</c:v>
                </c:pt>
                <c:pt idx="2448">
                  <c:v>44.9376117559665</c:v>
                </c:pt>
                <c:pt idx="2449">
                  <c:v>44.93215790222024</c:v>
                </c:pt>
                <c:pt idx="2450">
                  <c:v>44.928285518259464</c:v>
                </c:pt>
                <c:pt idx="2451">
                  <c:v>44.922068026454788</c:v>
                </c:pt>
                <c:pt idx="2452">
                  <c:v>44.917372884069792</c:v>
                </c:pt>
                <c:pt idx="2453">
                  <c:v>44.911919030323524</c:v>
                </c:pt>
                <c:pt idx="2454">
                  <c:v>44.906519370245917</c:v>
                </c:pt>
                <c:pt idx="2455">
                  <c:v>44.901829154558072</c:v>
                </c:pt>
                <c:pt idx="2456">
                  <c:v>44.897193132538895</c:v>
                </c:pt>
                <c:pt idx="2457">
                  <c:v>44.891734352095476</c:v>
                </c:pt>
                <c:pt idx="2458">
                  <c:v>44.887044136407631</c:v>
                </c:pt>
                <c:pt idx="2459">
                  <c:v>44.881590282661364</c:v>
                </c:pt>
                <c:pt idx="2460">
                  <c:v>44.876190622583756</c:v>
                </c:pt>
                <c:pt idx="2461">
                  <c:v>44.870731842140344</c:v>
                </c:pt>
                <c:pt idx="2462">
                  <c:v>44.865277988394077</c:v>
                </c:pt>
                <c:pt idx="2463">
                  <c:v>44.860587772706232</c:v>
                </c:pt>
                <c:pt idx="2464">
                  <c:v>44.85518318593148</c:v>
                </c:pt>
                <c:pt idx="2465">
                  <c:v>44.84972933218522</c:v>
                </c:pt>
                <c:pt idx="2466">
                  <c:v>44.845039116497375</c:v>
                </c:pt>
                <c:pt idx="2467">
                  <c:v>44.840403094478184</c:v>
                </c:pt>
                <c:pt idx="2468">
                  <c:v>44.834949240731923</c:v>
                </c:pt>
                <c:pt idx="2469">
                  <c:v>44.829490460288504</c:v>
                </c:pt>
                <c:pt idx="2470">
                  <c:v>44.824036606542236</c:v>
                </c:pt>
                <c:pt idx="2471">
                  <c:v>44.818636946464636</c:v>
                </c:pt>
                <c:pt idx="2472">
                  <c:v>44.813178166021217</c:v>
                </c:pt>
                <c:pt idx="2473">
                  <c:v>44.808487950333372</c:v>
                </c:pt>
                <c:pt idx="2474">
                  <c:v>44.803851928314188</c:v>
                </c:pt>
                <c:pt idx="2475">
                  <c:v>44.798398074567928</c:v>
                </c:pt>
                <c:pt idx="2476">
                  <c:v>44.793702932182924</c:v>
                </c:pt>
                <c:pt idx="2477">
                  <c:v>44.788303272105331</c:v>
                </c:pt>
                <c:pt idx="2478">
                  <c:v>44.782849418359056</c:v>
                </c:pt>
                <c:pt idx="2479">
                  <c:v>44.777395564612796</c:v>
                </c:pt>
                <c:pt idx="2480">
                  <c:v>44.772700422227793</c:v>
                </c:pt>
                <c:pt idx="2481">
                  <c:v>44.767300762150199</c:v>
                </c:pt>
                <c:pt idx="2482">
                  <c:v>44.762610546462355</c:v>
                </c:pt>
                <c:pt idx="2483">
                  <c:v>44.75715669271608</c:v>
                </c:pt>
                <c:pt idx="2484">
                  <c:v>44.751697912272661</c:v>
                </c:pt>
                <c:pt idx="2485">
                  <c:v>44.746298252195068</c:v>
                </c:pt>
                <c:pt idx="2486">
                  <c:v>44.740844398448793</c:v>
                </c:pt>
                <c:pt idx="2487">
                  <c:v>44.735390544702533</c:v>
                </c:pt>
                <c:pt idx="2488">
                  <c:v>44.729931764259113</c:v>
                </c:pt>
                <c:pt idx="2489">
                  <c:v>44.725295742239936</c:v>
                </c:pt>
                <c:pt idx="2490">
                  <c:v>44.719078250435246</c:v>
                </c:pt>
                <c:pt idx="2491">
                  <c:v>44.714388034747401</c:v>
                </c:pt>
                <c:pt idx="2492">
                  <c:v>44.708929254303982</c:v>
                </c:pt>
                <c:pt idx="2493">
                  <c:v>44.704293232284797</c:v>
                </c:pt>
                <c:pt idx="2494">
                  <c:v>44.699603016596953</c:v>
                </c:pt>
                <c:pt idx="2495">
                  <c:v>44.694149162850692</c:v>
                </c:pt>
                <c:pt idx="2496">
                  <c:v>44.688744576075941</c:v>
                </c:pt>
                <c:pt idx="2497">
                  <c:v>44.683290722329666</c:v>
                </c:pt>
                <c:pt idx="2498">
                  <c:v>44.677836868583405</c:v>
                </c:pt>
                <c:pt idx="2499">
                  <c:v>44.672383014837145</c:v>
                </c:pt>
                <c:pt idx="2500">
                  <c:v>44.668505704179225</c:v>
                </c:pt>
                <c:pt idx="2501">
                  <c:v>44.663051850432964</c:v>
                </c:pt>
                <c:pt idx="2502">
                  <c:v>44.65841582841378</c:v>
                </c:pt>
                <c:pt idx="2503">
                  <c:v>44.653725612725935</c:v>
                </c:pt>
                <c:pt idx="2504">
                  <c:v>44.648271758979668</c:v>
                </c:pt>
                <c:pt idx="2505">
                  <c:v>44.643630810263339</c:v>
                </c:pt>
                <c:pt idx="2506">
                  <c:v>44.637413318458648</c:v>
                </c:pt>
                <c:pt idx="2507">
                  <c:v>44.632723102770804</c:v>
                </c:pt>
                <c:pt idx="2508">
                  <c:v>44.628087080751627</c:v>
                </c:pt>
                <c:pt idx="2509">
                  <c:v>44.622628300308207</c:v>
                </c:pt>
                <c:pt idx="2510">
                  <c:v>44.617174446561933</c:v>
                </c:pt>
                <c:pt idx="2511">
                  <c:v>44.611720592815672</c:v>
                </c:pt>
                <c:pt idx="2512">
                  <c:v>44.606261812372253</c:v>
                </c:pt>
                <c:pt idx="2513">
                  <c:v>44.601625790353069</c:v>
                </c:pt>
                <c:pt idx="2514">
                  <c:v>44.596171936606801</c:v>
                </c:pt>
                <c:pt idx="2515">
                  <c:v>44.591535914587624</c:v>
                </c:pt>
                <c:pt idx="2516">
                  <c:v>44.586082060841363</c:v>
                </c:pt>
                <c:pt idx="2517">
                  <c:v>44.58138691845636</c:v>
                </c:pt>
                <c:pt idx="2518">
                  <c:v>44.576750896437183</c:v>
                </c:pt>
                <c:pt idx="2519">
                  <c:v>44.570533404632492</c:v>
                </c:pt>
                <c:pt idx="2520">
                  <c:v>44.565843188944648</c:v>
                </c:pt>
                <c:pt idx="2521">
                  <c:v>44.560384408501235</c:v>
                </c:pt>
                <c:pt idx="2522">
                  <c:v>44.555748386482051</c:v>
                </c:pt>
                <c:pt idx="2523">
                  <c:v>44.551058170794199</c:v>
                </c:pt>
                <c:pt idx="2524">
                  <c:v>44.545604317047932</c:v>
                </c:pt>
                <c:pt idx="2525">
                  <c:v>44.540963368331603</c:v>
                </c:pt>
                <c:pt idx="2526">
                  <c:v>44.535509514585335</c:v>
                </c:pt>
                <c:pt idx="2527">
                  <c:v>44.530055660839068</c:v>
                </c:pt>
                <c:pt idx="2528">
                  <c:v>44.524601807092807</c:v>
                </c:pt>
                <c:pt idx="2529">
                  <c:v>44.519197220318055</c:v>
                </c:pt>
                <c:pt idx="2530">
                  <c:v>44.515270642688627</c:v>
                </c:pt>
                <c:pt idx="2531">
                  <c:v>44.509870982611019</c:v>
                </c:pt>
                <c:pt idx="2532">
                  <c:v>44.504417128864759</c:v>
                </c:pt>
                <c:pt idx="2533">
                  <c:v>44.499721986479756</c:v>
                </c:pt>
                <c:pt idx="2534">
                  <c:v>44.495085964460579</c:v>
                </c:pt>
                <c:pt idx="2535">
                  <c:v>44.489632110714311</c:v>
                </c:pt>
                <c:pt idx="2536">
                  <c:v>44.484178256968043</c:v>
                </c:pt>
                <c:pt idx="2537">
                  <c:v>44.478719476524624</c:v>
                </c:pt>
                <c:pt idx="2538">
                  <c:v>44.474083454505447</c:v>
                </c:pt>
                <c:pt idx="2539">
                  <c:v>44.468629600759179</c:v>
                </c:pt>
                <c:pt idx="2540">
                  <c:v>44.463939385071335</c:v>
                </c:pt>
                <c:pt idx="2541">
                  <c:v>44.458534798296583</c:v>
                </c:pt>
                <c:pt idx="2542">
                  <c:v>44.453844582608738</c:v>
                </c:pt>
                <c:pt idx="2543">
                  <c:v>44.449154366920894</c:v>
                </c:pt>
                <c:pt idx="2544">
                  <c:v>44.443754706843286</c:v>
                </c:pt>
                <c:pt idx="2545">
                  <c:v>44.439059564458297</c:v>
                </c:pt>
                <c:pt idx="2546">
                  <c:v>44.434423542439106</c:v>
                </c:pt>
                <c:pt idx="2547">
                  <c:v>44.428969688692845</c:v>
                </c:pt>
                <c:pt idx="2548">
                  <c:v>44.423515834946578</c:v>
                </c:pt>
                <c:pt idx="2549">
                  <c:v>44.418057054503159</c:v>
                </c:pt>
                <c:pt idx="2550">
                  <c:v>44.413421032483974</c:v>
                </c:pt>
                <c:pt idx="2551">
                  <c:v>44.407967178737714</c:v>
                </c:pt>
                <c:pt idx="2552">
                  <c:v>44.403276963049869</c:v>
                </c:pt>
                <c:pt idx="2553">
                  <c:v>44.397877302972269</c:v>
                </c:pt>
                <c:pt idx="2554">
                  <c:v>44.393182160587259</c:v>
                </c:pt>
                <c:pt idx="2555">
                  <c:v>44.387728306841005</c:v>
                </c:pt>
                <c:pt idx="2556">
                  <c:v>44.383092284821828</c:v>
                </c:pt>
                <c:pt idx="2557">
                  <c:v>44.378402069133983</c:v>
                </c:pt>
                <c:pt idx="2558">
                  <c:v>44.374524758476063</c:v>
                </c:pt>
                <c:pt idx="2559">
                  <c:v>44.369070904729796</c:v>
                </c:pt>
                <c:pt idx="2560">
                  <c:v>44.363617050983528</c:v>
                </c:pt>
                <c:pt idx="2561">
                  <c:v>44.358981028964351</c:v>
                </c:pt>
                <c:pt idx="2562">
                  <c:v>44.353522248520932</c:v>
                </c:pt>
                <c:pt idx="2563">
                  <c:v>44.348832032833087</c:v>
                </c:pt>
                <c:pt idx="2564">
                  <c:v>44.34343237275548</c:v>
                </c:pt>
                <c:pt idx="2565">
                  <c:v>44.338742157067635</c:v>
                </c:pt>
                <c:pt idx="2566">
                  <c:v>44.333283376624216</c:v>
                </c:pt>
                <c:pt idx="2567">
                  <c:v>44.328647354605039</c:v>
                </c:pt>
                <c:pt idx="2568">
                  <c:v>44.323193500858771</c:v>
                </c:pt>
                <c:pt idx="2569">
                  <c:v>44.318503285170927</c:v>
                </c:pt>
                <c:pt idx="2570">
                  <c:v>44.314625974513014</c:v>
                </c:pt>
                <c:pt idx="2571">
                  <c:v>44.309935758825169</c:v>
                </c:pt>
                <c:pt idx="2572">
                  <c:v>44.305299736805978</c:v>
                </c:pt>
                <c:pt idx="2573">
                  <c:v>44.299845883059724</c:v>
                </c:pt>
                <c:pt idx="2574">
                  <c:v>44.294387102616305</c:v>
                </c:pt>
                <c:pt idx="2575">
                  <c:v>44.289751080597114</c:v>
                </c:pt>
                <c:pt idx="2576">
                  <c:v>44.284297226850853</c:v>
                </c:pt>
                <c:pt idx="2577">
                  <c:v>44.278843373104586</c:v>
                </c:pt>
                <c:pt idx="2578">
                  <c:v>44.274207351085401</c:v>
                </c:pt>
                <c:pt idx="2579">
                  <c:v>44.269512208700412</c:v>
                </c:pt>
                <c:pt idx="2580">
                  <c:v>44.264058354954138</c:v>
                </c:pt>
                <c:pt idx="2581">
                  <c:v>44.258658694876544</c:v>
                </c:pt>
                <c:pt idx="2582">
                  <c:v>44.253968479188686</c:v>
                </c:pt>
                <c:pt idx="2583">
                  <c:v>44.248509698745281</c:v>
                </c:pt>
                <c:pt idx="2584">
                  <c:v>44.243055844999013</c:v>
                </c:pt>
                <c:pt idx="2585">
                  <c:v>44.237656184921406</c:v>
                </c:pt>
                <c:pt idx="2586">
                  <c:v>44.232965969233561</c:v>
                </c:pt>
                <c:pt idx="2587">
                  <c:v>44.228270826848565</c:v>
                </c:pt>
                <c:pt idx="2588">
                  <c:v>44.223634804829381</c:v>
                </c:pt>
                <c:pt idx="2589">
                  <c:v>44.21818095108312</c:v>
                </c:pt>
                <c:pt idx="2590">
                  <c:v>44.213544929063936</c:v>
                </c:pt>
                <c:pt idx="2591">
                  <c:v>44.20884978667894</c:v>
                </c:pt>
                <c:pt idx="2592">
                  <c:v>44.203395932932672</c:v>
                </c:pt>
                <c:pt idx="2593">
                  <c:v>44.198759910913488</c:v>
                </c:pt>
                <c:pt idx="2594">
                  <c:v>44.194069695225643</c:v>
                </c:pt>
                <c:pt idx="2595">
                  <c:v>44.189428746509307</c:v>
                </c:pt>
                <c:pt idx="2596">
                  <c:v>44.183974892763047</c:v>
                </c:pt>
                <c:pt idx="2597">
                  <c:v>44.179284677075202</c:v>
                </c:pt>
                <c:pt idx="2598">
                  <c:v>44.173830823328935</c:v>
                </c:pt>
                <c:pt idx="2599">
                  <c:v>44.169189874612606</c:v>
                </c:pt>
                <c:pt idx="2600">
                  <c:v>44.16531749065183</c:v>
                </c:pt>
                <c:pt idx="2601">
                  <c:v>44.159863636905577</c:v>
                </c:pt>
                <c:pt idx="2602">
                  <c:v>44.154409783159309</c:v>
                </c:pt>
                <c:pt idx="2603">
                  <c:v>44.149773761140118</c:v>
                </c:pt>
                <c:pt idx="2604">
                  <c:v>44.145078618755129</c:v>
                </c:pt>
                <c:pt idx="2605">
                  <c:v>44.14120623479436</c:v>
                </c:pt>
                <c:pt idx="2606">
                  <c:v>44.136516019106516</c:v>
                </c:pt>
                <c:pt idx="2607">
                  <c:v>44.131062165360255</c:v>
                </c:pt>
                <c:pt idx="2608">
                  <c:v>44.126421216643919</c:v>
                </c:pt>
                <c:pt idx="2609">
                  <c:v>44.121731000956075</c:v>
                </c:pt>
                <c:pt idx="2610">
                  <c:v>44.115513509151384</c:v>
                </c:pt>
                <c:pt idx="2611">
                  <c:v>44.110877487132207</c:v>
                </c:pt>
                <c:pt idx="2612">
                  <c:v>44.106182344747204</c:v>
                </c:pt>
                <c:pt idx="2613">
                  <c:v>44.101546322728026</c:v>
                </c:pt>
                <c:pt idx="2614">
                  <c:v>44.096856107040182</c:v>
                </c:pt>
                <c:pt idx="2615">
                  <c:v>44.09222008502099</c:v>
                </c:pt>
                <c:pt idx="2616">
                  <c:v>44.087529869333146</c:v>
                </c:pt>
                <c:pt idx="2617">
                  <c:v>44.082834726948157</c:v>
                </c:pt>
                <c:pt idx="2618">
                  <c:v>44.077435066870549</c:v>
                </c:pt>
                <c:pt idx="2619">
                  <c:v>44.072744851182705</c:v>
                </c:pt>
                <c:pt idx="2620">
                  <c:v>44.068108829163521</c:v>
                </c:pt>
                <c:pt idx="2621">
                  <c:v>44.062650048720108</c:v>
                </c:pt>
                <c:pt idx="2622">
                  <c:v>44.057959833032264</c:v>
                </c:pt>
                <c:pt idx="2623">
                  <c:v>44.05332381101308</c:v>
                </c:pt>
                <c:pt idx="2624">
                  <c:v>44.048633595325235</c:v>
                </c:pt>
                <c:pt idx="2625">
                  <c:v>44.043992646608892</c:v>
                </c:pt>
                <c:pt idx="2626">
                  <c:v>44.039302430921055</c:v>
                </c:pt>
                <c:pt idx="2627">
                  <c:v>44.03461221523321</c:v>
                </c:pt>
                <c:pt idx="2628">
                  <c:v>44.029976193214026</c:v>
                </c:pt>
                <c:pt idx="2629">
                  <c:v>44.025285977526174</c:v>
                </c:pt>
                <c:pt idx="2630">
                  <c:v>44.020645028809852</c:v>
                </c:pt>
                <c:pt idx="2631">
                  <c:v>44.015954813121994</c:v>
                </c:pt>
                <c:pt idx="2632">
                  <c:v>44.011318791102816</c:v>
                </c:pt>
                <c:pt idx="2633">
                  <c:v>44.006628575414972</c:v>
                </c:pt>
                <c:pt idx="2634">
                  <c:v>44.001987626698636</c:v>
                </c:pt>
                <c:pt idx="2635">
                  <c:v>43.997297411010791</c:v>
                </c:pt>
                <c:pt idx="2636">
                  <c:v>43.991843557264531</c:v>
                </c:pt>
                <c:pt idx="2637">
                  <c:v>43.987207535245339</c:v>
                </c:pt>
                <c:pt idx="2638">
                  <c:v>43.98251239286035</c:v>
                </c:pt>
                <c:pt idx="2639">
                  <c:v>43.977058539114076</c:v>
                </c:pt>
                <c:pt idx="2640">
                  <c:v>43.972422517094898</c:v>
                </c:pt>
                <c:pt idx="2641">
                  <c:v>43.966968663348631</c:v>
                </c:pt>
                <c:pt idx="2642">
                  <c:v>43.962332641329454</c:v>
                </c:pt>
                <c:pt idx="2643">
                  <c:v>43.95763749894445</c:v>
                </c:pt>
                <c:pt idx="2644">
                  <c:v>43.953765114983689</c:v>
                </c:pt>
                <c:pt idx="2645">
                  <c:v>43.949074899295844</c:v>
                </c:pt>
                <c:pt idx="2646">
                  <c:v>43.94443887727666</c:v>
                </c:pt>
                <c:pt idx="2647">
                  <c:v>43.939743734891664</c:v>
                </c:pt>
                <c:pt idx="2648">
                  <c:v>43.935107712872487</c:v>
                </c:pt>
                <c:pt idx="2649">
                  <c:v>43.931181135243058</c:v>
                </c:pt>
                <c:pt idx="2650">
                  <c:v>43.926545113223867</c:v>
                </c:pt>
                <c:pt idx="2651">
                  <c:v>43.921854897536022</c:v>
                </c:pt>
                <c:pt idx="2652">
                  <c:v>43.917213948819693</c:v>
                </c:pt>
                <c:pt idx="2653">
                  <c:v>43.911760095073426</c:v>
                </c:pt>
                <c:pt idx="2654">
                  <c:v>43.907887711112664</c:v>
                </c:pt>
                <c:pt idx="2655">
                  <c:v>43.903197495424827</c:v>
                </c:pt>
                <c:pt idx="2656">
                  <c:v>43.898556546708491</c:v>
                </c:pt>
                <c:pt idx="2657">
                  <c:v>43.893866331020639</c:v>
                </c:pt>
                <c:pt idx="2658">
                  <c:v>43.889176115332795</c:v>
                </c:pt>
                <c:pt idx="2659">
                  <c:v>43.88454009331361</c:v>
                </c:pt>
                <c:pt idx="2660">
                  <c:v>43.879849877625766</c:v>
                </c:pt>
                <c:pt idx="2661">
                  <c:v>43.874445290851014</c:v>
                </c:pt>
                <c:pt idx="2662">
                  <c:v>43.86975507516317</c:v>
                </c:pt>
                <c:pt idx="2663">
                  <c:v>43.865064859475325</c:v>
                </c:pt>
                <c:pt idx="2664">
                  <c:v>43.860428837456134</c:v>
                </c:pt>
                <c:pt idx="2665">
                  <c:v>43.855733695071144</c:v>
                </c:pt>
                <c:pt idx="2666">
                  <c:v>43.85109767305196</c:v>
                </c:pt>
                <c:pt idx="2667">
                  <c:v>43.847225289091192</c:v>
                </c:pt>
                <c:pt idx="2668">
                  <c:v>43.842535073403347</c:v>
                </c:pt>
                <c:pt idx="2669">
                  <c:v>43.838662689442586</c:v>
                </c:pt>
                <c:pt idx="2670">
                  <c:v>43.83396754705759</c:v>
                </c:pt>
                <c:pt idx="2671">
                  <c:v>43.830095163096829</c:v>
                </c:pt>
                <c:pt idx="2672">
                  <c:v>43.825404947408977</c:v>
                </c:pt>
                <c:pt idx="2673">
                  <c:v>43.8207689253898</c:v>
                </c:pt>
                <c:pt idx="2674">
                  <c:v>43.81531014494638</c:v>
                </c:pt>
                <c:pt idx="2675">
                  <c:v>43.810619929258536</c:v>
                </c:pt>
                <c:pt idx="2676">
                  <c:v>43.805983907239359</c:v>
                </c:pt>
                <c:pt idx="2677">
                  <c:v>43.801293691551507</c:v>
                </c:pt>
                <c:pt idx="2678">
                  <c:v>43.79665766953233</c:v>
                </c:pt>
                <c:pt idx="2679">
                  <c:v>43.79278035887441</c:v>
                </c:pt>
                <c:pt idx="2680">
                  <c:v>43.788090143186565</c:v>
                </c:pt>
                <c:pt idx="2681">
                  <c:v>43.784217759225804</c:v>
                </c:pt>
                <c:pt idx="2682">
                  <c:v>43.779527543537959</c:v>
                </c:pt>
                <c:pt idx="2683">
                  <c:v>43.774891521518782</c:v>
                </c:pt>
                <c:pt idx="2684">
                  <c:v>43.770196379133779</c:v>
                </c:pt>
                <c:pt idx="2685">
                  <c:v>43.765560357114602</c:v>
                </c:pt>
                <c:pt idx="2686">
                  <c:v>43.761633779485173</c:v>
                </c:pt>
                <c:pt idx="2687">
                  <c:v>43.756997757465989</c:v>
                </c:pt>
                <c:pt idx="2688">
                  <c:v>43.752302615080993</c:v>
                </c:pt>
                <c:pt idx="2689">
                  <c:v>43.747666593061801</c:v>
                </c:pt>
                <c:pt idx="2690">
                  <c:v>43.743740015432387</c:v>
                </c:pt>
                <c:pt idx="2691">
                  <c:v>43.739867631471625</c:v>
                </c:pt>
                <c:pt idx="2692">
                  <c:v>43.735231609452441</c:v>
                </c:pt>
                <c:pt idx="2693">
                  <c:v>43.731300105125861</c:v>
                </c:pt>
                <c:pt idx="2694">
                  <c:v>43.726664083106677</c:v>
                </c:pt>
                <c:pt idx="2695">
                  <c:v>43.721973867418832</c:v>
                </c:pt>
                <c:pt idx="2696">
                  <c:v>43.717337845399648</c:v>
                </c:pt>
                <c:pt idx="2697">
                  <c:v>43.713411267770226</c:v>
                </c:pt>
                <c:pt idx="2698">
                  <c:v>43.70877031905389</c:v>
                </c:pt>
                <c:pt idx="2699">
                  <c:v>43.704897935093129</c:v>
                </c:pt>
                <c:pt idx="2700">
                  <c:v>43.699444081346861</c:v>
                </c:pt>
                <c:pt idx="2701">
                  <c:v>43.69551750371744</c:v>
                </c:pt>
                <c:pt idx="2702">
                  <c:v>43.690876555001104</c:v>
                </c:pt>
                <c:pt idx="2703">
                  <c:v>43.686186339313259</c:v>
                </c:pt>
                <c:pt idx="2704">
                  <c:v>43.681550317294068</c:v>
                </c:pt>
                <c:pt idx="2705">
                  <c:v>43.677677933333307</c:v>
                </c:pt>
                <c:pt idx="2706">
                  <c:v>43.672987717645462</c:v>
                </c:pt>
                <c:pt idx="2707">
                  <c:v>43.668292575260473</c:v>
                </c:pt>
                <c:pt idx="2708">
                  <c:v>43.664420191299712</c:v>
                </c:pt>
                <c:pt idx="2709">
                  <c:v>43.65978416928052</c:v>
                </c:pt>
                <c:pt idx="2710">
                  <c:v>43.655093953592676</c:v>
                </c:pt>
                <c:pt idx="2711">
                  <c:v>43.650457931573499</c:v>
                </c:pt>
                <c:pt idx="2712">
                  <c:v>43.646526427246918</c:v>
                </c:pt>
                <c:pt idx="2713">
                  <c:v>43.641890405227741</c:v>
                </c:pt>
                <c:pt idx="2714">
                  <c:v>43.637963827598305</c:v>
                </c:pt>
                <c:pt idx="2715">
                  <c:v>43.633327805579128</c:v>
                </c:pt>
                <c:pt idx="2716">
                  <c:v>43.628632663194132</c:v>
                </c:pt>
                <c:pt idx="2717">
                  <c:v>43.624760279233371</c:v>
                </c:pt>
                <c:pt idx="2718">
                  <c:v>43.620124257214194</c:v>
                </c:pt>
                <c:pt idx="2719">
                  <c:v>43.615434041526335</c:v>
                </c:pt>
                <c:pt idx="2720">
                  <c:v>43.611561657565574</c:v>
                </c:pt>
                <c:pt idx="2721">
                  <c:v>43.606866515180585</c:v>
                </c:pt>
                <c:pt idx="2722">
                  <c:v>43.602230493161393</c:v>
                </c:pt>
                <c:pt idx="2723">
                  <c:v>43.598303915531979</c:v>
                </c:pt>
                <c:pt idx="2724">
                  <c:v>43.593667893512787</c:v>
                </c:pt>
                <c:pt idx="2725">
                  <c:v>43.589741315883366</c:v>
                </c:pt>
                <c:pt idx="2726">
                  <c:v>43.58510036716703</c:v>
                </c:pt>
                <c:pt idx="2727">
                  <c:v>43.581227983206261</c:v>
                </c:pt>
                <c:pt idx="2728">
                  <c:v>43.577301405576847</c:v>
                </c:pt>
                <c:pt idx="2729">
                  <c:v>43.57190174549924</c:v>
                </c:pt>
                <c:pt idx="2730">
                  <c:v>43.567975167869811</c:v>
                </c:pt>
                <c:pt idx="2731">
                  <c:v>43.564097857211891</c:v>
                </c:pt>
                <c:pt idx="2732">
                  <c:v>43.558644003465638</c:v>
                </c:pt>
                <c:pt idx="2733">
                  <c:v>43.554771619504869</c:v>
                </c:pt>
                <c:pt idx="2734">
                  <c:v>43.550899235544108</c:v>
                </c:pt>
                <c:pt idx="2735">
                  <c:v>43.546209019856263</c:v>
                </c:pt>
                <c:pt idx="2736">
                  <c:v>43.542331709198344</c:v>
                </c:pt>
                <c:pt idx="2737">
                  <c:v>43.537641493510499</c:v>
                </c:pt>
                <c:pt idx="2738">
                  <c:v>43.533769109549745</c:v>
                </c:pt>
                <c:pt idx="2739">
                  <c:v>43.5290788938619</c:v>
                </c:pt>
                <c:pt idx="2740">
                  <c:v>43.524437945145564</c:v>
                </c:pt>
                <c:pt idx="2741">
                  <c:v>43.51974772945772</c:v>
                </c:pt>
                <c:pt idx="2742">
                  <c:v>43.515875345496958</c:v>
                </c:pt>
                <c:pt idx="2743">
                  <c:v>43.511239323477767</c:v>
                </c:pt>
                <c:pt idx="2744">
                  <c:v>43.507312745848346</c:v>
                </c:pt>
                <c:pt idx="2745">
                  <c:v>43.503435435190433</c:v>
                </c:pt>
                <c:pt idx="2746">
                  <c:v>43.498745219502588</c:v>
                </c:pt>
                <c:pt idx="2747">
                  <c:v>43.494872835541827</c:v>
                </c:pt>
                <c:pt idx="2748">
                  <c:v>43.490236813522642</c:v>
                </c:pt>
                <c:pt idx="2749">
                  <c:v>43.486310235893207</c:v>
                </c:pt>
                <c:pt idx="2750">
                  <c:v>43.481669287176878</c:v>
                </c:pt>
                <c:pt idx="2751">
                  <c:v>43.477742709547456</c:v>
                </c:pt>
                <c:pt idx="2752">
                  <c:v>43.473106687528272</c:v>
                </c:pt>
                <c:pt idx="2753">
                  <c:v>43.469234303567504</c:v>
                </c:pt>
                <c:pt idx="2754">
                  <c:v>43.464544087879659</c:v>
                </c:pt>
                <c:pt idx="2755">
                  <c:v>43.460666777221746</c:v>
                </c:pt>
                <c:pt idx="2756">
                  <c:v>43.455976561533902</c:v>
                </c:pt>
                <c:pt idx="2757">
                  <c:v>43.45210417757314</c:v>
                </c:pt>
                <c:pt idx="2758">
                  <c:v>43.448231793612379</c:v>
                </c:pt>
                <c:pt idx="2759">
                  <c:v>43.444305215982951</c:v>
                </c:pt>
                <c:pt idx="2760">
                  <c:v>43.439664267266615</c:v>
                </c:pt>
                <c:pt idx="2761">
                  <c:v>43.435791883305853</c:v>
                </c:pt>
                <c:pt idx="2762">
                  <c:v>43.430338029559593</c:v>
                </c:pt>
                <c:pt idx="2763">
                  <c:v>43.425647813871748</c:v>
                </c:pt>
                <c:pt idx="2764">
                  <c:v>43.421775429910987</c:v>
                </c:pt>
                <c:pt idx="2765">
                  <c:v>43.417898119253067</c:v>
                </c:pt>
                <c:pt idx="2766">
                  <c:v>43.413971541623646</c:v>
                </c:pt>
                <c:pt idx="2767">
                  <c:v>43.408571881546031</c:v>
                </c:pt>
                <c:pt idx="2768">
                  <c:v>43.404645303916617</c:v>
                </c:pt>
                <c:pt idx="2769">
                  <c:v>43.400772919955848</c:v>
                </c:pt>
                <c:pt idx="2770">
                  <c:v>43.396077777570852</c:v>
                </c:pt>
                <c:pt idx="2771">
                  <c:v>43.392205393610098</c:v>
                </c:pt>
                <c:pt idx="2772">
                  <c:v>43.387569371590907</c:v>
                </c:pt>
                <c:pt idx="2773">
                  <c:v>43.382879155903062</c:v>
                </c:pt>
                <c:pt idx="2774">
                  <c:v>43.379001845245149</c:v>
                </c:pt>
                <c:pt idx="2775">
                  <c:v>43.374311629557305</c:v>
                </c:pt>
                <c:pt idx="2776">
                  <c:v>43.370439245596536</c:v>
                </c:pt>
                <c:pt idx="2777">
                  <c:v>43.365749029908692</c:v>
                </c:pt>
                <c:pt idx="2778">
                  <c:v>43.36187664594793</c:v>
                </c:pt>
                <c:pt idx="2779">
                  <c:v>43.357999335290025</c:v>
                </c:pt>
                <c:pt idx="2780">
                  <c:v>43.35330911960218</c:v>
                </c:pt>
                <c:pt idx="2781">
                  <c:v>43.350200373699835</c:v>
                </c:pt>
                <c:pt idx="2782">
                  <c:v>43.34556435168065</c:v>
                </c:pt>
                <c:pt idx="2783">
                  <c:v>43.340874135992806</c:v>
                </c:pt>
                <c:pt idx="2784">
                  <c:v>43.336996825334893</c:v>
                </c:pt>
                <c:pt idx="2785">
                  <c:v>43.332306609647048</c:v>
                </c:pt>
                <c:pt idx="2786">
                  <c:v>43.32843422568628</c:v>
                </c:pt>
                <c:pt idx="2787">
                  <c:v>43.323798203667096</c:v>
                </c:pt>
                <c:pt idx="2788">
                  <c:v>43.319871626037667</c:v>
                </c:pt>
                <c:pt idx="2789">
                  <c:v>43.315994315379761</c:v>
                </c:pt>
                <c:pt idx="2790">
                  <c:v>43.31130409969191</c:v>
                </c:pt>
                <c:pt idx="2791">
                  <c:v>43.305904439614309</c:v>
                </c:pt>
                <c:pt idx="2792">
                  <c:v>43.301977861984888</c:v>
                </c:pt>
                <c:pt idx="2793">
                  <c:v>43.297341839965696</c:v>
                </c:pt>
                <c:pt idx="2794">
                  <c:v>43.2926466975807</c:v>
                </c:pt>
                <c:pt idx="2795">
                  <c:v>43.288774313619939</c:v>
                </c:pt>
                <c:pt idx="2796">
                  <c:v>43.284901929659185</c:v>
                </c:pt>
                <c:pt idx="2797">
                  <c:v>43.280975352029756</c:v>
                </c:pt>
                <c:pt idx="2798">
                  <c:v>43.276339330010565</c:v>
                </c:pt>
                <c:pt idx="2799">
                  <c:v>43.272462019352659</c:v>
                </c:pt>
                <c:pt idx="2800">
                  <c:v>43.267771803664814</c:v>
                </c:pt>
                <c:pt idx="2801">
                  <c:v>43.263899419704053</c:v>
                </c:pt>
                <c:pt idx="2802">
                  <c:v>43.260027035743285</c:v>
                </c:pt>
                <c:pt idx="2803">
                  <c:v>43.25533682005544</c:v>
                </c:pt>
                <c:pt idx="2804">
                  <c:v>43.250641677670444</c:v>
                </c:pt>
                <c:pt idx="2805">
                  <c:v>43.246769293709683</c:v>
                </c:pt>
                <c:pt idx="2806">
                  <c:v>43.242896909748922</c:v>
                </c:pt>
                <c:pt idx="2807">
                  <c:v>43.23820669406107</c:v>
                </c:pt>
                <c:pt idx="2808">
                  <c:v>43.232802107286318</c:v>
                </c:pt>
                <c:pt idx="2809">
                  <c:v>43.229639167715312</c:v>
                </c:pt>
                <c:pt idx="2810">
                  <c:v>43.225003145696121</c:v>
                </c:pt>
                <c:pt idx="2811">
                  <c:v>43.221130761735367</c:v>
                </c:pt>
                <c:pt idx="2812">
                  <c:v>43.216440546047522</c:v>
                </c:pt>
                <c:pt idx="2813">
                  <c:v>43.212563235389609</c:v>
                </c:pt>
                <c:pt idx="2814">
                  <c:v>43.207873019701758</c:v>
                </c:pt>
                <c:pt idx="2815">
                  <c:v>43.204000635740996</c:v>
                </c:pt>
                <c:pt idx="2816">
                  <c:v>43.200128251780235</c:v>
                </c:pt>
                <c:pt idx="2817">
                  <c:v>43.195438036092391</c:v>
                </c:pt>
                <c:pt idx="2818">
                  <c:v>43.190797087376055</c:v>
                </c:pt>
                <c:pt idx="2819">
                  <c:v>43.187688341473709</c:v>
                </c:pt>
                <c:pt idx="2820">
                  <c:v>43.182998125785865</c:v>
                </c:pt>
                <c:pt idx="2821">
                  <c:v>43.179125741825104</c:v>
                </c:pt>
                <c:pt idx="2822">
                  <c:v>43.175253357864342</c:v>
                </c:pt>
                <c:pt idx="2823">
                  <c:v>43.170558215479339</c:v>
                </c:pt>
                <c:pt idx="2824">
                  <c:v>43.165867999791494</c:v>
                </c:pt>
                <c:pt idx="2825">
                  <c:v>43.16199561583074</c:v>
                </c:pt>
                <c:pt idx="2826">
                  <c:v>43.158123231869972</c:v>
                </c:pt>
                <c:pt idx="2827">
                  <c:v>43.153433016182127</c:v>
                </c:pt>
                <c:pt idx="2828">
                  <c:v>43.149555705524214</c:v>
                </c:pt>
                <c:pt idx="2829">
                  <c:v>43.14486548983637</c:v>
                </c:pt>
                <c:pt idx="2830">
                  <c:v>43.140993105875609</c:v>
                </c:pt>
                <c:pt idx="2831">
                  <c:v>43.13712072191484</c:v>
                </c:pt>
                <c:pt idx="2832">
                  <c:v>43.132430506226996</c:v>
                </c:pt>
                <c:pt idx="2833">
                  <c:v>43.128553195569083</c:v>
                </c:pt>
                <c:pt idx="2834">
                  <c:v>43.124680811608314</c:v>
                </c:pt>
                <c:pt idx="2835">
                  <c:v>43.11999059592047</c:v>
                </c:pt>
                <c:pt idx="2836">
                  <c:v>43.115354573901293</c:v>
                </c:pt>
                <c:pt idx="2837">
                  <c:v>43.110664358213448</c:v>
                </c:pt>
                <c:pt idx="2838">
                  <c:v>43.106787047555535</c:v>
                </c:pt>
                <c:pt idx="2839">
                  <c:v>43.102096831867691</c:v>
                </c:pt>
                <c:pt idx="2840">
                  <c:v>43.098224447906922</c:v>
                </c:pt>
                <c:pt idx="2841">
                  <c:v>43.094352063946168</c:v>
                </c:pt>
                <c:pt idx="2842">
                  <c:v>43.089661848258309</c:v>
                </c:pt>
                <c:pt idx="2843">
                  <c:v>43.085784537600404</c:v>
                </c:pt>
                <c:pt idx="2844">
                  <c:v>43.081094321912559</c:v>
                </c:pt>
                <c:pt idx="2845">
                  <c:v>43.077221937951798</c:v>
                </c:pt>
                <c:pt idx="2846">
                  <c:v>43.073349553991036</c:v>
                </c:pt>
                <c:pt idx="2847">
                  <c:v>43.068659338303178</c:v>
                </c:pt>
                <c:pt idx="2848">
                  <c:v>43.064782027645272</c:v>
                </c:pt>
                <c:pt idx="2849">
                  <c:v>43.060091811957427</c:v>
                </c:pt>
                <c:pt idx="2850">
                  <c:v>43.056983066055089</c:v>
                </c:pt>
                <c:pt idx="2851">
                  <c:v>43.052347044035898</c:v>
                </c:pt>
                <c:pt idx="2852">
                  <c:v>43.048474660075136</c:v>
                </c:pt>
                <c:pt idx="2853">
                  <c:v>43.044543155748563</c:v>
                </c:pt>
                <c:pt idx="2854">
                  <c:v>43.039907133729379</c:v>
                </c:pt>
                <c:pt idx="2855">
                  <c:v>43.036034749768611</c:v>
                </c:pt>
                <c:pt idx="2856">
                  <c:v>43.031344534080766</c:v>
                </c:pt>
                <c:pt idx="2857">
                  <c:v>43.027472150120005</c:v>
                </c:pt>
                <c:pt idx="2858">
                  <c:v>43.022777007735016</c:v>
                </c:pt>
                <c:pt idx="2859">
                  <c:v>43.018904623774255</c:v>
                </c:pt>
                <c:pt idx="2860">
                  <c:v>43.015032239813479</c:v>
                </c:pt>
                <c:pt idx="2861">
                  <c:v>43.010342024125634</c:v>
                </c:pt>
                <c:pt idx="2862">
                  <c:v>43.005646881740645</c:v>
                </c:pt>
                <c:pt idx="2863">
                  <c:v>43.001774497779884</c:v>
                </c:pt>
                <c:pt idx="2864">
                  <c:v>42.997138475760693</c:v>
                </c:pt>
                <c:pt idx="2865">
                  <c:v>42.993211898131271</c:v>
                </c:pt>
                <c:pt idx="2866">
                  <c:v>42.98933951417051</c:v>
                </c:pt>
                <c:pt idx="2867">
                  <c:v>42.984703492151333</c:v>
                </c:pt>
                <c:pt idx="2868">
                  <c:v>42.980771987824753</c:v>
                </c:pt>
                <c:pt idx="2869">
                  <c:v>42.976135965805568</c:v>
                </c:pt>
                <c:pt idx="2870">
                  <c:v>42.97220938817614</c:v>
                </c:pt>
                <c:pt idx="2871">
                  <c:v>42.967573366156962</c:v>
                </c:pt>
                <c:pt idx="2872">
                  <c:v>42.962878223771959</c:v>
                </c:pt>
                <c:pt idx="2873">
                  <c:v>42.959005839811198</c:v>
                </c:pt>
                <c:pt idx="2874">
                  <c:v>42.955133455850437</c:v>
                </c:pt>
                <c:pt idx="2875">
                  <c:v>42.950443240162592</c:v>
                </c:pt>
                <c:pt idx="2876">
                  <c:v>42.946570856201824</c:v>
                </c:pt>
                <c:pt idx="2877">
                  <c:v>42.942698472241069</c:v>
                </c:pt>
                <c:pt idx="2878">
                  <c:v>42.938003329856066</c:v>
                </c:pt>
                <c:pt idx="2879">
                  <c:v>42.933367307836889</c:v>
                </c:pt>
                <c:pt idx="2880">
                  <c:v>42.92944073020746</c:v>
                </c:pt>
                <c:pt idx="2881">
                  <c:v>42.924804708188283</c:v>
                </c:pt>
                <c:pt idx="2882">
                  <c:v>42.920873203861696</c:v>
                </c:pt>
                <c:pt idx="2883">
                  <c:v>42.917000819900935</c:v>
                </c:pt>
                <c:pt idx="2884">
                  <c:v>42.91312843594018</c:v>
                </c:pt>
                <c:pt idx="2885">
                  <c:v>42.908438220252329</c:v>
                </c:pt>
                <c:pt idx="2886">
                  <c:v>42.903802198233144</c:v>
                </c:pt>
                <c:pt idx="2887">
                  <c:v>42.899924887575231</c:v>
                </c:pt>
                <c:pt idx="2888">
                  <c:v>42.89599830994581</c:v>
                </c:pt>
                <c:pt idx="2889">
                  <c:v>42.891362287926633</c:v>
                </c:pt>
                <c:pt idx="2890">
                  <c:v>42.887435710297197</c:v>
                </c:pt>
                <c:pt idx="2891">
                  <c:v>42.882799688278013</c:v>
                </c:pt>
                <c:pt idx="2892">
                  <c:v>42.878922377620107</c:v>
                </c:pt>
                <c:pt idx="2893">
                  <c:v>42.874232161932262</c:v>
                </c:pt>
                <c:pt idx="2894">
                  <c:v>42.870359777971494</c:v>
                </c:pt>
                <c:pt idx="2895">
                  <c:v>42.866433200342072</c:v>
                </c:pt>
                <c:pt idx="2896">
                  <c:v>42.861797178322881</c:v>
                </c:pt>
                <c:pt idx="2897">
                  <c:v>42.857919867664975</c:v>
                </c:pt>
                <c:pt idx="2898">
                  <c:v>42.853229651977131</c:v>
                </c:pt>
                <c:pt idx="2899">
                  <c:v>42.850120906074785</c:v>
                </c:pt>
                <c:pt idx="2900">
                  <c:v>42.845484884055594</c:v>
                </c:pt>
                <c:pt idx="2901">
                  <c:v>42.84155830642618</c:v>
                </c:pt>
                <c:pt idx="2902">
                  <c:v>42.836917357709844</c:v>
                </c:pt>
                <c:pt idx="2903">
                  <c:v>42.832227142021999</c:v>
                </c:pt>
                <c:pt idx="2904">
                  <c:v>42.828354758061238</c:v>
                </c:pt>
                <c:pt idx="2905">
                  <c:v>42.824482374100462</c:v>
                </c:pt>
                <c:pt idx="2906">
                  <c:v>42.819792158412625</c:v>
                </c:pt>
                <c:pt idx="2907">
                  <c:v>42.815914847754712</c:v>
                </c:pt>
                <c:pt idx="2908">
                  <c:v>42.811988270125283</c:v>
                </c:pt>
                <c:pt idx="2909">
                  <c:v>42.807352248106099</c:v>
                </c:pt>
                <c:pt idx="2910">
                  <c:v>42.802662032418255</c:v>
                </c:pt>
                <c:pt idx="2911">
                  <c:v>42.79802601039907</c:v>
                </c:pt>
                <c:pt idx="2912">
                  <c:v>42.794148699741157</c:v>
                </c:pt>
                <c:pt idx="2913">
                  <c:v>42.789458484053313</c:v>
                </c:pt>
                <c:pt idx="2914">
                  <c:v>42.785586100092551</c:v>
                </c:pt>
                <c:pt idx="2915">
                  <c:v>42.780895884404707</c:v>
                </c:pt>
                <c:pt idx="2916">
                  <c:v>42.777023500443946</c:v>
                </c:pt>
                <c:pt idx="2917">
                  <c:v>42.772328358058942</c:v>
                </c:pt>
                <c:pt idx="2918">
                  <c:v>42.768455974098181</c:v>
                </c:pt>
                <c:pt idx="2919">
                  <c:v>42.763819952079004</c:v>
                </c:pt>
                <c:pt idx="2920">
                  <c:v>42.759893374449575</c:v>
                </c:pt>
                <c:pt idx="2921">
                  <c:v>42.755252425733239</c:v>
                </c:pt>
                <c:pt idx="2922">
                  <c:v>42.750562210045395</c:v>
                </c:pt>
                <c:pt idx="2923">
                  <c:v>42.746689826084634</c:v>
                </c:pt>
                <c:pt idx="2924">
                  <c:v>42.742817442123872</c:v>
                </c:pt>
                <c:pt idx="2925">
                  <c:v>42.738127226436028</c:v>
                </c:pt>
                <c:pt idx="2926">
                  <c:v>42.734249915778115</c:v>
                </c:pt>
                <c:pt idx="2927">
                  <c:v>42.72955970009027</c:v>
                </c:pt>
                <c:pt idx="2928">
                  <c:v>42.724923678071079</c:v>
                </c:pt>
                <c:pt idx="2929">
                  <c:v>42.720997100441657</c:v>
                </c:pt>
                <c:pt idx="2930">
                  <c:v>42.716361078422473</c:v>
                </c:pt>
                <c:pt idx="2931">
                  <c:v>42.712483767764567</c:v>
                </c:pt>
                <c:pt idx="2932">
                  <c:v>42.707793552076723</c:v>
                </c:pt>
                <c:pt idx="2933">
                  <c:v>42.703921168115947</c:v>
                </c:pt>
                <c:pt idx="2934">
                  <c:v>42.699994590486526</c:v>
                </c:pt>
                <c:pt idx="2935">
                  <c:v>42.695358568467341</c:v>
                </c:pt>
                <c:pt idx="2936">
                  <c:v>42.691481257809436</c:v>
                </c:pt>
                <c:pt idx="2937">
                  <c:v>42.686791042121584</c:v>
                </c:pt>
                <c:pt idx="2938">
                  <c:v>42.6821550201024</c:v>
                </c:pt>
                <c:pt idx="2939">
                  <c:v>42.678228442472978</c:v>
                </c:pt>
                <c:pt idx="2940">
                  <c:v>42.673592420453794</c:v>
                </c:pt>
                <c:pt idx="2941">
                  <c:v>42.668897278068791</c:v>
                </c:pt>
                <c:pt idx="2942">
                  <c:v>42.665024894108029</c:v>
                </c:pt>
                <c:pt idx="2943">
                  <c:v>42.660334678420185</c:v>
                </c:pt>
                <c:pt idx="2944">
                  <c:v>42.65646229445943</c:v>
                </c:pt>
                <c:pt idx="2945">
                  <c:v>42.651826272440239</c:v>
                </c:pt>
                <c:pt idx="2946">
                  <c:v>42.647131130055243</c:v>
                </c:pt>
                <c:pt idx="2947">
                  <c:v>42.642440914367398</c:v>
                </c:pt>
                <c:pt idx="2948">
                  <c:v>42.637804892348214</c:v>
                </c:pt>
                <c:pt idx="2949">
                  <c:v>42.633932508387453</c:v>
                </c:pt>
                <c:pt idx="2950">
                  <c:v>42.630001004060873</c:v>
                </c:pt>
                <c:pt idx="2951">
                  <c:v>42.626128620100111</c:v>
                </c:pt>
                <c:pt idx="2952">
                  <c:v>42.621492598080927</c:v>
                </c:pt>
                <c:pt idx="2953">
                  <c:v>42.617566020451513</c:v>
                </c:pt>
                <c:pt idx="2954">
                  <c:v>42.612929998432321</c:v>
                </c:pt>
                <c:pt idx="2955">
                  <c:v>42.608234856047332</c:v>
                </c:pt>
                <c:pt idx="2956">
                  <c:v>42.603598834028141</c:v>
                </c:pt>
                <c:pt idx="2957">
                  <c:v>42.599672256398719</c:v>
                </c:pt>
                <c:pt idx="2958">
                  <c:v>42.595036234379535</c:v>
                </c:pt>
                <c:pt idx="2959">
                  <c:v>42.59034601869169</c:v>
                </c:pt>
                <c:pt idx="2960">
                  <c:v>42.58646870803377</c:v>
                </c:pt>
                <c:pt idx="2961">
                  <c:v>42.582596324073016</c:v>
                </c:pt>
                <c:pt idx="2962">
                  <c:v>42.577906108385172</c:v>
                </c:pt>
                <c:pt idx="2963">
                  <c:v>42.573270086365987</c:v>
                </c:pt>
                <c:pt idx="2964">
                  <c:v>42.569343508736559</c:v>
                </c:pt>
                <c:pt idx="2965">
                  <c:v>42.565466198078646</c:v>
                </c:pt>
                <c:pt idx="2966">
                  <c:v>42.561593814117884</c:v>
                </c:pt>
                <c:pt idx="2967">
                  <c:v>42.556903598430033</c:v>
                </c:pt>
                <c:pt idx="2968">
                  <c:v>42.553031214469272</c:v>
                </c:pt>
                <c:pt idx="2969">
                  <c:v>42.549158830508517</c:v>
                </c:pt>
                <c:pt idx="2970">
                  <c:v>42.544463688123514</c:v>
                </c:pt>
                <c:pt idx="2971">
                  <c:v>42.540591304162746</c:v>
                </c:pt>
                <c:pt idx="2972">
                  <c:v>42.535901088474901</c:v>
                </c:pt>
                <c:pt idx="2973">
                  <c:v>42.532028704514147</c:v>
                </c:pt>
                <c:pt idx="2974">
                  <c:v>42.527333562129144</c:v>
                </c:pt>
                <c:pt idx="2975">
                  <c:v>42.521933902051551</c:v>
                </c:pt>
                <c:pt idx="2976">
                  <c:v>42.518007324422122</c:v>
                </c:pt>
                <c:pt idx="2977">
                  <c:v>42.512607664344515</c:v>
                </c:pt>
                <c:pt idx="2978">
                  <c:v>42.508681086715086</c:v>
                </c:pt>
                <c:pt idx="2979">
                  <c:v>42.504040137998757</c:v>
                </c:pt>
                <c:pt idx="2980">
                  <c:v>42.499349922310913</c:v>
                </c:pt>
                <c:pt idx="2981">
                  <c:v>42.494713900291728</c:v>
                </c:pt>
                <c:pt idx="2982">
                  <c:v>42.4907873226623</c:v>
                </c:pt>
                <c:pt idx="2983">
                  <c:v>42.486914938701538</c:v>
                </c:pt>
                <c:pt idx="2984">
                  <c:v>42.482273989985202</c:v>
                </c:pt>
                <c:pt idx="2985">
                  <c:v>42.478347412355781</c:v>
                </c:pt>
                <c:pt idx="2986">
                  <c:v>42.474475028395013</c:v>
                </c:pt>
                <c:pt idx="2987">
                  <c:v>42.469784812707168</c:v>
                </c:pt>
                <c:pt idx="2988">
                  <c:v>42.465912428746414</c:v>
                </c:pt>
                <c:pt idx="2989">
                  <c:v>42.461271480030078</c:v>
                </c:pt>
                <c:pt idx="2990">
                  <c:v>42.456581264342233</c:v>
                </c:pt>
                <c:pt idx="2991">
                  <c:v>42.452708880381465</c:v>
                </c:pt>
                <c:pt idx="2992">
                  <c:v>42.447255026635197</c:v>
                </c:pt>
                <c:pt idx="2993">
                  <c:v>42.443377715977292</c:v>
                </c:pt>
                <c:pt idx="2994">
                  <c:v>42.439451138347863</c:v>
                </c:pt>
                <c:pt idx="2995">
                  <c:v>42.434815116328686</c:v>
                </c:pt>
                <c:pt idx="2996">
                  <c:v>42.430124900640827</c:v>
                </c:pt>
                <c:pt idx="2997">
                  <c:v>42.42548887862165</c:v>
                </c:pt>
                <c:pt idx="2998">
                  <c:v>42.421557374295077</c:v>
                </c:pt>
                <c:pt idx="2999">
                  <c:v>42.416157714217469</c:v>
                </c:pt>
                <c:pt idx="3000">
                  <c:v>42.412231136588041</c:v>
                </c:pt>
                <c:pt idx="3001">
                  <c:v>42.407595114568863</c:v>
                </c:pt>
                <c:pt idx="3002">
                  <c:v>42.40289997218386</c:v>
                </c:pt>
                <c:pt idx="3003">
                  <c:v>42.398263950164683</c:v>
                </c:pt>
                <c:pt idx="3004">
                  <c:v>42.394337372535261</c:v>
                </c:pt>
                <c:pt idx="3005">
                  <c:v>42.3904649885745</c:v>
                </c:pt>
                <c:pt idx="3006">
                  <c:v>42.385828966555309</c:v>
                </c:pt>
                <c:pt idx="3007">
                  <c:v>42.381133824170313</c:v>
                </c:pt>
                <c:pt idx="3008">
                  <c:v>42.376497802151128</c:v>
                </c:pt>
                <c:pt idx="3009">
                  <c:v>42.371807586463284</c:v>
                </c:pt>
                <c:pt idx="3010">
                  <c:v>42.367935202502522</c:v>
                </c:pt>
                <c:pt idx="3011">
                  <c:v>42.363244986814678</c:v>
                </c:pt>
                <c:pt idx="3012">
                  <c:v>42.358604038098342</c:v>
                </c:pt>
                <c:pt idx="3013">
                  <c:v>42.353913822410497</c:v>
                </c:pt>
                <c:pt idx="3014">
                  <c:v>42.350041438449736</c:v>
                </c:pt>
                <c:pt idx="3015">
                  <c:v>42.345351222761892</c:v>
                </c:pt>
                <c:pt idx="3016">
                  <c:v>42.340715200742707</c:v>
                </c:pt>
                <c:pt idx="3017">
                  <c:v>42.336020058357711</c:v>
                </c:pt>
                <c:pt idx="3018">
                  <c:v>42.331384036338534</c:v>
                </c:pt>
                <c:pt idx="3019">
                  <c:v>42.327457458709105</c:v>
                </c:pt>
                <c:pt idx="3020">
                  <c:v>42.322057798631505</c:v>
                </c:pt>
                <c:pt idx="3021">
                  <c:v>42.318126294304925</c:v>
                </c:pt>
                <c:pt idx="3022">
                  <c:v>42.31267244055865</c:v>
                </c:pt>
                <c:pt idx="3023">
                  <c:v>42.308800056597896</c:v>
                </c:pt>
                <c:pt idx="3024">
                  <c:v>42.304164034578712</c:v>
                </c:pt>
                <c:pt idx="3025">
                  <c:v>42.299473818890867</c:v>
                </c:pt>
                <c:pt idx="3026">
                  <c:v>42.295596508232947</c:v>
                </c:pt>
                <c:pt idx="3027">
                  <c:v>42.291724124272186</c:v>
                </c:pt>
                <c:pt idx="3028">
                  <c:v>42.287797546642764</c:v>
                </c:pt>
                <c:pt idx="3029">
                  <c:v>42.283161524623587</c:v>
                </c:pt>
                <c:pt idx="3030">
                  <c:v>42.278471308935742</c:v>
                </c:pt>
                <c:pt idx="3031">
                  <c:v>42.274593998277822</c:v>
                </c:pt>
                <c:pt idx="3032">
                  <c:v>42.269903782589978</c:v>
                </c:pt>
                <c:pt idx="3033">
                  <c:v>42.265267760570794</c:v>
                </c:pt>
                <c:pt idx="3034">
                  <c:v>42.261395376610025</c:v>
                </c:pt>
                <c:pt idx="3035">
                  <c:v>42.256700234225036</c:v>
                </c:pt>
                <c:pt idx="3036">
                  <c:v>42.252010018537192</c:v>
                </c:pt>
                <c:pt idx="3037">
                  <c:v>42.247373996518</c:v>
                </c:pt>
                <c:pt idx="3038">
                  <c:v>42.242683780830163</c:v>
                </c:pt>
                <c:pt idx="3039">
                  <c:v>42.238811396869401</c:v>
                </c:pt>
                <c:pt idx="3040">
                  <c:v>42.233352616425982</c:v>
                </c:pt>
                <c:pt idx="3041">
                  <c:v>42.229480232465214</c:v>
                </c:pt>
                <c:pt idx="3042">
                  <c:v>42.224790016777369</c:v>
                </c:pt>
                <c:pt idx="3043">
                  <c:v>42.220153994758192</c:v>
                </c:pt>
                <c:pt idx="3044">
                  <c:v>42.215458852373196</c:v>
                </c:pt>
                <c:pt idx="3045">
                  <c:v>42.211586468412435</c:v>
                </c:pt>
                <c:pt idx="3046">
                  <c:v>42.20613261466616</c:v>
                </c:pt>
                <c:pt idx="3047">
                  <c:v>42.200678760919899</c:v>
                </c:pt>
                <c:pt idx="3048">
                  <c:v>42.196806376959138</c:v>
                </c:pt>
                <c:pt idx="3049">
                  <c:v>42.192165428242802</c:v>
                </c:pt>
                <c:pt idx="3050">
                  <c:v>42.187475212554958</c:v>
                </c:pt>
                <c:pt idx="3051">
                  <c:v>42.18283919053578</c:v>
                </c:pt>
                <c:pt idx="3052">
                  <c:v>42.178912612906352</c:v>
                </c:pt>
                <c:pt idx="3053">
                  <c:v>42.175040228945591</c:v>
                </c:pt>
                <c:pt idx="3054">
                  <c:v>42.170345086560587</c:v>
                </c:pt>
                <c:pt idx="3055">
                  <c:v>42.16570906454141</c:v>
                </c:pt>
                <c:pt idx="3056">
                  <c:v>42.161018848853566</c:v>
                </c:pt>
                <c:pt idx="3057">
                  <c:v>42.156382826834374</c:v>
                </c:pt>
                <c:pt idx="3058">
                  <c:v>42.151687684449385</c:v>
                </c:pt>
                <c:pt idx="3059">
                  <c:v>42.147051662430194</c:v>
                </c:pt>
                <c:pt idx="3060">
                  <c:v>42.142361446742349</c:v>
                </c:pt>
                <c:pt idx="3061">
                  <c:v>42.137725424723172</c:v>
                </c:pt>
                <c:pt idx="3062">
                  <c:v>42.132271570976904</c:v>
                </c:pt>
                <c:pt idx="3063">
                  <c:v>42.127576428591908</c:v>
                </c:pt>
                <c:pt idx="3064">
                  <c:v>42.123704044631154</c:v>
                </c:pt>
                <c:pt idx="3065">
                  <c:v>42.119068022611962</c:v>
                </c:pt>
                <c:pt idx="3066">
                  <c:v>42.115141444982534</c:v>
                </c:pt>
                <c:pt idx="3067">
                  <c:v>42.110500496266198</c:v>
                </c:pt>
                <c:pt idx="3068">
                  <c:v>42.105810280578353</c:v>
                </c:pt>
                <c:pt idx="3069">
                  <c:v>42.100356426832093</c:v>
                </c:pt>
                <c:pt idx="3070">
                  <c:v>42.096484042871332</c:v>
                </c:pt>
                <c:pt idx="3071">
                  <c:v>42.09261165891057</c:v>
                </c:pt>
                <c:pt idx="3072">
                  <c:v>42.087916516525567</c:v>
                </c:pt>
                <c:pt idx="3073">
                  <c:v>42.084044132564806</c:v>
                </c:pt>
                <c:pt idx="3074">
                  <c:v>42.079353916876961</c:v>
                </c:pt>
                <c:pt idx="3075">
                  <c:v>42.074717894857777</c:v>
                </c:pt>
                <c:pt idx="3076">
                  <c:v>42.070022752472781</c:v>
                </c:pt>
                <c:pt idx="3077">
                  <c:v>42.065386730453596</c:v>
                </c:pt>
                <c:pt idx="3078">
                  <c:v>42.060696514765752</c:v>
                </c:pt>
                <c:pt idx="3079">
                  <c:v>42.056060492746568</c:v>
                </c:pt>
                <c:pt idx="3080">
                  <c:v>42.050606639000314</c:v>
                </c:pt>
                <c:pt idx="3081">
                  <c:v>42.046729328342387</c:v>
                </c:pt>
                <c:pt idx="3082">
                  <c:v>42.042802750712966</c:v>
                </c:pt>
                <c:pt idx="3083">
                  <c:v>42.038166728693788</c:v>
                </c:pt>
                <c:pt idx="3084">
                  <c:v>42.033476513005944</c:v>
                </c:pt>
                <c:pt idx="3085">
                  <c:v>42.028017732562525</c:v>
                </c:pt>
                <c:pt idx="3086">
                  <c:v>42.022618072484917</c:v>
                </c:pt>
                <c:pt idx="3087">
                  <c:v>42.017927856797073</c:v>
                </c:pt>
                <c:pt idx="3088">
                  <c:v>42.013291834777888</c:v>
                </c:pt>
                <c:pt idx="3089">
                  <c:v>42.008601619090044</c:v>
                </c:pt>
                <c:pt idx="3090">
                  <c:v>42.003906476705048</c:v>
                </c:pt>
                <c:pt idx="3091">
                  <c:v>41.999270454685856</c:v>
                </c:pt>
                <c:pt idx="3092">
                  <c:v>41.994580238998012</c:v>
                </c:pt>
                <c:pt idx="3093">
                  <c:v>41.99070785503725</c:v>
                </c:pt>
                <c:pt idx="3094">
                  <c:v>41.985249074593831</c:v>
                </c:pt>
                <c:pt idx="3095">
                  <c:v>41.980613052574654</c:v>
                </c:pt>
                <c:pt idx="3096">
                  <c:v>41.976686474945232</c:v>
                </c:pt>
                <c:pt idx="3097">
                  <c:v>41.972050452926055</c:v>
                </c:pt>
                <c:pt idx="3098">
                  <c:v>41.967360237238211</c:v>
                </c:pt>
                <c:pt idx="3099">
                  <c:v>41.961955650463445</c:v>
                </c:pt>
                <c:pt idx="3100">
                  <c:v>41.9572654347756</c:v>
                </c:pt>
                <c:pt idx="3101">
                  <c:v>41.952629412756423</c:v>
                </c:pt>
                <c:pt idx="3102">
                  <c:v>41.947175559010148</c:v>
                </c:pt>
                <c:pt idx="3103">
                  <c:v>41.942480416625159</c:v>
                </c:pt>
                <c:pt idx="3104">
                  <c:v>41.937844394605982</c:v>
                </c:pt>
                <c:pt idx="3105">
                  <c:v>41.933154178918123</c:v>
                </c:pt>
                <c:pt idx="3106">
                  <c:v>41.927700325171863</c:v>
                </c:pt>
                <c:pt idx="3107">
                  <c:v>41.923059376455527</c:v>
                </c:pt>
                <c:pt idx="3108">
                  <c:v>41.918369160767682</c:v>
                </c:pt>
                <c:pt idx="3109">
                  <c:v>41.912915307021422</c:v>
                </c:pt>
                <c:pt idx="3110">
                  <c:v>41.908279285002237</c:v>
                </c:pt>
                <c:pt idx="3111">
                  <c:v>41.904406901041476</c:v>
                </c:pt>
                <c:pt idx="3112">
                  <c:v>41.900475396714903</c:v>
                </c:pt>
                <c:pt idx="3113">
                  <c:v>41.895839374695711</c:v>
                </c:pt>
                <c:pt idx="3114">
                  <c:v>41.891149159007867</c:v>
                </c:pt>
                <c:pt idx="3115">
                  <c:v>41.88651313698869</c:v>
                </c:pt>
                <c:pt idx="3116">
                  <c:v>41.881817994603686</c:v>
                </c:pt>
                <c:pt idx="3117">
                  <c:v>41.877181972584509</c:v>
                </c:pt>
                <c:pt idx="3118">
                  <c:v>41.871728118838242</c:v>
                </c:pt>
                <c:pt idx="3119">
                  <c:v>41.866274265091974</c:v>
                </c:pt>
                <c:pt idx="3120">
                  <c:v>41.861579122706985</c:v>
                </c:pt>
                <c:pt idx="3121">
                  <c:v>41.856943100687793</c:v>
                </c:pt>
                <c:pt idx="3122">
                  <c:v>41.851489246941526</c:v>
                </c:pt>
                <c:pt idx="3123">
                  <c:v>41.846853224922341</c:v>
                </c:pt>
                <c:pt idx="3124">
                  <c:v>41.842163009234504</c:v>
                </c:pt>
                <c:pt idx="3125">
                  <c:v>41.837467866849508</c:v>
                </c:pt>
                <c:pt idx="3126">
                  <c:v>41.832068206771901</c:v>
                </c:pt>
                <c:pt idx="3127">
                  <c:v>41.827377991084056</c:v>
                </c:pt>
                <c:pt idx="3128">
                  <c:v>41.822741969064872</c:v>
                </c:pt>
                <c:pt idx="3129">
                  <c:v>41.81728318862146</c:v>
                </c:pt>
                <c:pt idx="3130">
                  <c:v>41.813356610992031</c:v>
                </c:pt>
                <c:pt idx="3131">
                  <c:v>41.808720588972847</c:v>
                </c:pt>
                <c:pt idx="3132">
                  <c:v>41.803266735226586</c:v>
                </c:pt>
                <c:pt idx="3133">
                  <c:v>41.797807954783167</c:v>
                </c:pt>
                <c:pt idx="3134">
                  <c:v>41.79240829470556</c:v>
                </c:pt>
                <c:pt idx="3135">
                  <c:v>41.788481717076145</c:v>
                </c:pt>
                <c:pt idx="3136">
                  <c:v>41.78302786332987</c:v>
                </c:pt>
                <c:pt idx="3137">
                  <c:v>41.778386914613534</c:v>
                </c:pt>
                <c:pt idx="3138">
                  <c:v>41.77369669892569</c:v>
                </c:pt>
                <c:pt idx="3139">
                  <c:v>41.769060676906513</c:v>
                </c:pt>
                <c:pt idx="3140">
                  <c:v>41.764370461218668</c:v>
                </c:pt>
                <c:pt idx="3141">
                  <c:v>41.759734439199477</c:v>
                </c:pt>
                <c:pt idx="3142">
                  <c:v>41.755039296814488</c:v>
                </c:pt>
                <c:pt idx="3143">
                  <c:v>41.749585443068213</c:v>
                </c:pt>
                <c:pt idx="3144">
                  <c:v>41.74418578299062</c:v>
                </c:pt>
                <c:pt idx="3145">
                  <c:v>41.739495567302775</c:v>
                </c:pt>
                <c:pt idx="3146">
                  <c:v>41.734854618586439</c:v>
                </c:pt>
                <c:pt idx="3147">
                  <c:v>41.730164402898595</c:v>
                </c:pt>
                <c:pt idx="3148">
                  <c:v>41.724710549152327</c:v>
                </c:pt>
                <c:pt idx="3149">
                  <c:v>41.720074527133143</c:v>
                </c:pt>
                <c:pt idx="3150">
                  <c:v>41.714615746689724</c:v>
                </c:pt>
                <c:pt idx="3151">
                  <c:v>41.709925531001886</c:v>
                </c:pt>
                <c:pt idx="3152">
                  <c:v>41.705289508982695</c:v>
                </c:pt>
                <c:pt idx="3153">
                  <c:v>41.699835655236427</c:v>
                </c:pt>
                <c:pt idx="3154">
                  <c:v>41.695140512851431</c:v>
                </c:pt>
                <c:pt idx="3155">
                  <c:v>41.690504490832254</c:v>
                </c:pt>
                <c:pt idx="3156">
                  <c:v>41.685050637085986</c:v>
                </c:pt>
                <c:pt idx="3157">
                  <c:v>41.679596783339719</c:v>
                </c:pt>
                <c:pt idx="3158">
                  <c:v>41.674960761320541</c:v>
                </c:pt>
                <c:pt idx="3159">
                  <c:v>41.670265618935538</c:v>
                </c:pt>
                <c:pt idx="3160">
                  <c:v>41.664811765189278</c:v>
                </c:pt>
                <c:pt idx="3161">
                  <c:v>41.659412105111677</c:v>
                </c:pt>
                <c:pt idx="3162">
                  <c:v>41.654721889423833</c:v>
                </c:pt>
                <c:pt idx="3163">
                  <c:v>41.65008094070749</c:v>
                </c:pt>
                <c:pt idx="3164">
                  <c:v>41.644627086961236</c:v>
                </c:pt>
                <c:pt idx="3165">
                  <c:v>41.639173233214962</c:v>
                </c:pt>
                <c:pt idx="3166">
                  <c:v>41.633719379468694</c:v>
                </c:pt>
                <c:pt idx="3167">
                  <c:v>41.629078430752365</c:v>
                </c:pt>
                <c:pt idx="3168">
                  <c:v>41.623624577006098</c:v>
                </c:pt>
                <c:pt idx="3169">
                  <c:v>41.61817072325983</c:v>
                </c:pt>
                <c:pt idx="3170">
                  <c:v>41.613480507571985</c:v>
                </c:pt>
                <c:pt idx="3171">
                  <c:v>41.608839558855649</c:v>
                </c:pt>
                <c:pt idx="3172">
                  <c:v>41.603385705109389</c:v>
                </c:pt>
                <c:pt idx="3173">
                  <c:v>41.597931851363128</c:v>
                </c:pt>
                <c:pt idx="3174">
                  <c:v>41.593295829343937</c:v>
                </c:pt>
                <c:pt idx="3175">
                  <c:v>41.588600686958948</c:v>
                </c:pt>
                <c:pt idx="3176">
                  <c:v>41.583146833212673</c:v>
                </c:pt>
                <c:pt idx="3177">
                  <c:v>41.577747173135073</c:v>
                </c:pt>
                <c:pt idx="3178">
                  <c:v>41.573056957447228</c:v>
                </c:pt>
                <c:pt idx="3179">
                  <c:v>41.567598177003816</c:v>
                </c:pt>
                <c:pt idx="3180">
                  <c:v>41.562144323257542</c:v>
                </c:pt>
                <c:pt idx="3181">
                  <c:v>41.557508301238364</c:v>
                </c:pt>
                <c:pt idx="3182">
                  <c:v>41.552054447492097</c:v>
                </c:pt>
                <c:pt idx="3183">
                  <c:v>41.547413498775761</c:v>
                </c:pt>
                <c:pt idx="3184">
                  <c:v>41.5419596450295</c:v>
                </c:pt>
                <c:pt idx="3185">
                  <c:v>41.537269429341656</c:v>
                </c:pt>
                <c:pt idx="3186">
                  <c:v>41.531815575595388</c:v>
                </c:pt>
                <c:pt idx="3187">
                  <c:v>41.527174626879059</c:v>
                </c:pt>
                <c:pt idx="3188">
                  <c:v>41.521720773132785</c:v>
                </c:pt>
                <c:pt idx="3189">
                  <c:v>41.516266919386524</c:v>
                </c:pt>
                <c:pt idx="3190">
                  <c:v>41.511630897367333</c:v>
                </c:pt>
                <c:pt idx="3191">
                  <c:v>41.506172116923928</c:v>
                </c:pt>
                <c:pt idx="3192">
                  <c:v>41.500718263177653</c:v>
                </c:pt>
                <c:pt idx="3193">
                  <c:v>41.495264409431392</c:v>
                </c:pt>
                <c:pt idx="3194">
                  <c:v>41.490628387412208</c:v>
                </c:pt>
                <c:pt idx="3195">
                  <c:v>41.485169606968796</c:v>
                </c:pt>
                <c:pt idx="3196">
                  <c:v>41.480533584949612</c:v>
                </c:pt>
                <c:pt idx="3197">
                  <c:v>41.475079731203344</c:v>
                </c:pt>
                <c:pt idx="3198">
                  <c:v>41.469625877457077</c:v>
                </c:pt>
                <c:pt idx="3199">
                  <c:v>41.46493073507208</c:v>
                </c:pt>
                <c:pt idx="3200">
                  <c:v>41.45953107499448</c:v>
                </c:pt>
                <c:pt idx="3201">
                  <c:v>41.45407722124822</c:v>
                </c:pt>
                <c:pt idx="3202">
                  <c:v>41.448623367501945</c:v>
                </c:pt>
                <c:pt idx="3203">
                  <c:v>41.443164587058526</c:v>
                </c:pt>
                <c:pt idx="3204">
                  <c:v>41.438528565039348</c:v>
                </c:pt>
                <c:pt idx="3205">
                  <c:v>41.433074711293088</c:v>
                </c:pt>
                <c:pt idx="3206">
                  <c:v>41.427620857546813</c:v>
                </c:pt>
                <c:pt idx="3207">
                  <c:v>41.422162077103394</c:v>
                </c:pt>
                <c:pt idx="3208">
                  <c:v>41.417526055084217</c:v>
                </c:pt>
                <c:pt idx="3209">
                  <c:v>41.412072201337956</c:v>
                </c:pt>
                <c:pt idx="3210">
                  <c:v>41.406618347591682</c:v>
                </c:pt>
                <c:pt idx="3211">
                  <c:v>41.40115956714827</c:v>
                </c:pt>
                <c:pt idx="3212">
                  <c:v>41.395705713402002</c:v>
                </c:pt>
                <c:pt idx="3213">
                  <c:v>41.390306053324402</c:v>
                </c:pt>
                <c:pt idx="3214">
                  <c:v>41.384088561519711</c:v>
                </c:pt>
                <c:pt idx="3215">
                  <c:v>41.378629781076299</c:v>
                </c:pt>
                <c:pt idx="3216">
                  <c:v>41.373939565388454</c:v>
                </c:pt>
                <c:pt idx="3217">
                  <c:v>41.368485711642187</c:v>
                </c:pt>
                <c:pt idx="3218">
                  <c:v>41.363086051564586</c:v>
                </c:pt>
                <c:pt idx="3219">
                  <c:v>41.357627271121167</c:v>
                </c:pt>
                <c:pt idx="3220">
                  <c:v>41.3521734173749</c:v>
                </c:pt>
                <c:pt idx="3221">
                  <c:v>41.346719563628639</c:v>
                </c:pt>
                <c:pt idx="3222">
                  <c:v>41.341314976853887</c:v>
                </c:pt>
                <c:pt idx="3223">
                  <c:v>41.336624761166043</c:v>
                </c:pt>
                <c:pt idx="3224">
                  <c:v>41.331170907419775</c:v>
                </c:pt>
                <c:pt idx="3225">
                  <c:v>41.325717053673507</c:v>
                </c:pt>
                <c:pt idx="3226">
                  <c:v>41.320312466898756</c:v>
                </c:pt>
                <c:pt idx="3227">
                  <c:v>41.314858613152488</c:v>
                </c:pt>
                <c:pt idx="3228">
                  <c:v>41.309404759406227</c:v>
                </c:pt>
                <c:pt idx="3229">
                  <c:v>41.304714543718383</c:v>
                </c:pt>
                <c:pt idx="3230">
                  <c:v>41.299309956943624</c:v>
                </c:pt>
                <c:pt idx="3231">
                  <c:v>41.293856103197349</c:v>
                </c:pt>
                <c:pt idx="3232">
                  <c:v>41.287638611392666</c:v>
                </c:pt>
                <c:pt idx="3233">
                  <c:v>41.282184757646405</c:v>
                </c:pt>
                <c:pt idx="3234">
                  <c:v>41.276725977202986</c:v>
                </c:pt>
                <c:pt idx="3235">
                  <c:v>41.272089955183802</c:v>
                </c:pt>
                <c:pt idx="3236">
                  <c:v>41.265872463379118</c:v>
                </c:pt>
                <c:pt idx="3237">
                  <c:v>41.26041860963285</c:v>
                </c:pt>
                <c:pt idx="3238">
                  <c:v>41.254959829189438</c:v>
                </c:pt>
                <c:pt idx="3239">
                  <c:v>41.250269613501594</c:v>
                </c:pt>
                <c:pt idx="3240">
                  <c:v>41.244052121696903</c:v>
                </c:pt>
                <c:pt idx="3241">
                  <c:v>41.238652461619303</c:v>
                </c:pt>
                <c:pt idx="3242">
                  <c:v>41.233193681175891</c:v>
                </c:pt>
                <c:pt idx="3243">
                  <c:v>41.227739827429616</c:v>
                </c:pt>
                <c:pt idx="3244">
                  <c:v>41.222285973683356</c:v>
                </c:pt>
                <c:pt idx="3245">
                  <c:v>41.216827193239936</c:v>
                </c:pt>
                <c:pt idx="3246">
                  <c:v>41.210609701435253</c:v>
                </c:pt>
                <c:pt idx="3247">
                  <c:v>41.205210041357645</c:v>
                </c:pt>
                <c:pt idx="3248">
                  <c:v>41.199756187611385</c:v>
                </c:pt>
                <c:pt idx="3249">
                  <c:v>41.194297407167966</c:v>
                </c:pt>
                <c:pt idx="3250">
                  <c:v>41.188843553421698</c:v>
                </c:pt>
                <c:pt idx="3251">
                  <c:v>41.182626061617015</c:v>
                </c:pt>
                <c:pt idx="3252">
                  <c:v>41.177172207870754</c:v>
                </c:pt>
                <c:pt idx="3253">
                  <c:v>41.170949789368919</c:v>
                </c:pt>
                <c:pt idx="3254">
                  <c:v>41.166313767349727</c:v>
                </c:pt>
                <c:pt idx="3255">
                  <c:v>41.160096275545051</c:v>
                </c:pt>
                <c:pt idx="3256">
                  <c:v>41.154637495101632</c:v>
                </c:pt>
                <c:pt idx="3257">
                  <c:v>41.149183641355357</c:v>
                </c:pt>
                <c:pt idx="3258">
                  <c:v>41.143729787609097</c:v>
                </c:pt>
                <c:pt idx="3259">
                  <c:v>41.138275933862836</c:v>
                </c:pt>
                <c:pt idx="3260">
                  <c:v>41.132871347088077</c:v>
                </c:pt>
                <c:pt idx="3261">
                  <c:v>41.126653855283401</c:v>
                </c:pt>
                <c:pt idx="3262">
                  <c:v>41.121963639595556</c:v>
                </c:pt>
                <c:pt idx="3263">
                  <c:v>41.115746147790858</c:v>
                </c:pt>
                <c:pt idx="3264">
                  <c:v>41.110287367347446</c:v>
                </c:pt>
                <c:pt idx="3265">
                  <c:v>41.104069875542756</c:v>
                </c:pt>
                <c:pt idx="3266">
                  <c:v>41.098616021796495</c:v>
                </c:pt>
                <c:pt idx="3267">
                  <c:v>41.093216361718888</c:v>
                </c:pt>
                <c:pt idx="3268">
                  <c:v>41.087757581275469</c:v>
                </c:pt>
                <c:pt idx="3269">
                  <c:v>41.081540089470792</c:v>
                </c:pt>
                <c:pt idx="3270">
                  <c:v>41.076086235724517</c:v>
                </c:pt>
                <c:pt idx="3271">
                  <c:v>41.070627455281098</c:v>
                </c:pt>
                <c:pt idx="3272">
                  <c:v>41.065173601534845</c:v>
                </c:pt>
                <c:pt idx="3273">
                  <c:v>41.058956109730147</c:v>
                </c:pt>
                <c:pt idx="3274">
                  <c:v>41.053502255983894</c:v>
                </c:pt>
                <c:pt idx="3275">
                  <c:v>41.047279837482058</c:v>
                </c:pt>
                <c:pt idx="3276">
                  <c:v>41.041880177404451</c:v>
                </c:pt>
                <c:pt idx="3277">
                  <c:v>41.035608491931107</c:v>
                </c:pt>
                <c:pt idx="3278">
                  <c:v>41.030972469911916</c:v>
                </c:pt>
                <c:pt idx="3279">
                  <c:v>41.024750051410081</c:v>
                </c:pt>
                <c:pt idx="3280">
                  <c:v>41.018532559605404</c:v>
                </c:pt>
                <c:pt idx="3281">
                  <c:v>41.01307870585913</c:v>
                </c:pt>
                <c:pt idx="3282">
                  <c:v>41.00761992541571</c:v>
                </c:pt>
                <c:pt idx="3283">
                  <c:v>41.001402433611034</c:v>
                </c:pt>
                <c:pt idx="3284">
                  <c:v>40.995948579864766</c:v>
                </c:pt>
                <c:pt idx="3285">
                  <c:v>40.989731088060083</c:v>
                </c:pt>
                <c:pt idx="3286">
                  <c:v>40.984326501285324</c:v>
                </c:pt>
                <c:pt idx="3287">
                  <c:v>40.978054815811973</c:v>
                </c:pt>
                <c:pt idx="3288">
                  <c:v>40.971837324007289</c:v>
                </c:pt>
                <c:pt idx="3289">
                  <c:v>40.966432737232537</c:v>
                </c:pt>
                <c:pt idx="3290">
                  <c:v>40.960215245427847</c:v>
                </c:pt>
                <c:pt idx="3291">
                  <c:v>40.954761391681586</c:v>
                </c:pt>
                <c:pt idx="3292">
                  <c:v>40.948543899876896</c:v>
                </c:pt>
                <c:pt idx="3293">
                  <c:v>40.94232148137506</c:v>
                </c:pt>
                <c:pt idx="3294">
                  <c:v>40.9368676276288</c:v>
                </c:pt>
                <c:pt idx="3295">
                  <c:v>40.930650135824109</c:v>
                </c:pt>
                <c:pt idx="3296">
                  <c:v>40.924427717322274</c:v>
                </c:pt>
                <c:pt idx="3297">
                  <c:v>40.918210225517591</c:v>
                </c:pt>
                <c:pt idx="3298">
                  <c:v>40.911992733712907</c:v>
                </c:pt>
                <c:pt idx="3299">
                  <c:v>40.906538879966639</c:v>
                </c:pt>
                <c:pt idx="3300">
                  <c:v>40.900316461464797</c:v>
                </c:pt>
                <c:pt idx="3301">
                  <c:v>40.894098969660114</c:v>
                </c:pt>
                <c:pt idx="3302">
                  <c:v>40.888645115913853</c:v>
                </c:pt>
                <c:pt idx="3303">
                  <c:v>40.882422697412011</c:v>
                </c:pt>
                <c:pt idx="3304">
                  <c:v>40.876205205607327</c:v>
                </c:pt>
                <c:pt idx="3305">
                  <c:v>40.869987713802651</c:v>
                </c:pt>
                <c:pt idx="3306">
                  <c:v>40.86377022199796</c:v>
                </c:pt>
                <c:pt idx="3307">
                  <c:v>40.858311441554541</c:v>
                </c:pt>
                <c:pt idx="3308">
                  <c:v>40.852093949749857</c:v>
                </c:pt>
                <c:pt idx="3309">
                  <c:v>40.845876457945174</c:v>
                </c:pt>
                <c:pt idx="3310">
                  <c:v>40.839654039443339</c:v>
                </c:pt>
                <c:pt idx="3311">
                  <c:v>40.833436547638648</c:v>
                </c:pt>
                <c:pt idx="3312">
                  <c:v>40.827219055833957</c:v>
                </c:pt>
                <c:pt idx="3313">
                  <c:v>40.820996637332122</c:v>
                </c:pt>
                <c:pt idx="3314">
                  <c:v>40.814779145527432</c:v>
                </c:pt>
                <c:pt idx="3315">
                  <c:v>40.808507460054095</c:v>
                </c:pt>
                <c:pt idx="3316">
                  <c:v>40.803107799976488</c:v>
                </c:pt>
                <c:pt idx="3317">
                  <c:v>40.796885381474652</c:v>
                </c:pt>
                <c:pt idx="3318">
                  <c:v>40.790667889669962</c:v>
                </c:pt>
                <c:pt idx="3319">
                  <c:v>40.784396204196618</c:v>
                </c:pt>
                <c:pt idx="3320">
                  <c:v>40.778173785694783</c:v>
                </c:pt>
                <c:pt idx="3321">
                  <c:v>40.771956293890092</c:v>
                </c:pt>
                <c:pt idx="3322">
                  <c:v>40.765738802085409</c:v>
                </c:pt>
                <c:pt idx="3323">
                  <c:v>40.760339142007808</c:v>
                </c:pt>
                <c:pt idx="3324">
                  <c:v>40.75329889177889</c:v>
                </c:pt>
                <c:pt idx="3325">
                  <c:v>40.747081399974206</c:v>
                </c:pt>
                <c:pt idx="3326">
                  <c:v>40.740863908169509</c:v>
                </c:pt>
                <c:pt idx="3327">
                  <c:v>40.734641489667681</c:v>
                </c:pt>
                <c:pt idx="3328">
                  <c:v>40.729187635921413</c:v>
                </c:pt>
                <c:pt idx="3329">
                  <c:v>40.722970144116729</c:v>
                </c:pt>
                <c:pt idx="3330">
                  <c:v>40.71751136367331</c:v>
                </c:pt>
                <c:pt idx="3331">
                  <c:v>40.710530233810204</c:v>
                </c:pt>
                <c:pt idx="3332">
                  <c:v>40.703549103947097</c:v>
                </c:pt>
                <c:pt idx="3333">
                  <c:v>40.698095250200836</c:v>
                </c:pt>
                <c:pt idx="3334">
                  <c:v>40.691872831699001</c:v>
                </c:pt>
                <c:pt idx="3335">
                  <c:v>40.685655339894311</c:v>
                </c:pt>
                <c:pt idx="3336">
                  <c:v>40.678674210031204</c:v>
                </c:pt>
                <c:pt idx="3337">
                  <c:v>40.672397597860702</c:v>
                </c:pt>
                <c:pt idx="3338">
                  <c:v>40.666180106056025</c:v>
                </c:pt>
                <c:pt idx="3339">
                  <c:v>40.659962614251334</c:v>
                </c:pt>
                <c:pt idx="3340">
                  <c:v>40.653740195749506</c:v>
                </c:pt>
                <c:pt idx="3341">
                  <c:v>40.65221291963266</c:v>
                </c:pt>
                <c:pt idx="3342">
                  <c:v>40.645995427827977</c:v>
                </c:pt>
                <c:pt idx="3343">
                  <c:v>40.640541574081709</c:v>
                </c:pt>
                <c:pt idx="3344">
                  <c:v>40.633555517521451</c:v>
                </c:pt>
                <c:pt idx="3345">
                  <c:v>40.627338025716767</c:v>
                </c:pt>
                <c:pt idx="3346">
                  <c:v>40.620302702184993</c:v>
                </c:pt>
                <c:pt idx="3347">
                  <c:v>40.614080283683158</c:v>
                </c:pt>
                <c:pt idx="3348">
                  <c:v>40.607862791878482</c:v>
                </c:pt>
                <c:pt idx="3349">
                  <c:v>40.600881662015375</c:v>
                </c:pt>
                <c:pt idx="3350">
                  <c:v>40.595427808269108</c:v>
                </c:pt>
                <c:pt idx="3351">
                  <c:v>40.588441751708849</c:v>
                </c:pt>
                <c:pt idx="3352">
                  <c:v>40.582224259904159</c:v>
                </c:pt>
                <c:pt idx="3353">
                  <c:v>40.576006768099475</c:v>
                </c:pt>
                <c:pt idx="3354">
                  <c:v>40.569784349597633</c:v>
                </c:pt>
                <c:pt idx="3355">
                  <c:v>40.563566857792956</c:v>
                </c:pt>
                <c:pt idx="3356">
                  <c:v>40.557295172319606</c:v>
                </c:pt>
                <c:pt idx="3357">
                  <c:v>40.551895512242005</c:v>
                </c:pt>
                <c:pt idx="3358">
                  <c:v>40.546436731798593</c:v>
                </c:pt>
                <c:pt idx="3359">
                  <c:v>40.540219239993903</c:v>
                </c:pt>
                <c:pt idx="3360">
                  <c:v>40.534001748189212</c:v>
                </c:pt>
                <c:pt idx="3361">
                  <c:v>40.5285429677458</c:v>
                </c:pt>
                <c:pt idx="3362">
                  <c:v>40.522325475941116</c:v>
                </c:pt>
                <c:pt idx="3363">
                  <c:v>40.516871622194849</c:v>
                </c:pt>
                <c:pt idx="3364">
                  <c:v>40.511417768448581</c:v>
                </c:pt>
                <c:pt idx="3365">
                  <c:v>40.505958988005162</c:v>
                </c:pt>
                <c:pt idx="3366">
                  <c:v>40.500559327927562</c:v>
                </c:pt>
                <c:pt idx="3367">
                  <c:v>40.495105474181301</c:v>
                </c:pt>
                <c:pt idx="3368">
                  <c:v>40.489646693737882</c:v>
                </c:pt>
                <c:pt idx="3369">
                  <c:v>40.484192839991614</c:v>
                </c:pt>
                <c:pt idx="3370">
                  <c:v>40.479556817972423</c:v>
                </c:pt>
                <c:pt idx="3371">
                  <c:v>40.474102964226169</c:v>
                </c:pt>
                <c:pt idx="3372">
                  <c:v>40.467880545724334</c:v>
                </c:pt>
                <c:pt idx="3373">
                  <c:v>40.46319033003649</c:v>
                </c:pt>
                <c:pt idx="3374">
                  <c:v>40.458554308017298</c:v>
                </c:pt>
                <c:pt idx="3375">
                  <c:v>40.453864092329454</c:v>
                </c:pt>
                <c:pt idx="3376">
                  <c:v>40.449228070310276</c:v>
                </c:pt>
                <c:pt idx="3377">
                  <c:v>40.443769289866857</c:v>
                </c:pt>
                <c:pt idx="3378">
                  <c:v>40.439079074179013</c:v>
                </c:pt>
                <c:pt idx="3379">
                  <c:v>40.433679414101405</c:v>
                </c:pt>
                <c:pt idx="3380">
                  <c:v>40.428989198413561</c:v>
                </c:pt>
                <c:pt idx="3381">
                  <c:v>40.424294056028572</c:v>
                </c:pt>
                <c:pt idx="3382">
                  <c:v>40.41965803400938</c:v>
                </c:pt>
                <c:pt idx="3383">
                  <c:v>40.41420418026312</c:v>
                </c:pt>
                <c:pt idx="3384">
                  <c:v>40.409568158243935</c:v>
                </c:pt>
                <c:pt idx="3385">
                  <c:v>40.405636653917355</c:v>
                </c:pt>
                <c:pt idx="3386">
                  <c:v>40.401000631898178</c:v>
                </c:pt>
                <c:pt idx="3387">
                  <c:v>40.396310416210333</c:v>
                </c:pt>
                <c:pt idx="3388">
                  <c:v>40.391674394191142</c:v>
                </c:pt>
                <c:pt idx="3389">
                  <c:v>40.387747816561721</c:v>
                </c:pt>
                <c:pt idx="3390">
                  <c:v>40.383106867845385</c:v>
                </c:pt>
                <c:pt idx="3391">
                  <c:v>40.379234483884623</c:v>
                </c:pt>
                <c:pt idx="3392">
                  <c:v>40.374544268196772</c:v>
                </c:pt>
                <c:pt idx="3393">
                  <c:v>40.370671884236017</c:v>
                </c:pt>
                <c:pt idx="3394">
                  <c:v>40.365981668548173</c:v>
                </c:pt>
                <c:pt idx="3395">
                  <c:v>40.362104357890253</c:v>
                </c:pt>
                <c:pt idx="3396">
                  <c:v>40.358231973929492</c:v>
                </c:pt>
                <c:pt idx="3397">
                  <c:v>40.353541758241647</c:v>
                </c:pt>
                <c:pt idx="3398">
                  <c:v>40.349669374280886</c:v>
                </c:pt>
                <c:pt idx="3399">
                  <c:v>40.344979158593041</c:v>
                </c:pt>
                <c:pt idx="3400">
                  <c:v>40.341101847935121</c:v>
                </c:pt>
                <c:pt idx="3401">
                  <c:v>40.33722946397436</c:v>
                </c:pt>
                <c:pt idx="3402">
                  <c:v>40.332539248286515</c:v>
                </c:pt>
                <c:pt idx="3403">
                  <c:v>40.328666864325754</c:v>
                </c:pt>
                <c:pt idx="3404">
                  <c:v>40.324794480364993</c:v>
                </c:pt>
                <c:pt idx="3405">
                  <c:v>40.32086297603842</c:v>
                </c:pt>
                <c:pt idx="3406">
                  <c:v>40.316226954019228</c:v>
                </c:pt>
                <c:pt idx="3407">
                  <c:v>40.311536738331391</c:v>
                </c:pt>
                <c:pt idx="3408">
                  <c:v>40.30766435437063</c:v>
                </c:pt>
                <c:pt idx="3409">
                  <c:v>40.303791970409861</c:v>
                </c:pt>
                <c:pt idx="3410">
                  <c:v>40.299860466083288</c:v>
                </c:pt>
                <c:pt idx="3411">
                  <c:v>40.295988082122513</c:v>
                </c:pt>
                <c:pt idx="3412">
                  <c:v>40.292115698161759</c:v>
                </c:pt>
                <c:pt idx="3413">
                  <c:v>40.288243314200997</c:v>
                </c:pt>
                <c:pt idx="3414">
                  <c:v>40.284316736571569</c:v>
                </c:pt>
                <c:pt idx="3415">
                  <c:v>40.280439425913663</c:v>
                </c:pt>
                <c:pt idx="3416">
                  <c:v>40.276567041952894</c:v>
                </c:pt>
                <c:pt idx="3417">
                  <c:v>40.271876826265043</c:v>
                </c:pt>
                <c:pt idx="3418">
                  <c:v>40.268768080362712</c:v>
                </c:pt>
                <c:pt idx="3419">
                  <c:v>40.264895696401936</c:v>
                </c:pt>
                <c:pt idx="3420">
                  <c:v>40.260200554016947</c:v>
                </c:pt>
                <c:pt idx="3421">
                  <c:v>40.256328170056186</c:v>
                </c:pt>
                <c:pt idx="3422">
                  <c:v>40.251637954368341</c:v>
                </c:pt>
                <c:pt idx="3423">
                  <c:v>40.24776557040758</c:v>
                </c:pt>
                <c:pt idx="3424">
                  <c:v>40.243893186446812</c:v>
                </c:pt>
                <c:pt idx="3425">
                  <c:v>40.240020802486043</c:v>
                </c:pt>
                <c:pt idx="3426">
                  <c:v>40.23608929815947</c:v>
                </c:pt>
                <c:pt idx="3427">
                  <c:v>40.232980552257132</c:v>
                </c:pt>
                <c:pt idx="3428">
                  <c:v>40.229108168296371</c:v>
                </c:pt>
                <c:pt idx="3429">
                  <c:v>40.225999422394025</c:v>
                </c:pt>
                <c:pt idx="3430">
                  <c:v>40.220545568647758</c:v>
                </c:pt>
                <c:pt idx="3431">
                  <c:v>40.217431896048268</c:v>
                </c:pt>
                <c:pt idx="3432">
                  <c:v>40.2135595120875</c:v>
                </c:pt>
                <c:pt idx="3433">
                  <c:v>40.209687128126738</c:v>
                </c:pt>
                <c:pt idx="3434">
                  <c:v>40.20576055049731</c:v>
                </c:pt>
                <c:pt idx="3435">
                  <c:v>40.201888166536548</c:v>
                </c:pt>
                <c:pt idx="3436">
                  <c:v>40.198010855878636</c:v>
                </c:pt>
                <c:pt idx="3437">
                  <c:v>40.194084278249214</c:v>
                </c:pt>
                <c:pt idx="3438">
                  <c:v>40.190211894288453</c:v>
                </c:pt>
                <c:pt idx="3439">
                  <c:v>40.186339510327691</c:v>
                </c:pt>
                <c:pt idx="3440">
                  <c:v>40.18164929463984</c:v>
                </c:pt>
                <c:pt idx="3441">
                  <c:v>40.178540548737502</c:v>
                </c:pt>
                <c:pt idx="3442">
                  <c:v>40.174663238079582</c:v>
                </c:pt>
                <c:pt idx="3443">
                  <c:v>40.17079085411882</c:v>
                </c:pt>
                <c:pt idx="3444">
                  <c:v>40.166864276489392</c:v>
                </c:pt>
                <c:pt idx="3445">
                  <c:v>40.16299189252863</c:v>
                </c:pt>
                <c:pt idx="3446">
                  <c:v>40.159883146626285</c:v>
                </c:pt>
                <c:pt idx="3447">
                  <c:v>40.156005835968379</c:v>
                </c:pt>
                <c:pt idx="3448">
                  <c:v>40.152133452007611</c:v>
                </c:pt>
                <c:pt idx="3449">
                  <c:v>40.148206874378189</c:v>
                </c:pt>
                <c:pt idx="3450">
                  <c:v>40.145098128475844</c:v>
                </c:pt>
                <c:pt idx="3451">
                  <c:v>40.141989382573499</c:v>
                </c:pt>
                <c:pt idx="3452">
                  <c:v>40.138116998612738</c:v>
                </c:pt>
                <c:pt idx="3453">
                  <c:v>40.134239687954825</c:v>
                </c:pt>
                <c:pt idx="3454">
                  <c:v>40.130313110325396</c:v>
                </c:pt>
                <c:pt idx="3455">
                  <c:v>40.126440726364635</c:v>
                </c:pt>
                <c:pt idx="3456">
                  <c:v>40.123331980462289</c:v>
                </c:pt>
                <c:pt idx="3457">
                  <c:v>40.119459596501528</c:v>
                </c:pt>
                <c:pt idx="3458">
                  <c:v>40.115528092174955</c:v>
                </c:pt>
                <c:pt idx="3459">
                  <c:v>40.11241934627261</c:v>
                </c:pt>
                <c:pt idx="3460">
                  <c:v>40.108546962311848</c:v>
                </c:pt>
                <c:pt idx="3461">
                  <c:v>40.104674578351087</c:v>
                </c:pt>
                <c:pt idx="3462">
                  <c:v>40.100802194390326</c:v>
                </c:pt>
                <c:pt idx="3463">
                  <c:v>40.096875616760897</c:v>
                </c:pt>
                <c:pt idx="3464">
                  <c:v>40.093761944161407</c:v>
                </c:pt>
                <c:pt idx="3465">
                  <c:v>40.089889560200646</c:v>
                </c:pt>
                <c:pt idx="3466">
                  <c:v>40.086017176239871</c:v>
                </c:pt>
                <c:pt idx="3467">
                  <c:v>40.082090598610456</c:v>
                </c:pt>
                <c:pt idx="3468">
                  <c:v>40.078218214649695</c:v>
                </c:pt>
                <c:pt idx="3469">
                  <c:v>40.07510946874735</c:v>
                </c:pt>
                <c:pt idx="3470">
                  <c:v>40.071995796147853</c:v>
                </c:pt>
                <c:pt idx="3471">
                  <c:v>40.068123412187084</c:v>
                </c:pt>
                <c:pt idx="3472">
                  <c:v>40.064251028226323</c:v>
                </c:pt>
                <c:pt idx="3473">
                  <c:v>40.061088088655325</c:v>
                </c:pt>
                <c:pt idx="3474">
                  <c:v>40.057215704694556</c:v>
                </c:pt>
                <c:pt idx="3475">
                  <c:v>40.053343320733795</c:v>
                </c:pt>
                <c:pt idx="3476">
                  <c:v>40.050229648134305</c:v>
                </c:pt>
                <c:pt idx="3477">
                  <c:v>40.046357264173544</c:v>
                </c:pt>
                <c:pt idx="3478">
                  <c:v>40.043248518271199</c:v>
                </c:pt>
                <c:pt idx="3479">
                  <c:v>40.03932194064177</c:v>
                </c:pt>
                <c:pt idx="3480">
                  <c:v>40.035449556681009</c:v>
                </c:pt>
                <c:pt idx="3481">
                  <c:v>40.031572246023096</c:v>
                </c:pt>
                <c:pt idx="3482">
                  <c:v>40.028463500120758</c:v>
                </c:pt>
                <c:pt idx="3483">
                  <c:v>40.024536922491329</c:v>
                </c:pt>
                <c:pt idx="3484">
                  <c:v>40.020664538530568</c:v>
                </c:pt>
                <c:pt idx="3485">
                  <c:v>40.016792154569806</c:v>
                </c:pt>
                <c:pt idx="3486">
                  <c:v>40.012919770609031</c:v>
                </c:pt>
                <c:pt idx="3487">
                  <c:v>40.009806098009541</c:v>
                </c:pt>
                <c:pt idx="3488">
                  <c:v>40.00587952038012</c:v>
                </c:pt>
                <c:pt idx="3489">
                  <c:v>40.002770774477781</c:v>
                </c:pt>
                <c:pt idx="3490">
                  <c:v>39.998898390517013</c:v>
                </c:pt>
                <c:pt idx="3491">
                  <c:v>39.995026006556245</c:v>
                </c:pt>
                <c:pt idx="3492">
                  <c:v>39.991917260653906</c:v>
                </c:pt>
                <c:pt idx="3493">
                  <c:v>39.987985756327326</c:v>
                </c:pt>
                <c:pt idx="3494">
                  <c:v>39.984877010424981</c:v>
                </c:pt>
                <c:pt idx="3495">
                  <c:v>39.981768264522643</c:v>
                </c:pt>
                <c:pt idx="3496">
                  <c:v>39.977895880561881</c:v>
                </c:pt>
                <c:pt idx="3497">
                  <c:v>39.974787134659536</c:v>
                </c:pt>
                <c:pt idx="3498">
                  <c:v>39.970914750698775</c:v>
                </c:pt>
                <c:pt idx="3499">
                  <c:v>39.966983246372202</c:v>
                </c:pt>
                <c:pt idx="3500">
                  <c:v>39.963110862411433</c:v>
                </c:pt>
                <c:pt idx="3501">
                  <c:v>39.959238478450672</c:v>
                </c:pt>
                <c:pt idx="3502">
                  <c:v>39.955366094489918</c:v>
                </c:pt>
                <c:pt idx="3503">
                  <c:v>39.952203154918905</c:v>
                </c:pt>
                <c:pt idx="3504">
                  <c:v>39.949089482319415</c:v>
                </c:pt>
                <c:pt idx="3505">
                  <c:v>39.945217098358654</c:v>
                </c:pt>
                <c:pt idx="3506">
                  <c:v>39.942871990514725</c:v>
                </c:pt>
                <c:pt idx="3507">
                  <c:v>39.938235968495547</c:v>
                </c:pt>
                <c:pt idx="3508">
                  <c:v>39.935127222593202</c:v>
                </c:pt>
                <c:pt idx="3509">
                  <c:v>39.932018476690857</c:v>
                </c:pt>
                <c:pt idx="3510">
                  <c:v>39.928146092730096</c:v>
                </c:pt>
                <c:pt idx="3511">
                  <c:v>39.924214588403522</c:v>
                </c:pt>
                <c:pt idx="3512">
                  <c:v>39.920342204442754</c:v>
                </c:pt>
                <c:pt idx="3513">
                  <c:v>39.917233458540416</c:v>
                </c:pt>
                <c:pt idx="3514">
                  <c:v>39.913361074579655</c:v>
                </c:pt>
                <c:pt idx="3515">
                  <c:v>39.909434496950226</c:v>
                </c:pt>
                <c:pt idx="3516">
                  <c:v>39.906320824350736</c:v>
                </c:pt>
                <c:pt idx="3517">
                  <c:v>39.902448440389961</c:v>
                </c:pt>
                <c:pt idx="3518">
                  <c:v>39.89933969448763</c:v>
                </c:pt>
                <c:pt idx="3519">
                  <c:v>39.8969945866437</c:v>
                </c:pt>
                <c:pt idx="3520">
                  <c:v>39.893122202682939</c:v>
                </c:pt>
                <c:pt idx="3521">
                  <c:v>39.890013456780594</c:v>
                </c:pt>
                <c:pt idx="3522">
                  <c:v>39.886136146122681</c:v>
                </c:pt>
                <c:pt idx="3523">
                  <c:v>39.883027400220342</c:v>
                </c:pt>
                <c:pt idx="3524">
                  <c:v>39.879100822590921</c:v>
                </c:pt>
                <c:pt idx="3525">
                  <c:v>39.875228438630153</c:v>
                </c:pt>
                <c:pt idx="3526">
                  <c:v>39.872119692727814</c:v>
                </c:pt>
                <c:pt idx="3527">
                  <c:v>39.868247308767053</c:v>
                </c:pt>
                <c:pt idx="3528">
                  <c:v>39.864315804440466</c:v>
                </c:pt>
                <c:pt idx="3529">
                  <c:v>39.860443420479704</c:v>
                </c:pt>
                <c:pt idx="3530">
                  <c:v>39.857334674577359</c:v>
                </c:pt>
                <c:pt idx="3531">
                  <c:v>39.854225928675021</c:v>
                </c:pt>
                <c:pt idx="3532">
                  <c:v>39.851117182772683</c:v>
                </c:pt>
                <c:pt idx="3533">
                  <c:v>39.848008436870337</c:v>
                </c:pt>
                <c:pt idx="3534">
                  <c:v>39.844131126212417</c:v>
                </c:pt>
                <c:pt idx="3535">
                  <c:v>39.841022380310072</c:v>
                </c:pt>
                <c:pt idx="3536">
                  <c:v>39.837095802680658</c:v>
                </c:pt>
                <c:pt idx="3537">
                  <c:v>39.833987056778312</c:v>
                </c:pt>
                <c:pt idx="3538">
                  <c:v>39.830114672817551</c:v>
                </c:pt>
                <c:pt idx="3539">
                  <c:v>39.827005926915206</c:v>
                </c:pt>
                <c:pt idx="3540">
                  <c:v>39.823128616257286</c:v>
                </c:pt>
                <c:pt idx="3541">
                  <c:v>39.819256232296524</c:v>
                </c:pt>
                <c:pt idx="3542">
                  <c:v>39.815329654667103</c:v>
                </c:pt>
                <c:pt idx="3543">
                  <c:v>39.812984546823188</c:v>
                </c:pt>
                <c:pt idx="3544">
                  <c:v>39.809112162862419</c:v>
                </c:pt>
                <c:pt idx="3545">
                  <c:v>39.805239778901651</c:v>
                </c:pt>
                <c:pt idx="3546">
                  <c:v>39.802889744360577</c:v>
                </c:pt>
                <c:pt idx="3547">
                  <c:v>39.799780998458239</c:v>
                </c:pt>
                <c:pt idx="3548">
                  <c:v>39.796672252555901</c:v>
                </c:pt>
                <c:pt idx="3549">
                  <c:v>39.792799868595132</c:v>
                </c:pt>
                <c:pt idx="3550">
                  <c:v>39.789691122692794</c:v>
                </c:pt>
                <c:pt idx="3551">
                  <c:v>39.785818738732026</c:v>
                </c:pt>
                <c:pt idx="3552">
                  <c:v>39.781887234405445</c:v>
                </c:pt>
                <c:pt idx="3553">
                  <c:v>39.778778488503114</c:v>
                </c:pt>
                <c:pt idx="3554">
                  <c:v>39.774906104542339</c:v>
                </c:pt>
                <c:pt idx="3555">
                  <c:v>39.771797358640008</c:v>
                </c:pt>
                <c:pt idx="3556">
                  <c:v>39.768688612737655</c:v>
                </c:pt>
                <c:pt idx="3557">
                  <c:v>39.764816228776901</c:v>
                </c:pt>
                <c:pt idx="3558">
                  <c:v>39.761707482874556</c:v>
                </c:pt>
                <c:pt idx="3559">
                  <c:v>39.757775978547983</c:v>
                </c:pt>
                <c:pt idx="3560">
                  <c:v>39.753903594587214</c:v>
                </c:pt>
                <c:pt idx="3561">
                  <c:v>39.750794848684876</c:v>
                </c:pt>
                <c:pt idx="3562">
                  <c:v>39.747686102782531</c:v>
                </c:pt>
                <c:pt idx="3563">
                  <c:v>39.744577356880185</c:v>
                </c:pt>
                <c:pt idx="3564">
                  <c:v>39.74146861097784</c:v>
                </c:pt>
                <c:pt idx="3565">
                  <c:v>39.737591300319927</c:v>
                </c:pt>
                <c:pt idx="3566">
                  <c:v>39.734482554417589</c:v>
                </c:pt>
                <c:pt idx="3567">
                  <c:v>39.73055597678816</c:v>
                </c:pt>
                <c:pt idx="3568">
                  <c:v>39.726683592827399</c:v>
                </c:pt>
                <c:pt idx="3569">
                  <c:v>39.723574846925061</c:v>
                </c:pt>
                <c:pt idx="3570">
                  <c:v>39.719697536267141</c:v>
                </c:pt>
                <c:pt idx="3571">
                  <c:v>39.716588790364796</c:v>
                </c:pt>
                <c:pt idx="3572">
                  <c:v>39.713480044462464</c:v>
                </c:pt>
                <c:pt idx="3573">
                  <c:v>39.711134936618535</c:v>
                </c:pt>
                <c:pt idx="3574">
                  <c:v>39.707262552657767</c:v>
                </c:pt>
                <c:pt idx="3575">
                  <c:v>39.704153806755428</c:v>
                </c:pt>
                <c:pt idx="3576">
                  <c:v>39.700990867184416</c:v>
                </c:pt>
                <c:pt idx="3577">
                  <c:v>39.697877194584926</c:v>
                </c:pt>
                <c:pt idx="3578">
                  <c:v>39.694004810624165</c:v>
                </c:pt>
                <c:pt idx="3579">
                  <c:v>39.690896064721819</c:v>
                </c:pt>
                <c:pt idx="3580">
                  <c:v>39.687023680761058</c:v>
                </c:pt>
                <c:pt idx="3581">
                  <c:v>39.683914934858713</c:v>
                </c:pt>
                <c:pt idx="3582">
                  <c:v>39.680806188956367</c:v>
                </c:pt>
                <c:pt idx="3583">
                  <c:v>39.676928878298462</c:v>
                </c:pt>
                <c:pt idx="3584">
                  <c:v>39.673002300669033</c:v>
                </c:pt>
                <c:pt idx="3585">
                  <c:v>39.669893554766688</c:v>
                </c:pt>
                <c:pt idx="3586">
                  <c:v>39.66678480886435</c:v>
                </c:pt>
                <c:pt idx="3587">
                  <c:v>39.663676062962004</c:v>
                </c:pt>
                <c:pt idx="3588">
                  <c:v>39.659803679001243</c:v>
                </c:pt>
                <c:pt idx="3589">
                  <c:v>39.65592636834333</c:v>
                </c:pt>
                <c:pt idx="3590">
                  <c:v>39.652817622440985</c:v>
                </c:pt>
                <c:pt idx="3591">
                  <c:v>39.649708876538647</c:v>
                </c:pt>
                <c:pt idx="3592">
                  <c:v>39.645782298909211</c:v>
                </c:pt>
                <c:pt idx="3593">
                  <c:v>39.642673553006873</c:v>
                </c:pt>
                <c:pt idx="3594">
                  <c:v>39.639564807104534</c:v>
                </c:pt>
                <c:pt idx="3595">
                  <c:v>39.635687496446614</c:v>
                </c:pt>
                <c:pt idx="3596">
                  <c:v>39.632578750544276</c:v>
                </c:pt>
                <c:pt idx="3597">
                  <c:v>39.628706366583508</c:v>
                </c:pt>
                <c:pt idx="3598">
                  <c:v>39.62559762068117</c:v>
                </c:pt>
                <c:pt idx="3599">
                  <c:v>39.622488874778824</c:v>
                </c:pt>
                <c:pt idx="3600">
                  <c:v>39.619380128876479</c:v>
                </c:pt>
                <c:pt idx="3601">
                  <c:v>39.616212262608329</c:v>
                </c:pt>
                <c:pt idx="3602">
                  <c:v>39.613103516705991</c:v>
                </c:pt>
                <c:pt idx="3603">
                  <c:v>39.609231132745222</c:v>
                </c:pt>
                <c:pt idx="3604">
                  <c:v>39.606122386842884</c:v>
                </c:pt>
                <c:pt idx="3605">
                  <c:v>39.603013640940539</c:v>
                </c:pt>
                <c:pt idx="3606">
                  <c:v>39.599904895038193</c:v>
                </c:pt>
                <c:pt idx="3607">
                  <c:v>39.596032511077432</c:v>
                </c:pt>
                <c:pt idx="3608">
                  <c:v>39.592918838477942</c:v>
                </c:pt>
                <c:pt idx="3609">
                  <c:v>39.588992260848514</c:v>
                </c:pt>
                <c:pt idx="3610">
                  <c:v>39.585883514946168</c:v>
                </c:pt>
                <c:pt idx="3611">
                  <c:v>39.582774769043823</c:v>
                </c:pt>
                <c:pt idx="3612">
                  <c:v>39.579666023141478</c:v>
                </c:pt>
                <c:pt idx="3613">
                  <c:v>39.575793639180716</c:v>
                </c:pt>
                <c:pt idx="3614">
                  <c:v>39.571152690464388</c:v>
                </c:pt>
                <c:pt idx="3615">
                  <c:v>39.568043944562042</c:v>
                </c:pt>
                <c:pt idx="3616">
                  <c:v>39.564935198659704</c:v>
                </c:pt>
                <c:pt idx="3617">
                  <c:v>39.561772259088698</c:v>
                </c:pt>
                <c:pt idx="3618">
                  <c:v>39.55789987512793</c:v>
                </c:pt>
                <c:pt idx="3619">
                  <c:v>39.554791129225592</c:v>
                </c:pt>
                <c:pt idx="3620">
                  <c:v>39.551677456626102</c:v>
                </c:pt>
                <c:pt idx="3621">
                  <c:v>39.548568710723757</c:v>
                </c:pt>
                <c:pt idx="3622">
                  <c:v>39.545459964821404</c:v>
                </c:pt>
                <c:pt idx="3623">
                  <c:v>39.54158758086065</c:v>
                </c:pt>
                <c:pt idx="3624">
                  <c:v>39.538478834958305</c:v>
                </c:pt>
                <c:pt idx="3625">
                  <c:v>39.534552257328876</c:v>
                </c:pt>
                <c:pt idx="3626">
                  <c:v>39.531438584729386</c:v>
                </c:pt>
                <c:pt idx="3627">
                  <c:v>39.528329838827041</c:v>
                </c:pt>
                <c:pt idx="3628">
                  <c:v>39.52445745486628</c:v>
                </c:pt>
                <c:pt idx="3629">
                  <c:v>39.521348708963934</c:v>
                </c:pt>
                <c:pt idx="3630">
                  <c:v>39.517476325003173</c:v>
                </c:pt>
                <c:pt idx="3631">
                  <c:v>39.514367579100828</c:v>
                </c:pt>
                <c:pt idx="3632">
                  <c:v>39.511253906501338</c:v>
                </c:pt>
                <c:pt idx="3633">
                  <c:v>39.508145160598993</c:v>
                </c:pt>
                <c:pt idx="3634">
                  <c:v>39.505036414696654</c:v>
                </c:pt>
                <c:pt idx="3635">
                  <c:v>39.501927668794302</c:v>
                </c:pt>
                <c:pt idx="3636">
                  <c:v>39.498818922891971</c:v>
                </c:pt>
                <c:pt idx="3637">
                  <c:v>39.494892345262542</c:v>
                </c:pt>
                <c:pt idx="3638">
                  <c:v>39.491778672663045</c:v>
                </c:pt>
                <c:pt idx="3639">
                  <c:v>39.487906288702284</c:v>
                </c:pt>
                <c:pt idx="3640">
                  <c:v>39.48479754279993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2713-49A8-840C-4B44505B7F3E}"/>
            </c:ext>
          </c:extLst>
        </c:ser>
        <c:ser>
          <c:idx val="0"/>
          <c:order val="1"/>
          <c:tx>
            <c:strRef>
              <c:f>'TG (2)'!$F$1</c:f>
              <c:strCache>
                <c:ptCount val="1"/>
                <c:pt idx="0">
                  <c:v>H 180</c:v>
                </c:pt>
              </c:strCache>
            </c:strRef>
          </c:tx>
          <c:spPr>
            <a:ln w="19050" cap="rnd">
              <a:solidFill>
                <a:srgbClr val="00B0F0"/>
              </a:solidFill>
              <a:round/>
            </a:ln>
            <a:effectLst/>
          </c:spPr>
          <c:marker>
            <c:symbol val="none"/>
          </c:marker>
          <c:xVal>
            <c:numRef>
              <c:f>'TG (2)'!$H$3:$H$3643</c:f>
              <c:numCache>
                <c:formatCode>General</c:formatCode>
                <c:ptCount val="3641"/>
                <c:pt idx="0">
                  <c:v>41.844999999999999</c:v>
                </c:pt>
                <c:pt idx="1">
                  <c:v>42.039000000000001</c:v>
                </c:pt>
                <c:pt idx="2">
                  <c:v>42.223999999999997</c:v>
                </c:pt>
                <c:pt idx="3">
                  <c:v>42.423999999999999</c:v>
                </c:pt>
                <c:pt idx="4">
                  <c:v>42.616</c:v>
                </c:pt>
                <c:pt idx="5">
                  <c:v>42.792999999999999</c:v>
                </c:pt>
                <c:pt idx="6">
                  <c:v>42.968000000000004</c:v>
                </c:pt>
                <c:pt idx="7">
                  <c:v>43.151000000000003</c:v>
                </c:pt>
                <c:pt idx="8">
                  <c:v>43.331000000000003</c:v>
                </c:pt>
                <c:pt idx="9">
                  <c:v>43.497999999999998</c:v>
                </c:pt>
                <c:pt idx="10">
                  <c:v>43.67</c:v>
                </c:pt>
                <c:pt idx="11">
                  <c:v>43.835999999999999</c:v>
                </c:pt>
                <c:pt idx="12">
                  <c:v>44.000999999999998</c:v>
                </c:pt>
                <c:pt idx="13">
                  <c:v>44.16</c:v>
                </c:pt>
                <c:pt idx="14">
                  <c:v>44.322000000000003</c:v>
                </c:pt>
                <c:pt idx="15">
                  <c:v>44.488999999999997</c:v>
                </c:pt>
                <c:pt idx="16">
                  <c:v>44.640999999999998</c:v>
                </c:pt>
                <c:pt idx="17">
                  <c:v>44.780999999999999</c:v>
                </c:pt>
                <c:pt idx="18">
                  <c:v>44.936</c:v>
                </c:pt>
                <c:pt idx="19">
                  <c:v>45.101999999999997</c:v>
                </c:pt>
                <c:pt idx="20">
                  <c:v>45.264000000000003</c:v>
                </c:pt>
                <c:pt idx="21">
                  <c:v>45.429000000000002</c:v>
                </c:pt>
                <c:pt idx="22">
                  <c:v>45.581000000000003</c:v>
                </c:pt>
                <c:pt idx="23">
                  <c:v>45.716999999999999</c:v>
                </c:pt>
                <c:pt idx="24">
                  <c:v>45.847000000000001</c:v>
                </c:pt>
                <c:pt idx="25">
                  <c:v>45.965000000000003</c:v>
                </c:pt>
                <c:pt idx="26">
                  <c:v>46.087000000000003</c:v>
                </c:pt>
                <c:pt idx="27">
                  <c:v>46.210999999999999</c:v>
                </c:pt>
                <c:pt idx="28">
                  <c:v>46.345999999999997</c:v>
                </c:pt>
                <c:pt idx="29">
                  <c:v>46.475000000000001</c:v>
                </c:pt>
                <c:pt idx="30">
                  <c:v>46.594000000000001</c:v>
                </c:pt>
                <c:pt idx="31">
                  <c:v>46.716000000000001</c:v>
                </c:pt>
                <c:pt idx="32">
                  <c:v>46.841000000000001</c:v>
                </c:pt>
                <c:pt idx="33">
                  <c:v>46.953000000000003</c:v>
                </c:pt>
                <c:pt idx="34">
                  <c:v>47.067</c:v>
                </c:pt>
                <c:pt idx="35">
                  <c:v>47.183999999999997</c:v>
                </c:pt>
                <c:pt idx="36">
                  <c:v>47.305</c:v>
                </c:pt>
                <c:pt idx="37">
                  <c:v>47.427</c:v>
                </c:pt>
                <c:pt idx="38">
                  <c:v>47.545999999999999</c:v>
                </c:pt>
                <c:pt idx="39">
                  <c:v>47.658999999999999</c:v>
                </c:pt>
                <c:pt idx="40">
                  <c:v>47.774999999999999</c:v>
                </c:pt>
                <c:pt idx="41">
                  <c:v>47.893000000000001</c:v>
                </c:pt>
                <c:pt idx="42">
                  <c:v>47.993000000000002</c:v>
                </c:pt>
                <c:pt idx="43">
                  <c:v>48.082000000000001</c:v>
                </c:pt>
                <c:pt idx="44">
                  <c:v>48.17</c:v>
                </c:pt>
                <c:pt idx="45">
                  <c:v>48.256</c:v>
                </c:pt>
                <c:pt idx="46">
                  <c:v>48.34</c:v>
                </c:pt>
                <c:pt idx="47">
                  <c:v>48.414000000000001</c:v>
                </c:pt>
                <c:pt idx="48">
                  <c:v>48.481000000000002</c:v>
                </c:pt>
                <c:pt idx="49">
                  <c:v>48.551000000000002</c:v>
                </c:pt>
                <c:pt idx="50">
                  <c:v>48.628</c:v>
                </c:pt>
                <c:pt idx="51">
                  <c:v>48.698</c:v>
                </c:pt>
                <c:pt idx="52">
                  <c:v>48.764000000000003</c:v>
                </c:pt>
                <c:pt idx="53">
                  <c:v>48.832000000000001</c:v>
                </c:pt>
                <c:pt idx="54">
                  <c:v>48.906999999999996</c:v>
                </c:pt>
                <c:pt idx="55">
                  <c:v>48.991</c:v>
                </c:pt>
                <c:pt idx="56">
                  <c:v>49.075000000000003</c:v>
                </c:pt>
                <c:pt idx="57">
                  <c:v>49.155000000000001</c:v>
                </c:pt>
                <c:pt idx="58">
                  <c:v>49.234000000000002</c:v>
                </c:pt>
                <c:pt idx="59">
                  <c:v>49.313000000000002</c:v>
                </c:pt>
                <c:pt idx="60">
                  <c:v>49.399000000000001</c:v>
                </c:pt>
                <c:pt idx="61">
                  <c:v>49.465000000000003</c:v>
                </c:pt>
                <c:pt idx="62">
                  <c:v>49.518000000000001</c:v>
                </c:pt>
                <c:pt idx="63">
                  <c:v>49.564999999999998</c:v>
                </c:pt>
                <c:pt idx="64">
                  <c:v>49.609000000000002</c:v>
                </c:pt>
                <c:pt idx="65">
                  <c:v>49.667999999999999</c:v>
                </c:pt>
                <c:pt idx="66">
                  <c:v>49.732999999999997</c:v>
                </c:pt>
                <c:pt idx="67">
                  <c:v>49.796999999999997</c:v>
                </c:pt>
                <c:pt idx="68">
                  <c:v>49.86</c:v>
                </c:pt>
                <c:pt idx="69">
                  <c:v>49.915999999999997</c:v>
                </c:pt>
                <c:pt idx="70">
                  <c:v>49.976999999999997</c:v>
                </c:pt>
                <c:pt idx="71">
                  <c:v>50.045000000000002</c:v>
                </c:pt>
                <c:pt idx="72">
                  <c:v>50.109000000000002</c:v>
                </c:pt>
                <c:pt idx="73">
                  <c:v>50.152000000000001</c:v>
                </c:pt>
                <c:pt idx="74">
                  <c:v>50.198999999999998</c:v>
                </c:pt>
                <c:pt idx="75">
                  <c:v>50.255000000000003</c:v>
                </c:pt>
                <c:pt idx="76">
                  <c:v>50.292000000000002</c:v>
                </c:pt>
                <c:pt idx="77">
                  <c:v>50.332000000000001</c:v>
                </c:pt>
                <c:pt idx="78">
                  <c:v>50.378999999999998</c:v>
                </c:pt>
                <c:pt idx="79">
                  <c:v>50.414999999999999</c:v>
                </c:pt>
                <c:pt idx="80">
                  <c:v>50.448</c:v>
                </c:pt>
                <c:pt idx="81">
                  <c:v>50.481999999999999</c:v>
                </c:pt>
                <c:pt idx="82">
                  <c:v>50.509</c:v>
                </c:pt>
                <c:pt idx="83">
                  <c:v>50.540999999999997</c:v>
                </c:pt>
                <c:pt idx="84">
                  <c:v>50.57</c:v>
                </c:pt>
                <c:pt idx="85">
                  <c:v>50.600999999999999</c:v>
                </c:pt>
                <c:pt idx="86">
                  <c:v>50.637999999999998</c:v>
                </c:pt>
                <c:pt idx="87">
                  <c:v>50.683999999999997</c:v>
                </c:pt>
                <c:pt idx="88">
                  <c:v>50.73</c:v>
                </c:pt>
                <c:pt idx="89">
                  <c:v>50.777999999999999</c:v>
                </c:pt>
                <c:pt idx="90">
                  <c:v>50.829000000000001</c:v>
                </c:pt>
                <c:pt idx="91">
                  <c:v>50.884999999999998</c:v>
                </c:pt>
                <c:pt idx="92">
                  <c:v>50.930999999999997</c:v>
                </c:pt>
                <c:pt idx="93">
                  <c:v>50.978000000000002</c:v>
                </c:pt>
                <c:pt idx="94">
                  <c:v>51.003</c:v>
                </c:pt>
                <c:pt idx="95">
                  <c:v>51.026000000000003</c:v>
                </c:pt>
                <c:pt idx="96">
                  <c:v>51.057000000000002</c:v>
                </c:pt>
                <c:pt idx="97">
                  <c:v>51.082000000000001</c:v>
                </c:pt>
                <c:pt idx="98">
                  <c:v>51.103000000000002</c:v>
                </c:pt>
                <c:pt idx="99">
                  <c:v>51.125999999999998</c:v>
                </c:pt>
                <c:pt idx="100">
                  <c:v>51.152000000000001</c:v>
                </c:pt>
                <c:pt idx="101">
                  <c:v>51.180999999999997</c:v>
                </c:pt>
                <c:pt idx="102">
                  <c:v>51.215000000000003</c:v>
                </c:pt>
                <c:pt idx="103">
                  <c:v>51.258000000000003</c:v>
                </c:pt>
                <c:pt idx="104">
                  <c:v>51.292999999999999</c:v>
                </c:pt>
                <c:pt idx="105">
                  <c:v>51.314</c:v>
                </c:pt>
                <c:pt idx="106">
                  <c:v>51.34</c:v>
                </c:pt>
                <c:pt idx="107">
                  <c:v>51.375</c:v>
                </c:pt>
                <c:pt idx="108">
                  <c:v>51.4</c:v>
                </c:pt>
                <c:pt idx="109">
                  <c:v>51.417999999999999</c:v>
                </c:pt>
                <c:pt idx="110">
                  <c:v>51.454000000000001</c:v>
                </c:pt>
                <c:pt idx="111">
                  <c:v>51.478000000000002</c:v>
                </c:pt>
                <c:pt idx="112">
                  <c:v>51.478000000000002</c:v>
                </c:pt>
                <c:pt idx="113">
                  <c:v>51.482999999999997</c:v>
                </c:pt>
                <c:pt idx="114">
                  <c:v>51.500999999999998</c:v>
                </c:pt>
                <c:pt idx="115">
                  <c:v>51.512999999999998</c:v>
                </c:pt>
                <c:pt idx="116">
                  <c:v>51.527000000000001</c:v>
                </c:pt>
                <c:pt idx="117">
                  <c:v>51.558</c:v>
                </c:pt>
                <c:pt idx="118">
                  <c:v>51.587000000000003</c:v>
                </c:pt>
                <c:pt idx="119">
                  <c:v>51.606999999999999</c:v>
                </c:pt>
                <c:pt idx="120">
                  <c:v>51.619</c:v>
                </c:pt>
                <c:pt idx="121">
                  <c:v>51.639000000000003</c:v>
                </c:pt>
                <c:pt idx="122">
                  <c:v>51.67</c:v>
                </c:pt>
                <c:pt idx="123">
                  <c:v>51.695</c:v>
                </c:pt>
                <c:pt idx="124">
                  <c:v>51.704999999999998</c:v>
                </c:pt>
                <c:pt idx="125">
                  <c:v>51.71</c:v>
                </c:pt>
                <c:pt idx="126">
                  <c:v>51.71</c:v>
                </c:pt>
                <c:pt idx="127">
                  <c:v>51.720999999999997</c:v>
                </c:pt>
                <c:pt idx="128">
                  <c:v>51.734999999999999</c:v>
                </c:pt>
                <c:pt idx="129">
                  <c:v>51.741</c:v>
                </c:pt>
                <c:pt idx="130">
                  <c:v>51.753</c:v>
                </c:pt>
                <c:pt idx="131">
                  <c:v>51.774999999999999</c:v>
                </c:pt>
                <c:pt idx="132">
                  <c:v>51.802</c:v>
                </c:pt>
                <c:pt idx="133">
                  <c:v>51.808999999999997</c:v>
                </c:pt>
                <c:pt idx="134">
                  <c:v>51.811999999999998</c:v>
                </c:pt>
                <c:pt idx="135">
                  <c:v>51.814999999999998</c:v>
                </c:pt>
                <c:pt idx="136">
                  <c:v>51.807000000000002</c:v>
                </c:pt>
                <c:pt idx="137">
                  <c:v>51.81</c:v>
                </c:pt>
                <c:pt idx="138">
                  <c:v>51.820999999999998</c:v>
                </c:pt>
                <c:pt idx="139">
                  <c:v>51.832999999999998</c:v>
                </c:pt>
                <c:pt idx="140">
                  <c:v>51.828000000000003</c:v>
                </c:pt>
                <c:pt idx="141">
                  <c:v>51.825000000000003</c:v>
                </c:pt>
                <c:pt idx="142">
                  <c:v>51.808</c:v>
                </c:pt>
                <c:pt idx="143">
                  <c:v>51.8</c:v>
                </c:pt>
                <c:pt idx="144">
                  <c:v>51.801000000000002</c:v>
                </c:pt>
                <c:pt idx="145">
                  <c:v>51.805</c:v>
                </c:pt>
                <c:pt idx="146">
                  <c:v>51.811</c:v>
                </c:pt>
                <c:pt idx="147">
                  <c:v>51.811999999999998</c:v>
                </c:pt>
                <c:pt idx="148">
                  <c:v>51.805</c:v>
                </c:pt>
                <c:pt idx="149">
                  <c:v>51.802999999999997</c:v>
                </c:pt>
                <c:pt idx="150">
                  <c:v>51.796999999999997</c:v>
                </c:pt>
                <c:pt idx="151">
                  <c:v>51.787999999999997</c:v>
                </c:pt>
                <c:pt idx="152">
                  <c:v>51.79</c:v>
                </c:pt>
                <c:pt idx="153">
                  <c:v>51.796999999999997</c:v>
                </c:pt>
                <c:pt idx="154">
                  <c:v>51.798000000000002</c:v>
                </c:pt>
                <c:pt idx="155">
                  <c:v>51.805</c:v>
                </c:pt>
                <c:pt idx="156">
                  <c:v>51.814</c:v>
                </c:pt>
                <c:pt idx="157">
                  <c:v>51.832999999999998</c:v>
                </c:pt>
                <c:pt idx="158">
                  <c:v>51.84</c:v>
                </c:pt>
                <c:pt idx="159">
                  <c:v>51.838000000000001</c:v>
                </c:pt>
                <c:pt idx="160">
                  <c:v>51.834000000000003</c:v>
                </c:pt>
                <c:pt idx="161">
                  <c:v>51.820999999999998</c:v>
                </c:pt>
                <c:pt idx="162">
                  <c:v>51.79</c:v>
                </c:pt>
                <c:pt idx="163">
                  <c:v>51.753999999999998</c:v>
                </c:pt>
                <c:pt idx="164">
                  <c:v>51.716999999999999</c:v>
                </c:pt>
                <c:pt idx="165">
                  <c:v>51.689</c:v>
                </c:pt>
                <c:pt idx="166">
                  <c:v>51.679000000000002</c:v>
                </c:pt>
                <c:pt idx="167">
                  <c:v>51.674999999999997</c:v>
                </c:pt>
                <c:pt idx="168">
                  <c:v>51.676000000000002</c:v>
                </c:pt>
                <c:pt idx="169">
                  <c:v>51.673999999999999</c:v>
                </c:pt>
                <c:pt idx="170">
                  <c:v>51.664000000000001</c:v>
                </c:pt>
                <c:pt idx="171">
                  <c:v>51.656999999999996</c:v>
                </c:pt>
                <c:pt idx="172">
                  <c:v>51.652000000000001</c:v>
                </c:pt>
                <c:pt idx="173">
                  <c:v>51.651000000000003</c:v>
                </c:pt>
                <c:pt idx="174">
                  <c:v>51.654000000000003</c:v>
                </c:pt>
                <c:pt idx="175">
                  <c:v>51.656999999999996</c:v>
                </c:pt>
                <c:pt idx="176">
                  <c:v>51.655999999999999</c:v>
                </c:pt>
                <c:pt idx="177">
                  <c:v>51.640999999999998</c:v>
                </c:pt>
                <c:pt idx="178">
                  <c:v>51.607999999999997</c:v>
                </c:pt>
                <c:pt idx="179">
                  <c:v>51.576999999999998</c:v>
                </c:pt>
                <c:pt idx="180">
                  <c:v>51.561999999999998</c:v>
                </c:pt>
                <c:pt idx="181">
                  <c:v>51.543999999999997</c:v>
                </c:pt>
                <c:pt idx="182">
                  <c:v>51.537999999999997</c:v>
                </c:pt>
                <c:pt idx="183">
                  <c:v>51.533999999999999</c:v>
                </c:pt>
                <c:pt idx="184">
                  <c:v>51.524000000000001</c:v>
                </c:pt>
                <c:pt idx="185">
                  <c:v>51.518999999999998</c:v>
                </c:pt>
                <c:pt idx="186">
                  <c:v>51.508000000000003</c:v>
                </c:pt>
                <c:pt idx="187">
                  <c:v>51.500999999999998</c:v>
                </c:pt>
                <c:pt idx="188">
                  <c:v>51.488999999999997</c:v>
                </c:pt>
                <c:pt idx="189">
                  <c:v>51.470999999999997</c:v>
                </c:pt>
                <c:pt idx="190">
                  <c:v>51.466999999999999</c:v>
                </c:pt>
                <c:pt idx="191">
                  <c:v>51.456000000000003</c:v>
                </c:pt>
                <c:pt idx="192">
                  <c:v>51.435000000000002</c:v>
                </c:pt>
                <c:pt idx="193">
                  <c:v>51.42</c:v>
                </c:pt>
                <c:pt idx="194">
                  <c:v>51.405999999999999</c:v>
                </c:pt>
                <c:pt idx="195">
                  <c:v>51.411999999999999</c:v>
                </c:pt>
                <c:pt idx="196">
                  <c:v>51.421999999999997</c:v>
                </c:pt>
                <c:pt idx="197">
                  <c:v>51.414000000000001</c:v>
                </c:pt>
                <c:pt idx="198">
                  <c:v>51.396000000000001</c:v>
                </c:pt>
                <c:pt idx="199">
                  <c:v>51.375999999999998</c:v>
                </c:pt>
                <c:pt idx="200">
                  <c:v>51.359000000000002</c:v>
                </c:pt>
                <c:pt idx="201">
                  <c:v>51.34</c:v>
                </c:pt>
                <c:pt idx="202">
                  <c:v>51.31</c:v>
                </c:pt>
                <c:pt idx="203">
                  <c:v>51.277999999999999</c:v>
                </c:pt>
                <c:pt idx="204">
                  <c:v>51.258000000000003</c:v>
                </c:pt>
                <c:pt idx="205">
                  <c:v>51.238</c:v>
                </c:pt>
                <c:pt idx="206">
                  <c:v>51.213999999999999</c:v>
                </c:pt>
                <c:pt idx="207">
                  <c:v>51.198999999999998</c:v>
                </c:pt>
                <c:pt idx="208">
                  <c:v>51.18</c:v>
                </c:pt>
                <c:pt idx="209">
                  <c:v>51.164000000000001</c:v>
                </c:pt>
                <c:pt idx="210">
                  <c:v>51.156999999999996</c:v>
                </c:pt>
                <c:pt idx="211">
                  <c:v>51.14</c:v>
                </c:pt>
                <c:pt idx="212">
                  <c:v>51.122999999999998</c:v>
                </c:pt>
                <c:pt idx="213">
                  <c:v>51.152000000000001</c:v>
                </c:pt>
                <c:pt idx="214">
                  <c:v>51.261000000000003</c:v>
                </c:pt>
                <c:pt idx="215">
                  <c:v>51.386000000000003</c:v>
                </c:pt>
                <c:pt idx="216">
                  <c:v>51.543999999999997</c:v>
                </c:pt>
                <c:pt idx="217">
                  <c:v>51.676000000000002</c:v>
                </c:pt>
                <c:pt idx="218">
                  <c:v>51.877000000000002</c:v>
                </c:pt>
                <c:pt idx="219">
                  <c:v>52.07</c:v>
                </c:pt>
                <c:pt idx="220">
                  <c:v>52.253</c:v>
                </c:pt>
                <c:pt idx="221">
                  <c:v>52.521000000000001</c:v>
                </c:pt>
                <c:pt idx="222">
                  <c:v>52.671999999999997</c:v>
                </c:pt>
                <c:pt idx="223">
                  <c:v>52.860999999999997</c:v>
                </c:pt>
                <c:pt idx="224">
                  <c:v>52.939</c:v>
                </c:pt>
                <c:pt idx="225">
                  <c:v>52.978000000000002</c:v>
                </c:pt>
                <c:pt idx="226">
                  <c:v>53.122999999999998</c:v>
                </c:pt>
                <c:pt idx="227">
                  <c:v>53.347999999999999</c:v>
                </c:pt>
                <c:pt idx="228">
                  <c:v>53.442999999999998</c:v>
                </c:pt>
                <c:pt idx="229">
                  <c:v>53.686</c:v>
                </c:pt>
                <c:pt idx="230">
                  <c:v>53.901000000000003</c:v>
                </c:pt>
                <c:pt idx="231">
                  <c:v>53.484000000000002</c:v>
                </c:pt>
                <c:pt idx="232">
                  <c:v>53.512</c:v>
                </c:pt>
                <c:pt idx="233">
                  <c:v>53.578000000000003</c:v>
                </c:pt>
                <c:pt idx="234">
                  <c:v>53.776000000000003</c:v>
                </c:pt>
                <c:pt idx="235">
                  <c:v>54.121000000000002</c:v>
                </c:pt>
                <c:pt idx="236">
                  <c:v>54.279000000000003</c:v>
                </c:pt>
                <c:pt idx="237">
                  <c:v>54.500999999999998</c:v>
                </c:pt>
                <c:pt idx="238">
                  <c:v>54.26</c:v>
                </c:pt>
                <c:pt idx="239">
                  <c:v>54.225000000000001</c:v>
                </c:pt>
                <c:pt idx="240">
                  <c:v>54.073</c:v>
                </c:pt>
                <c:pt idx="241">
                  <c:v>54.258000000000003</c:v>
                </c:pt>
                <c:pt idx="242">
                  <c:v>54.54</c:v>
                </c:pt>
                <c:pt idx="243">
                  <c:v>54.64</c:v>
                </c:pt>
                <c:pt idx="244">
                  <c:v>54.598999999999997</c:v>
                </c:pt>
                <c:pt idx="245">
                  <c:v>54.713999999999999</c:v>
                </c:pt>
                <c:pt idx="246">
                  <c:v>54.689</c:v>
                </c:pt>
                <c:pt idx="247">
                  <c:v>54.610999999999997</c:v>
                </c:pt>
                <c:pt idx="248">
                  <c:v>54.53</c:v>
                </c:pt>
                <c:pt idx="249">
                  <c:v>54.24</c:v>
                </c:pt>
                <c:pt idx="250">
                  <c:v>54.386000000000003</c:v>
                </c:pt>
                <c:pt idx="251">
                  <c:v>54.368000000000002</c:v>
                </c:pt>
                <c:pt idx="252">
                  <c:v>54.591000000000001</c:v>
                </c:pt>
                <c:pt idx="253">
                  <c:v>54.411000000000001</c:v>
                </c:pt>
                <c:pt idx="254">
                  <c:v>54.534999999999997</c:v>
                </c:pt>
                <c:pt idx="255">
                  <c:v>54.387</c:v>
                </c:pt>
                <c:pt idx="256">
                  <c:v>54.415999999999997</c:v>
                </c:pt>
                <c:pt idx="257">
                  <c:v>54.17</c:v>
                </c:pt>
                <c:pt idx="258">
                  <c:v>54.286999999999999</c:v>
                </c:pt>
                <c:pt idx="259">
                  <c:v>54.154000000000003</c:v>
                </c:pt>
                <c:pt idx="260">
                  <c:v>54.137</c:v>
                </c:pt>
                <c:pt idx="261">
                  <c:v>54.401000000000003</c:v>
                </c:pt>
                <c:pt idx="262">
                  <c:v>54.210999999999999</c:v>
                </c:pt>
                <c:pt idx="263">
                  <c:v>54.183999999999997</c:v>
                </c:pt>
                <c:pt idx="264">
                  <c:v>54.472999999999999</c:v>
                </c:pt>
                <c:pt idx="265">
                  <c:v>54.326000000000001</c:v>
                </c:pt>
                <c:pt idx="266">
                  <c:v>54.198999999999998</c:v>
                </c:pt>
                <c:pt idx="267">
                  <c:v>54.564999999999998</c:v>
                </c:pt>
                <c:pt idx="268">
                  <c:v>54.356999999999999</c:v>
                </c:pt>
                <c:pt idx="269">
                  <c:v>54.500999999999998</c:v>
                </c:pt>
                <c:pt idx="270">
                  <c:v>54.545000000000002</c:v>
                </c:pt>
                <c:pt idx="271">
                  <c:v>54.508000000000003</c:v>
                </c:pt>
                <c:pt idx="272">
                  <c:v>54.631999999999998</c:v>
                </c:pt>
                <c:pt idx="273">
                  <c:v>54.616</c:v>
                </c:pt>
                <c:pt idx="274">
                  <c:v>54.451000000000001</c:v>
                </c:pt>
                <c:pt idx="275">
                  <c:v>54.48</c:v>
                </c:pt>
                <c:pt idx="276">
                  <c:v>54.485999999999997</c:v>
                </c:pt>
                <c:pt idx="277">
                  <c:v>54.679000000000002</c:v>
                </c:pt>
                <c:pt idx="278">
                  <c:v>54.545999999999999</c:v>
                </c:pt>
                <c:pt idx="279">
                  <c:v>54.524999999999999</c:v>
                </c:pt>
                <c:pt idx="280">
                  <c:v>54.497</c:v>
                </c:pt>
                <c:pt idx="281">
                  <c:v>54.488999999999997</c:v>
                </c:pt>
                <c:pt idx="282">
                  <c:v>54.436</c:v>
                </c:pt>
                <c:pt idx="283">
                  <c:v>54.79</c:v>
                </c:pt>
                <c:pt idx="284">
                  <c:v>54.808999999999997</c:v>
                </c:pt>
                <c:pt idx="285">
                  <c:v>54.853999999999999</c:v>
                </c:pt>
                <c:pt idx="286">
                  <c:v>54.761000000000003</c:v>
                </c:pt>
                <c:pt idx="287">
                  <c:v>55.308</c:v>
                </c:pt>
                <c:pt idx="288">
                  <c:v>55.268000000000001</c:v>
                </c:pt>
                <c:pt idx="289">
                  <c:v>55.332999999999998</c:v>
                </c:pt>
                <c:pt idx="290">
                  <c:v>55.65</c:v>
                </c:pt>
                <c:pt idx="291">
                  <c:v>55.575000000000003</c:v>
                </c:pt>
                <c:pt idx="292">
                  <c:v>55.497</c:v>
                </c:pt>
                <c:pt idx="293">
                  <c:v>55.545000000000002</c:v>
                </c:pt>
                <c:pt idx="294">
                  <c:v>55.536000000000001</c:v>
                </c:pt>
                <c:pt idx="295">
                  <c:v>55.731999999999999</c:v>
                </c:pt>
                <c:pt idx="296">
                  <c:v>55.753999999999998</c:v>
                </c:pt>
                <c:pt idx="297">
                  <c:v>55.744</c:v>
                </c:pt>
                <c:pt idx="298">
                  <c:v>55.825000000000003</c:v>
                </c:pt>
                <c:pt idx="299">
                  <c:v>55.88</c:v>
                </c:pt>
                <c:pt idx="300">
                  <c:v>55.923000000000002</c:v>
                </c:pt>
                <c:pt idx="301">
                  <c:v>56.143000000000001</c:v>
                </c:pt>
                <c:pt idx="302">
                  <c:v>56.067</c:v>
                </c:pt>
                <c:pt idx="303">
                  <c:v>56.344000000000001</c:v>
                </c:pt>
                <c:pt idx="304">
                  <c:v>56.469000000000001</c:v>
                </c:pt>
                <c:pt idx="305">
                  <c:v>56.747999999999998</c:v>
                </c:pt>
                <c:pt idx="306">
                  <c:v>56.808999999999997</c:v>
                </c:pt>
                <c:pt idx="307">
                  <c:v>56.73</c:v>
                </c:pt>
                <c:pt idx="308">
                  <c:v>56.756999999999998</c:v>
                </c:pt>
                <c:pt idx="309">
                  <c:v>56.768999999999998</c:v>
                </c:pt>
                <c:pt idx="310">
                  <c:v>56.63</c:v>
                </c:pt>
                <c:pt idx="311">
                  <c:v>56.93</c:v>
                </c:pt>
                <c:pt idx="312">
                  <c:v>57.28</c:v>
                </c:pt>
                <c:pt idx="313">
                  <c:v>57.497</c:v>
                </c:pt>
                <c:pt idx="314">
                  <c:v>57.610999999999997</c:v>
                </c:pt>
                <c:pt idx="315">
                  <c:v>57.753</c:v>
                </c:pt>
                <c:pt idx="316">
                  <c:v>58.027999999999999</c:v>
                </c:pt>
                <c:pt idx="317">
                  <c:v>58.05</c:v>
                </c:pt>
                <c:pt idx="318">
                  <c:v>58.137999999999998</c:v>
                </c:pt>
                <c:pt idx="319">
                  <c:v>58.29</c:v>
                </c:pt>
                <c:pt idx="320">
                  <c:v>58.451000000000001</c:v>
                </c:pt>
                <c:pt idx="321">
                  <c:v>58.290999999999997</c:v>
                </c:pt>
                <c:pt idx="322">
                  <c:v>58.488</c:v>
                </c:pt>
                <c:pt idx="323">
                  <c:v>58.591999999999999</c:v>
                </c:pt>
                <c:pt idx="324">
                  <c:v>58.536000000000001</c:v>
                </c:pt>
                <c:pt idx="325">
                  <c:v>58.86</c:v>
                </c:pt>
                <c:pt idx="326">
                  <c:v>58.914000000000001</c:v>
                </c:pt>
                <c:pt idx="327">
                  <c:v>59.143999999999998</c:v>
                </c:pt>
                <c:pt idx="328">
                  <c:v>59.298999999999999</c:v>
                </c:pt>
                <c:pt idx="329">
                  <c:v>59.433999999999997</c:v>
                </c:pt>
                <c:pt idx="330">
                  <c:v>59.756999999999998</c:v>
                </c:pt>
                <c:pt idx="331">
                  <c:v>59.847000000000001</c:v>
                </c:pt>
                <c:pt idx="332">
                  <c:v>60.031999999999996</c:v>
                </c:pt>
                <c:pt idx="333">
                  <c:v>60.030999999999999</c:v>
                </c:pt>
                <c:pt idx="334">
                  <c:v>60.182000000000002</c:v>
                </c:pt>
                <c:pt idx="335">
                  <c:v>60.45</c:v>
                </c:pt>
                <c:pt idx="336">
                  <c:v>60.704000000000001</c:v>
                </c:pt>
                <c:pt idx="337">
                  <c:v>60.795999999999999</c:v>
                </c:pt>
                <c:pt idx="338">
                  <c:v>60.905000000000001</c:v>
                </c:pt>
                <c:pt idx="339">
                  <c:v>60.875999999999998</c:v>
                </c:pt>
                <c:pt idx="340">
                  <c:v>60.966000000000001</c:v>
                </c:pt>
                <c:pt idx="341">
                  <c:v>61.19</c:v>
                </c:pt>
                <c:pt idx="342">
                  <c:v>61.308999999999997</c:v>
                </c:pt>
                <c:pt idx="343">
                  <c:v>61.472999999999999</c:v>
                </c:pt>
                <c:pt idx="344">
                  <c:v>61.359000000000002</c:v>
                </c:pt>
                <c:pt idx="345">
                  <c:v>61.381999999999998</c:v>
                </c:pt>
                <c:pt idx="346">
                  <c:v>61.606999999999999</c:v>
                </c:pt>
                <c:pt idx="347">
                  <c:v>62.058</c:v>
                </c:pt>
                <c:pt idx="348">
                  <c:v>62.316000000000003</c:v>
                </c:pt>
                <c:pt idx="349">
                  <c:v>62.613</c:v>
                </c:pt>
                <c:pt idx="350">
                  <c:v>62.79</c:v>
                </c:pt>
                <c:pt idx="351">
                  <c:v>62.988</c:v>
                </c:pt>
                <c:pt idx="352">
                  <c:v>63.113999999999997</c:v>
                </c:pt>
                <c:pt idx="353">
                  <c:v>63.31</c:v>
                </c:pt>
                <c:pt idx="354">
                  <c:v>63.347999999999999</c:v>
                </c:pt>
                <c:pt idx="355">
                  <c:v>63.654000000000003</c:v>
                </c:pt>
                <c:pt idx="356">
                  <c:v>63.773000000000003</c:v>
                </c:pt>
                <c:pt idx="357">
                  <c:v>63.936</c:v>
                </c:pt>
                <c:pt idx="358">
                  <c:v>64.262</c:v>
                </c:pt>
                <c:pt idx="359">
                  <c:v>64.417000000000002</c:v>
                </c:pt>
                <c:pt idx="360">
                  <c:v>64.617999999999995</c:v>
                </c:pt>
                <c:pt idx="361">
                  <c:v>64.701999999999998</c:v>
                </c:pt>
                <c:pt idx="362">
                  <c:v>65.177000000000007</c:v>
                </c:pt>
                <c:pt idx="363">
                  <c:v>65.263000000000005</c:v>
                </c:pt>
                <c:pt idx="364">
                  <c:v>65.313000000000002</c:v>
                </c:pt>
                <c:pt idx="365">
                  <c:v>65.474000000000004</c:v>
                </c:pt>
                <c:pt idx="366">
                  <c:v>65.658000000000001</c:v>
                </c:pt>
                <c:pt idx="367">
                  <c:v>65.861000000000004</c:v>
                </c:pt>
                <c:pt idx="368">
                  <c:v>66.147999999999996</c:v>
                </c:pt>
                <c:pt idx="369">
                  <c:v>66.366</c:v>
                </c:pt>
                <c:pt idx="370">
                  <c:v>66.44</c:v>
                </c:pt>
                <c:pt idx="371">
                  <c:v>66.664000000000001</c:v>
                </c:pt>
                <c:pt idx="372">
                  <c:v>66.989000000000004</c:v>
                </c:pt>
                <c:pt idx="373">
                  <c:v>67.134</c:v>
                </c:pt>
                <c:pt idx="374">
                  <c:v>67.382999999999996</c:v>
                </c:pt>
                <c:pt idx="375">
                  <c:v>67.611000000000004</c:v>
                </c:pt>
                <c:pt idx="376">
                  <c:v>67.594999999999999</c:v>
                </c:pt>
                <c:pt idx="377">
                  <c:v>67.715999999999994</c:v>
                </c:pt>
                <c:pt idx="378">
                  <c:v>68.072999999999993</c:v>
                </c:pt>
                <c:pt idx="379">
                  <c:v>68.221999999999994</c:v>
                </c:pt>
                <c:pt idx="380">
                  <c:v>68.53</c:v>
                </c:pt>
                <c:pt idx="381">
                  <c:v>68.741</c:v>
                </c:pt>
                <c:pt idx="382">
                  <c:v>68.983000000000004</c:v>
                </c:pt>
                <c:pt idx="383">
                  <c:v>69.093000000000004</c:v>
                </c:pt>
                <c:pt idx="384">
                  <c:v>69.298000000000002</c:v>
                </c:pt>
                <c:pt idx="385">
                  <c:v>69.531000000000006</c:v>
                </c:pt>
                <c:pt idx="386">
                  <c:v>69.596000000000004</c:v>
                </c:pt>
                <c:pt idx="387">
                  <c:v>69.793000000000006</c:v>
                </c:pt>
                <c:pt idx="388">
                  <c:v>70.040000000000006</c:v>
                </c:pt>
                <c:pt idx="389">
                  <c:v>70.176000000000002</c:v>
                </c:pt>
                <c:pt idx="390">
                  <c:v>70.302000000000007</c:v>
                </c:pt>
                <c:pt idx="391">
                  <c:v>70.769000000000005</c:v>
                </c:pt>
                <c:pt idx="392">
                  <c:v>71.018000000000001</c:v>
                </c:pt>
                <c:pt idx="393">
                  <c:v>71.192999999999998</c:v>
                </c:pt>
                <c:pt idx="394">
                  <c:v>71.301000000000002</c:v>
                </c:pt>
                <c:pt idx="395">
                  <c:v>71.658000000000001</c:v>
                </c:pt>
                <c:pt idx="396">
                  <c:v>71.647999999999996</c:v>
                </c:pt>
                <c:pt idx="397">
                  <c:v>71.905000000000001</c:v>
                </c:pt>
                <c:pt idx="398">
                  <c:v>72.088999999999999</c:v>
                </c:pt>
                <c:pt idx="399">
                  <c:v>72.597999999999999</c:v>
                </c:pt>
                <c:pt idx="400">
                  <c:v>72.966999999999999</c:v>
                </c:pt>
                <c:pt idx="401">
                  <c:v>73.120999999999995</c:v>
                </c:pt>
                <c:pt idx="402">
                  <c:v>73.234999999999999</c:v>
                </c:pt>
                <c:pt idx="403">
                  <c:v>73.105999999999995</c:v>
                </c:pt>
                <c:pt idx="404">
                  <c:v>73.587000000000003</c:v>
                </c:pt>
                <c:pt idx="405">
                  <c:v>73.902000000000001</c:v>
                </c:pt>
                <c:pt idx="406">
                  <c:v>73.992000000000004</c:v>
                </c:pt>
                <c:pt idx="407">
                  <c:v>74.188000000000002</c:v>
                </c:pt>
                <c:pt idx="408">
                  <c:v>74.123000000000005</c:v>
                </c:pt>
                <c:pt idx="409">
                  <c:v>74.486000000000004</c:v>
                </c:pt>
                <c:pt idx="410">
                  <c:v>74.712000000000003</c:v>
                </c:pt>
                <c:pt idx="411">
                  <c:v>74.924999999999997</c:v>
                </c:pt>
                <c:pt idx="412">
                  <c:v>75.481999999999999</c:v>
                </c:pt>
                <c:pt idx="413">
                  <c:v>75.733999999999995</c:v>
                </c:pt>
                <c:pt idx="414">
                  <c:v>76.064999999999998</c:v>
                </c:pt>
                <c:pt idx="415">
                  <c:v>76.233999999999995</c:v>
                </c:pt>
                <c:pt idx="416">
                  <c:v>76.475999999999999</c:v>
                </c:pt>
                <c:pt idx="417">
                  <c:v>76.697999999999993</c:v>
                </c:pt>
                <c:pt idx="418">
                  <c:v>76.781000000000006</c:v>
                </c:pt>
                <c:pt idx="419">
                  <c:v>76.983000000000004</c:v>
                </c:pt>
                <c:pt idx="420">
                  <c:v>77.316000000000003</c:v>
                </c:pt>
                <c:pt idx="421">
                  <c:v>77.454999999999998</c:v>
                </c:pt>
                <c:pt idx="422">
                  <c:v>77.730999999999995</c:v>
                </c:pt>
                <c:pt idx="423">
                  <c:v>77.977999999999994</c:v>
                </c:pt>
                <c:pt idx="424">
                  <c:v>78.087999999999994</c:v>
                </c:pt>
                <c:pt idx="425">
                  <c:v>78.37</c:v>
                </c:pt>
                <c:pt idx="426">
                  <c:v>78.646000000000001</c:v>
                </c:pt>
                <c:pt idx="427">
                  <c:v>78.918999999999997</c:v>
                </c:pt>
                <c:pt idx="428">
                  <c:v>79.173000000000002</c:v>
                </c:pt>
                <c:pt idx="429">
                  <c:v>79.471999999999994</c:v>
                </c:pt>
                <c:pt idx="430">
                  <c:v>79.703000000000003</c:v>
                </c:pt>
                <c:pt idx="431">
                  <c:v>80.001999999999995</c:v>
                </c:pt>
                <c:pt idx="432">
                  <c:v>80.278999999999996</c:v>
                </c:pt>
                <c:pt idx="433">
                  <c:v>80.566000000000003</c:v>
                </c:pt>
                <c:pt idx="434">
                  <c:v>80.715999999999994</c:v>
                </c:pt>
                <c:pt idx="435">
                  <c:v>81.013999999999996</c:v>
                </c:pt>
                <c:pt idx="436">
                  <c:v>81.162000000000006</c:v>
                </c:pt>
                <c:pt idx="437">
                  <c:v>81.293000000000006</c:v>
                </c:pt>
                <c:pt idx="438">
                  <c:v>81.515000000000001</c:v>
                </c:pt>
                <c:pt idx="439">
                  <c:v>81.838999999999999</c:v>
                </c:pt>
                <c:pt idx="440">
                  <c:v>82.094999999999999</c:v>
                </c:pt>
                <c:pt idx="441">
                  <c:v>82.372</c:v>
                </c:pt>
                <c:pt idx="442">
                  <c:v>82.605999999999995</c:v>
                </c:pt>
                <c:pt idx="443">
                  <c:v>82.878</c:v>
                </c:pt>
                <c:pt idx="444">
                  <c:v>83.146000000000001</c:v>
                </c:pt>
                <c:pt idx="445">
                  <c:v>83.308000000000007</c:v>
                </c:pt>
                <c:pt idx="446">
                  <c:v>83.403999999999996</c:v>
                </c:pt>
                <c:pt idx="447">
                  <c:v>83.686000000000007</c:v>
                </c:pt>
                <c:pt idx="448">
                  <c:v>83.957999999999998</c:v>
                </c:pt>
                <c:pt idx="449">
                  <c:v>84.29</c:v>
                </c:pt>
                <c:pt idx="450">
                  <c:v>84.628</c:v>
                </c:pt>
                <c:pt idx="451">
                  <c:v>85.046000000000006</c:v>
                </c:pt>
                <c:pt idx="452">
                  <c:v>85.27</c:v>
                </c:pt>
                <c:pt idx="453">
                  <c:v>85.492999999999995</c:v>
                </c:pt>
                <c:pt idx="454">
                  <c:v>85.673000000000002</c:v>
                </c:pt>
                <c:pt idx="455">
                  <c:v>86.17</c:v>
                </c:pt>
                <c:pt idx="456">
                  <c:v>86.296999999999997</c:v>
                </c:pt>
                <c:pt idx="457">
                  <c:v>86.481999999999999</c:v>
                </c:pt>
                <c:pt idx="458">
                  <c:v>86.772000000000006</c:v>
                </c:pt>
                <c:pt idx="459">
                  <c:v>87.2</c:v>
                </c:pt>
                <c:pt idx="460">
                  <c:v>87.52</c:v>
                </c:pt>
                <c:pt idx="461">
                  <c:v>87.566000000000003</c:v>
                </c:pt>
                <c:pt idx="462">
                  <c:v>87.787000000000006</c:v>
                </c:pt>
                <c:pt idx="463">
                  <c:v>88.096999999999994</c:v>
                </c:pt>
                <c:pt idx="464">
                  <c:v>88.465999999999994</c:v>
                </c:pt>
                <c:pt idx="465">
                  <c:v>88.751999999999995</c:v>
                </c:pt>
                <c:pt idx="466">
                  <c:v>88.894999999999996</c:v>
                </c:pt>
                <c:pt idx="467">
                  <c:v>88.991</c:v>
                </c:pt>
                <c:pt idx="468">
                  <c:v>89.712000000000003</c:v>
                </c:pt>
                <c:pt idx="469">
                  <c:v>89.814999999999998</c:v>
                </c:pt>
                <c:pt idx="470">
                  <c:v>89.866</c:v>
                </c:pt>
                <c:pt idx="471">
                  <c:v>90.438999999999993</c:v>
                </c:pt>
                <c:pt idx="472">
                  <c:v>90.853999999999999</c:v>
                </c:pt>
                <c:pt idx="473">
                  <c:v>90.933000000000007</c:v>
                </c:pt>
                <c:pt idx="474">
                  <c:v>90.942999999999998</c:v>
                </c:pt>
                <c:pt idx="475">
                  <c:v>91.159000000000006</c:v>
                </c:pt>
                <c:pt idx="476">
                  <c:v>91.534000000000006</c:v>
                </c:pt>
                <c:pt idx="477">
                  <c:v>91.792000000000002</c:v>
                </c:pt>
                <c:pt idx="478">
                  <c:v>91.935000000000002</c:v>
                </c:pt>
                <c:pt idx="479">
                  <c:v>92.263999999999996</c:v>
                </c:pt>
                <c:pt idx="480">
                  <c:v>92.656999999999996</c:v>
                </c:pt>
                <c:pt idx="481">
                  <c:v>92.744</c:v>
                </c:pt>
                <c:pt idx="482">
                  <c:v>93.239000000000004</c:v>
                </c:pt>
                <c:pt idx="483">
                  <c:v>93.4</c:v>
                </c:pt>
                <c:pt idx="484">
                  <c:v>93.691999999999993</c:v>
                </c:pt>
                <c:pt idx="485">
                  <c:v>93.941999999999993</c:v>
                </c:pt>
                <c:pt idx="486">
                  <c:v>94.084999999999994</c:v>
                </c:pt>
                <c:pt idx="487">
                  <c:v>94.388000000000005</c:v>
                </c:pt>
                <c:pt idx="488">
                  <c:v>94.617000000000004</c:v>
                </c:pt>
                <c:pt idx="489">
                  <c:v>94.858000000000004</c:v>
                </c:pt>
                <c:pt idx="490">
                  <c:v>95.417000000000002</c:v>
                </c:pt>
                <c:pt idx="491">
                  <c:v>95.698999999999998</c:v>
                </c:pt>
                <c:pt idx="492">
                  <c:v>95.9</c:v>
                </c:pt>
                <c:pt idx="493">
                  <c:v>96.144999999999996</c:v>
                </c:pt>
                <c:pt idx="494">
                  <c:v>96.421999999999997</c:v>
                </c:pt>
                <c:pt idx="495">
                  <c:v>96.632000000000005</c:v>
                </c:pt>
                <c:pt idx="496">
                  <c:v>96.924999999999997</c:v>
                </c:pt>
                <c:pt idx="497">
                  <c:v>97.352000000000004</c:v>
                </c:pt>
                <c:pt idx="498">
                  <c:v>97.632999999999996</c:v>
                </c:pt>
                <c:pt idx="499">
                  <c:v>98.08</c:v>
                </c:pt>
                <c:pt idx="500">
                  <c:v>98.293999999999997</c:v>
                </c:pt>
                <c:pt idx="501">
                  <c:v>98.557000000000002</c:v>
                </c:pt>
                <c:pt idx="502">
                  <c:v>98.804000000000002</c:v>
                </c:pt>
                <c:pt idx="503">
                  <c:v>99.156999999999996</c:v>
                </c:pt>
                <c:pt idx="504">
                  <c:v>99.430999999999997</c:v>
                </c:pt>
                <c:pt idx="505">
                  <c:v>99.628</c:v>
                </c:pt>
                <c:pt idx="506">
                  <c:v>100.027</c:v>
                </c:pt>
                <c:pt idx="507">
                  <c:v>100.349</c:v>
                </c:pt>
                <c:pt idx="508">
                  <c:v>100.524</c:v>
                </c:pt>
                <c:pt idx="509">
                  <c:v>100.9</c:v>
                </c:pt>
                <c:pt idx="510">
                  <c:v>101.19</c:v>
                </c:pt>
                <c:pt idx="511">
                  <c:v>101.33499999999999</c:v>
                </c:pt>
                <c:pt idx="512">
                  <c:v>101.538</c:v>
                </c:pt>
                <c:pt idx="513">
                  <c:v>101.88800000000001</c:v>
                </c:pt>
                <c:pt idx="514">
                  <c:v>102.235</c:v>
                </c:pt>
                <c:pt idx="515">
                  <c:v>102.471</c:v>
                </c:pt>
                <c:pt idx="516">
                  <c:v>102.59699999999999</c:v>
                </c:pt>
                <c:pt idx="517">
                  <c:v>103.048</c:v>
                </c:pt>
                <c:pt idx="518">
                  <c:v>103.36499999999999</c:v>
                </c:pt>
                <c:pt idx="519">
                  <c:v>103.639</c:v>
                </c:pt>
                <c:pt idx="520">
                  <c:v>103.976</c:v>
                </c:pt>
                <c:pt idx="521">
                  <c:v>104.256</c:v>
                </c:pt>
                <c:pt idx="522">
                  <c:v>104.438</c:v>
                </c:pt>
                <c:pt idx="523">
                  <c:v>104.59399999999999</c:v>
                </c:pt>
                <c:pt idx="524">
                  <c:v>104.97499999999999</c:v>
                </c:pt>
                <c:pt idx="525">
                  <c:v>105.15</c:v>
                </c:pt>
                <c:pt idx="526">
                  <c:v>105.5</c:v>
                </c:pt>
                <c:pt idx="527">
                  <c:v>105.762</c:v>
                </c:pt>
                <c:pt idx="528">
                  <c:v>105.858</c:v>
                </c:pt>
                <c:pt idx="529">
                  <c:v>106.125</c:v>
                </c:pt>
                <c:pt idx="530">
                  <c:v>106.379</c:v>
                </c:pt>
                <c:pt idx="531">
                  <c:v>106.64</c:v>
                </c:pt>
                <c:pt idx="532">
                  <c:v>106.94499999999999</c:v>
                </c:pt>
                <c:pt idx="533">
                  <c:v>107.363</c:v>
                </c:pt>
                <c:pt idx="534">
                  <c:v>107.377</c:v>
                </c:pt>
                <c:pt idx="535">
                  <c:v>107.645</c:v>
                </c:pt>
                <c:pt idx="536">
                  <c:v>108.124</c:v>
                </c:pt>
                <c:pt idx="537">
                  <c:v>108.10599999999999</c:v>
                </c:pt>
                <c:pt idx="538">
                  <c:v>108.425</c:v>
                </c:pt>
                <c:pt idx="539">
                  <c:v>108.94199999999999</c:v>
                </c:pt>
                <c:pt idx="540">
                  <c:v>109.248</c:v>
                </c:pt>
                <c:pt idx="541">
                  <c:v>109.464</c:v>
                </c:pt>
                <c:pt idx="542">
                  <c:v>109.863</c:v>
                </c:pt>
                <c:pt idx="543">
                  <c:v>110.10599999999999</c:v>
                </c:pt>
                <c:pt idx="544">
                  <c:v>110.631</c:v>
                </c:pt>
                <c:pt idx="545">
                  <c:v>110.928</c:v>
                </c:pt>
                <c:pt idx="546">
                  <c:v>110.974</c:v>
                </c:pt>
                <c:pt idx="547">
                  <c:v>111.131</c:v>
                </c:pt>
                <c:pt idx="548">
                  <c:v>111.46</c:v>
                </c:pt>
                <c:pt idx="549">
                  <c:v>111.816</c:v>
                </c:pt>
                <c:pt idx="550">
                  <c:v>112.202</c:v>
                </c:pt>
                <c:pt idx="551">
                  <c:v>112.343</c:v>
                </c:pt>
                <c:pt idx="552">
                  <c:v>112.52200000000001</c:v>
                </c:pt>
                <c:pt idx="553">
                  <c:v>112.83199999999999</c:v>
                </c:pt>
                <c:pt idx="554">
                  <c:v>113.042</c:v>
                </c:pt>
                <c:pt idx="555">
                  <c:v>113.33</c:v>
                </c:pt>
                <c:pt idx="556">
                  <c:v>113.517</c:v>
                </c:pt>
                <c:pt idx="557">
                  <c:v>113.711</c:v>
                </c:pt>
                <c:pt idx="558">
                  <c:v>113.992</c:v>
                </c:pt>
                <c:pt idx="559">
                  <c:v>114.399</c:v>
                </c:pt>
                <c:pt idx="560">
                  <c:v>114.79300000000001</c:v>
                </c:pt>
                <c:pt idx="561">
                  <c:v>114.98</c:v>
                </c:pt>
                <c:pt idx="562">
                  <c:v>115.27200000000001</c:v>
                </c:pt>
                <c:pt idx="563">
                  <c:v>115.68</c:v>
                </c:pt>
                <c:pt idx="564">
                  <c:v>115.904</c:v>
                </c:pt>
                <c:pt idx="565">
                  <c:v>116.123</c:v>
                </c:pt>
                <c:pt idx="566">
                  <c:v>116.28400000000001</c:v>
                </c:pt>
                <c:pt idx="567">
                  <c:v>116.642</c:v>
                </c:pt>
                <c:pt idx="568">
                  <c:v>116.976</c:v>
                </c:pt>
                <c:pt idx="569">
                  <c:v>117.211</c:v>
                </c:pt>
                <c:pt idx="570">
                  <c:v>117.627</c:v>
                </c:pt>
                <c:pt idx="571">
                  <c:v>117.928</c:v>
                </c:pt>
                <c:pt idx="572">
                  <c:v>118.196</c:v>
                </c:pt>
                <c:pt idx="573">
                  <c:v>118.474</c:v>
                </c:pt>
                <c:pt idx="574">
                  <c:v>118.598</c:v>
                </c:pt>
                <c:pt idx="575">
                  <c:v>119.03</c:v>
                </c:pt>
                <c:pt idx="576">
                  <c:v>119.38800000000001</c:v>
                </c:pt>
                <c:pt idx="577">
                  <c:v>119.72199999999999</c:v>
                </c:pt>
                <c:pt idx="578">
                  <c:v>119.913</c:v>
                </c:pt>
                <c:pt idx="579">
                  <c:v>120.31699999999999</c:v>
                </c:pt>
                <c:pt idx="580">
                  <c:v>120.48</c:v>
                </c:pt>
                <c:pt idx="581">
                  <c:v>120.69499999999999</c:v>
                </c:pt>
                <c:pt idx="582">
                  <c:v>120.879</c:v>
                </c:pt>
                <c:pt idx="583">
                  <c:v>121.148</c:v>
                </c:pt>
                <c:pt idx="584">
                  <c:v>121.342</c:v>
                </c:pt>
                <c:pt idx="585">
                  <c:v>121.917</c:v>
                </c:pt>
                <c:pt idx="586">
                  <c:v>122.26600000000001</c:v>
                </c:pt>
                <c:pt idx="587">
                  <c:v>122.602</c:v>
                </c:pt>
                <c:pt idx="588">
                  <c:v>122.89400000000001</c:v>
                </c:pt>
                <c:pt idx="589">
                  <c:v>123.087</c:v>
                </c:pt>
                <c:pt idx="590">
                  <c:v>123.43300000000001</c:v>
                </c:pt>
                <c:pt idx="591">
                  <c:v>123.65900000000001</c:v>
                </c:pt>
                <c:pt idx="592">
                  <c:v>124.14100000000001</c:v>
                </c:pt>
                <c:pt idx="593">
                  <c:v>124.542</c:v>
                </c:pt>
                <c:pt idx="594">
                  <c:v>124.74299999999999</c:v>
                </c:pt>
                <c:pt idx="595">
                  <c:v>125.036</c:v>
                </c:pt>
                <c:pt idx="596">
                  <c:v>125.297</c:v>
                </c:pt>
                <c:pt idx="597">
                  <c:v>125.654</c:v>
                </c:pt>
                <c:pt idx="598">
                  <c:v>125.871</c:v>
                </c:pt>
                <c:pt idx="599">
                  <c:v>126.161</c:v>
                </c:pt>
                <c:pt idx="600">
                  <c:v>126.319</c:v>
                </c:pt>
                <c:pt idx="601">
                  <c:v>126.499</c:v>
                </c:pt>
                <c:pt idx="602">
                  <c:v>126.902</c:v>
                </c:pt>
                <c:pt idx="603">
                  <c:v>127.17700000000001</c:v>
                </c:pt>
                <c:pt idx="604">
                  <c:v>127.43899999999999</c:v>
                </c:pt>
                <c:pt idx="605">
                  <c:v>127.60899999999999</c:v>
                </c:pt>
                <c:pt idx="606">
                  <c:v>127.96599999999999</c:v>
                </c:pt>
                <c:pt idx="607">
                  <c:v>128.357</c:v>
                </c:pt>
                <c:pt idx="608">
                  <c:v>128.76400000000001</c:v>
                </c:pt>
                <c:pt idx="609">
                  <c:v>128.96600000000001</c:v>
                </c:pt>
                <c:pt idx="610">
                  <c:v>129.31100000000001</c:v>
                </c:pt>
                <c:pt idx="611">
                  <c:v>129.672</c:v>
                </c:pt>
                <c:pt idx="612">
                  <c:v>129.83500000000001</c:v>
                </c:pt>
                <c:pt idx="613">
                  <c:v>130.21299999999999</c:v>
                </c:pt>
                <c:pt idx="614">
                  <c:v>130.50899999999999</c:v>
                </c:pt>
                <c:pt idx="615">
                  <c:v>130.62200000000001</c:v>
                </c:pt>
                <c:pt idx="616">
                  <c:v>131.048</c:v>
                </c:pt>
                <c:pt idx="617">
                  <c:v>131.24700000000001</c:v>
                </c:pt>
                <c:pt idx="618">
                  <c:v>131.66499999999999</c:v>
                </c:pt>
                <c:pt idx="619">
                  <c:v>131.816</c:v>
                </c:pt>
                <c:pt idx="620">
                  <c:v>132.08600000000001</c:v>
                </c:pt>
                <c:pt idx="621">
                  <c:v>132.37</c:v>
                </c:pt>
                <c:pt idx="622">
                  <c:v>132.678</c:v>
                </c:pt>
                <c:pt idx="623">
                  <c:v>133.07499999999999</c:v>
                </c:pt>
                <c:pt idx="624">
                  <c:v>133.35599999999999</c:v>
                </c:pt>
                <c:pt idx="625">
                  <c:v>133.49799999999999</c:v>
                </c:pt>
                <c:pt idx="626">
                  <c:v>133.834</c:v>
                </c:pt>
                <c:pt idx="627">
                  <c:v>134.05799999999999</c:v>
                </c:pt>
                <c:pt idx="628">
                  <c:v>134.55600000000001</c:v>
                </c:pt>
                <c:pt idx="629">
                  <c:v>134.904</c:v>
                </c:pt>
                <c:pt idx="630">
                  <c:v>135.429</c:v>
                </c:pt>
                <c:pt idx="631">
                  <c:v>136.22</c:v>
                </c:pt>
                <c:pt idx="632">
                  <c:v>136.42099999999999</c:v>
                </c:pt>
                <c:pt idx="633">
                  <c:v>136.393</c:v>
                </c:pt>
                <c:pt idx="634">
                  <c:v>136.59200000000001</c:v>
                </c:pt>
                <c:pt idx="635">
                  <c:v>136.79300000000001</c:v>
                </c:pt>
                <c:pt idx="636">
                  <c:v>137.06200000000001</c:v>
                </c:pt>
                <c:pt idx="637">
                  <c:v>137.22999999999999</c:v>
                </c:pt>
                <c:pt idx="638">
                  <c:v>137.47800000000001</c:v>
                </c:pt>
                <c:pt idx="639">
                  <c:v>137.63</c:v>
                </c:pt>
                <c:pt idx="640">
                  <c:v>138.15899999999999</c:v>
                </c:pt>
                <c:pt idx="641">
                  <c:v>138.273</c:v>
                </c:pt>
                <c:pt idx="642">
                  <c:v>138.48500000000001</c:v>
                </c:pt>
                <c:pt idx="643">
                  <c:v>138.82599999999999</c:v>
                </c:pt>
                <c:pt idx="644">
                  <c:v>139.203</c:v>
                </c:pt>
                <c:pt idx="645">
                  <c:v>139.34800000000001</c:v>
                </c:pt>
                <c:pt idx="646">
                  <c:v>139.70699999999999</c:v>
                </c:pt>
                <c:pt idx="647">
                  <c:v>140.017</c:v>
                </c:pt>
                <c:pt idx="648">
                  <c:v>140.316</c:v>
                </c:pt>
                <c:pt idx="649">
                  <c:v>140.51</c:v>
                </c:pt>
                <c:pt idx="650">
                  <c:v>140.84800000000001</c:v>
                </c:pt>
                <c:pt idx="651">
                  <c:v>141.31800000000001</c:v>
                </c:pt>
                <c:pt idx="652">
                  <c:v>141.58600000000001</c:v>
                </c:pt>
                <c:pt idx="653">
                  <c:v>141.90799999999999</c:v>
                </c:pt>
                <c:pt idx="654">
                  <c:v>142.02600000000001</c:v>
                </c:pt>
                <c:pt idx="655">
                  <c:v>142.292</c:v>
                </c:pt>
                <c:pt idx="656">
                  <c:v>142.666</c:v>
                </c:pt>
                <c:pt idx="657">
                  <c:v>143.035</c:v>
                </c:pt>
                <c:pt idx="658">
                  <c:v>143.334</c:v>
                </c:pt>
                <c:pt idx="659">
                  <c:v>143.53100000000001</c:v>
                </c:pt>
                <c:pt idx="660">
                  <c:v>144.02000000000001</c:v>
                </c:pt>
                <c:pt idx="661">
                  <c:v>144.125</c:v>
                </c:pt>
                <c:pt idx="662">
                  <c:v>144.31399999999999</c:v>
                </c:pt>
                <c:pt idx="663">
                  <c:v>144.68600000000001</c:v>
                </c:pt>
                <c:pt idx="664">
                  <c:v>145.203</c:v>
                </c:pt>
                <c:pt idx="665">
                  <c:v>145.41800000000001</c:v>
                </c:pt>
                <c:pt idx="666">
                  <c:v>145.86500000000001</c:v>
                </c:pt>
                <c:pt idx="667">
                  <c:v>146.22</c:v>
                </c:pt>
                <c:pt idx="668">
                  <c:v>146.578</c:v>
                </c:pt>
                <c:pt idx="669">
                  <c:v>146.60300000000001</c:v>
                </c:pt>
                <c:pt idx="670">
                  <c:v>146.84700000000001</c:v>
                </c:pt>
                <c:pt idx="671">
                  <c:v>147.315</c:v>
                </c:pt>
                <c:pt idx="672">
                  <c:v>147.49799999999999</c:v>
                </c:pt>
                <c:pt idx="673">
                  <c:v>147.65700000000001</c:v>
                </c:pt>
                <c:pt idx="674">
                  <c:v>148.02500000000001</c:v>
                </c:pt>
                <c:pt idx="675">
                  <c:v>148.44800000000001</c:v>
                </c:pt>
                <c:pt idx="676">
                  <c:v>148.79300000000001</c:v>
                </c:pt>
                <c:pt idx="677">
                  <c:v>149.08199999999999</c:v>
                </c:pt>
                <c:pt idx="678">
                  <c:v>149.57400000000001</c:v>
                </c:pt>
                <c:pt idx="679">
                  <c:v>149.768</c:v>
                </c:pt>
                <c:pt idx="680">
                  <c:v>149.92500000000001</c:v>
                </c:pt>
                <c:pt idx="681">
                  <c:v>150.19499999999999</c:v>
                </c:pt>
                <c:pt idx="682">
                  <c:v>150.63399999999999</c:v>
                </c:pt>
                <c:pt idx="683">
                  <c:v>150.78700000000001</c:v>
                </c:pt>
                <c:pt idx="684">
                  <c:v>151.19</c:v>
                </c:pt>
                <c:pt idx="685">
                  <c:v>151.72499999999999</c:v>
                </c:pt>
                <c:pt idx="686">
                  <c:v>151.79499999999999</c:v>
                </c:pt>
                <c:pt idx="687">
                  <c:v>152.27699999999999</c:v>
                </c:pt>
                <c:pt idx="688">
                  <c:v>152.40100000000001</c:v>
                </c:pt>
                <c:pt idx="689">
                  <c:v>152.607</c:v>
                </c:pt>
                <c:pt idx="690">
                  <c:v>152.81299999999999</c:v>
                </c:pt>
                <c:pt idx="691">
                  <c:v>153.029</c:v>
                </c:pt>
                <c:pt idx="692">
                  <c:v>153.37700000000001</c:v>
                </c:pt>
                <c:pt idx="693">
                  <c:v>153.751</c:v>
                </c:pt>
                <c:pt idx="694">
                  <c:v>154.267</c:v>
                </c:pt>
                <c:pt idx="695">
                  <c:v>154.697</c:v>
                </c:pt>
                <c:pt idx="696">
                  <c:v>155.02199999999999</c:v>
                </c:pt>
                <c:pt idx="697">
                  <c:v>155.185</c:v>
                </c:pt>
                <c:pt idx="698">
                  <c:v>155.28299999999999</c:v>
                </c:pt>
                <c:pt idx="699">
                  <c:v>155.51900000000001</c:v>
                </c:pt>
                <c:pt idx="700">
                  <c:v>155.78899999999999</c:v>
                </c:pt>
                <c:pt idx="701">
                  <c:v>155.898</c:v>
                </c:pt>
                <c:pt idx="702">
                  <c:v>156.18199999999999</c:v>
                </c:pt>
                <c:pt idx="703">
                  <c:v>156.41800000000001</c:v>
                </c:pt>
                <c:pt idx="704">
                  <c:v>156.84899999999999</c:v>
                </c:pt>
                <c:pt idx="705">
                  <c:v>157.34200000000001</c:v>
                </c:pt>
                <c:pt idx="706">
                  <c:v>157.483</c:v>
                </c:pt>
                <c:pt idx="707">
                  <c:v>157.68799999999999</c:v>
                </c:pt>
                <c:pt idx="708">
                  <c:v>158.19</c:v>
                </c:pt>
                <c:pt idx="709">
                  <c:v>158.46700000000001</c:v>
                </c:pt>
                <c:pt idx="710">
                  <c:v>158.83600000000001</c:v>
                </c:pt>
                <c:pt idx="711">
                  <c:v>159.001</c:v>
                </c:pt>
                <c:pt idx="712">
                  <c:v>159.82300000000001</c:v>
                </c:pt>
                <c:pt idx="713">
                  <c:v>160.161</c:v>
                </c:pt>
                <c:pt idx="714">
                  <c:v>159.91399999999999</c:v>
                </c:pt>
                <c:pt idx="715">
                  <c:v>160.16499999999999</c:v>
                </c:pt>
                <c:pt idx="716">
                  <c:v>160.41399999999999</c:v>
                </c:pt>
                <c:pt idx="717">
                  <c:v>160.65</c:v>
                </c:pt>
                <c:pt idx="718">
                  <c:v>160.92500000000001</c:v>
                </c:pt>
                <c:pt idx="719">
                  <c:v>161.21199999999999</c:v>
                </c:pt>
                <c:pt idx="720">
                  <c:v>161.511</c:v>
                </c:pt>
                <c:pt idx="721">
                  <c:v>161.989</c:v>
                </c:pt>
                <c:pt idx="722">
                  <c:v>162.12899999999999</c:v>
                </c:pt>
                <c:pt idx="723">
                  <c:v>162.46600000000001</c:v>
                </c:pt>
                <c:pt idx="724">
                  <c:v>162.61699999999999</c:v>
                </c:pt>
                <c:pt idx="725">
                  <c:v>163.14699999999999</c:v>
                </c:pt>
                <c:pt idx="726">
                  <c:v>163.547</c:v>
                </c:pt>
                <c:pt idx="727">
                  <c:v>163.76300000000001</c:v>
                </c:pt>
                <c:pt idx="728">
                  <c:v>164.14500000000001</c:v>
                </c:pt>
                <c:pt idx="729">
                  <c:v>164.39699999999999</c:v>
                </c:pt>
                <c:pt idx="730">
                  <c:v>164.55</c:v>
                </c:pt>
                <c:pt idx="731">
                  <c:v>164.93299999999999</c:v>
                </c:pt>
                <c:pt idx="732">
                  <c:v>165.24700000000001</c:v>
                </c:pt>
                <c:pt idx="733">
                  <c:v>165.56</c:v>
                </c:pt>
                <c:pt idx="734">
                  <c:v>165.875</c:v>
                </c:pt>
                <c:pt idx="735">
                  <c:v>166.251</c:v>
                </c:pt>
                <c:pt idx="736">
                  <c:v>166.43600000000001</c:v>
                </c:pt>
                <c:pt idx="737">
                  <c:v>166.67500000000001</c:v>
                </c:pt>
                <c:pt idx="738">
                  <c:v>167.065</c:v>
                </c:pt>
                <c:pt idx="739">
                  <c:v>167.22300000000001</c:v>
                </c:pt>
                <c:pt idx="740">
                  <c:v>167.886</c:v>
                </c:pt>
                <c:pt idx="741">
                  <c:v>168.37899999999999</c:v>
                </c:pt>
                <c:pt idx="742">
                  <c:v>168.541</c:v>
                </c:pt>
                <c:pt idx="743">
                  <c:v>168.72200000000001</c:v>
                </c:pt>
                <c:pt idx="744">
                  <c:v>169.08500000000001</c:v>
                </c:pt>
                <c:pt idx="745">
                  <c:v>169.37100000000001</c:v>
                </c:pt>
                <c:pt idx="746">
                  <c:v>169.49700000000001</c:v>
                </c:pt>
                <c:pt idx="747">
                  <c:v>169.72200000000001</c:v>
                </c:pt>
                <c:pt idx="748">
                  <c:v>169.845</c:v>
                </c:pt>
                <c:pt idx="749">
                  <c:v>170.13300000000001</c:v>
                </c:pt>
                <c:pt idx="750">
                  <c:v>170.435</c:v>
                </c:pt>
                <c:pt idx="751">
                  <c:v>170.78299999999999</c:v>
                </c:pt>
                <c:pt idx="752">
                  <c:v>171.31100000000001</c:v>
                </c:pt>
                <c:pt idx="753">
                  <c:v>171.565</c:v>
                </c:pt>
                <c:pt idx="754">
                  <c:v>171.87200000000001</c:v>
                </c:pt>
                <c:pt idx="755">
                  <c:v>172.197</c:v>
                </c:pt>
                <c:pt idx="756">
                  <c:v>172.50200000000001</c:v>
                </c:pt>
                <c:pt idx="757">
                  <c:v>172.88800000000001</c:v>
                </c:pt>
                <c:pt idx="758">
                  <c:v>172.96700000000001</c:v>
                </c:pt>
                <c:pt idx="759">
                  <c:v>173.36099999999999</c:v>
                </c:pt>
                <c:pt idx="760">
                  <c:v>173.86799999999999</c:v>
                </c:pt>
                <c:pt idx="761">
                  <c:v>174.08799999999999</c:v>
                </c:pt>
                <c:pt idx="762">
                  <c:v>174.21600000000001</c:v>
                </c:pt>
                <c:pt idx="763">
                  <c:v>174.464</c:v>
                </c:pt>
                <c:pt idx="764">
                  <c:v>174.75899999999999</c:v>
                </c:pt>
                <c:pt idx="765">
                  <c:v>174.97900000000001</c:v>
                </c:pt>
                <c:pt idx="766">
                  <c:v>175.32400000000001</c:v>
                </c:pt>
                <c:pt idx="767">
                  <c:v>175.94</c:v>
                </c:pt>
                <c:pt idx="768">
                  <c:v>176.137</c:v>
                </c:pt>
                <c:pt idx="769">
                  <c:v>176.256</c:v>
                </c:pt>
                <c:pt idx="770">
                  <c:v>176.43199999999999</c:v>
                </c:pt>
                <c:pt idx="771">
                  <c:v>176.88900000000001</c:v>
                </c:pt>
                <c:pt idx="772">
                  <c:v>177.28399999999999</c:v>
                </c:pt>
                <c:pt idx="773">
                  <c:v>177.631</c:v>
                </c:pt>
                <c:pt idx="774">
                  <c:v>177.78899999999999</c:v>
                </c:pt>
                <c:pt idx="775">
                  <c:v>178.10400000000001</c:v>
                </c:pt>
                <c:pt idx="776">
                  <c:v>178.23099999999999</c:v>
                </c:pt>
                <c:pt idx="777">
                  <c:v>178.61600000000001</c:v>
                </c:pt>
                <c:pt idx="778">
                  <c:v>178.977</c:v>
                </c:pt>
                <c:pt idx="779">
                  <c:v>179.381</c:v>
                </c:pt>
                <c:pt idx="780">
                  <c:v>179.65199999999999</c:v>
                </c:pt>
                <c:pt idx="781">
                  <c:v>180.066</c:v>
                </c:pt>
                <c:pt idx="782">
                  <c:v>180.31899999999999</c:v>
                </c:pt>
                <c:pt idx="783">
                  <c:v>180.709</c:v>
                </c:pt>
                <c:pt idx="784">
                  <c:v>180.898</c:v>
                </c:pt>
                <c:pt idx="785">
                  <c:v>181.38800000000001</c:v>
                </c:pt>
                <c:pt idx="786">
                  <c:v>181.65799999999999</c:v>
                </c:pt>
                <c:pt idx="787">
                  <c:v>182.00399999999999</c:v>
                </c:pt>
                <c:pt idx="788">
                  <c:v>182.18899999999999</c:v>
                </c:pt>
                <c:pt idx="789">
                  <c:v>182.404</c:v>
                </c:pt>
                <c:pt idx="790">
                  <c:v>182.62</c:v>
                </c:pt>
                <c:pt idx="791">
                  <c:v>183.01900000000001</c:v>
                </c:pt>
                <c:pt idx="792">
                  <c:v>183.41300000000001</c:v>
                </c:pt>
                <c:pt idx="793">
                  <c:v>184.22499999999999</c:v>
                </c:pt>
                <c:pt idx="794">
                  <c:v>184.619</c:v>
                </c:pt>
                <c:pt idx="795">
                  <c:v>184.404</c:v>
                </c:pt>
                <c:pt idx="796">
                  <c:v>184.71899999999999</c:v>
                </c:pt>
                <c:pt idx="797">
                  <c:v>184.84399999999999</c:v>
                </c:pt>
                <c:pt idx="798">
                  <c:v>185.05099999999999</c:v>
                </c:pt>
                <c:pt idx="799">
                  <c:v>185.179</c:v>
                </c:pt>
                <c:pt idx="800">
                  <c:v>185.49100000000001</c:v>
                </c:pt>
                <c:pt idx="801">
                  <c:v>185.905</c:v>
                </c:pt>
                <c:pt idx="802">
                  <c:v>186.10599999999999</c:v>
                </c:pt>
                <c:pt idx="803">
                  <c:v>186.42</c:v>
                </c:pt>
                <c:pt idx="804">
                  <c:v>186.846</c:v>
                </c:pt>
                <c:pt idx="805">
                  <c:v>187.066</c:v>
                </c:pt>
                <c:pt idx="806">
                  <c:v>187.37</c:v>
                </c:pt>
                <c:pt idx="807">
                  <c:v>187.566</c:v>
                </c:pt>
                <c:pt idx="808">
                  <c:v>187.68700000000001</c:v>
                </c:pt>
                <c:pt idx="809">
                  <c:v>188.09899999999999</c:v>
                </c:pt>
                <c:pt idx="810">
                  <c:v>188.44399999999999</c:v>
                </c:pt>
                <c:pt idx="811">
                  <c:v>188.77600000000001</c:v>
                </c:pt>
                <c:pt idx="812">
                  <c:v>189.047</c:v>
                </c:pt>
                <c:pt idx="813">
                  <c:v>189.34200000000001</c:v>
                </c:pt>
                <c:pt idx="814">
                  <c:v>189.703</c:v>
                </c:pt>
                <c:pt idx="815">
                  <c:v>189.89400000000001</c:v>
                </c:pt>
                <c:pt idx="816">
                  <c:v>190.31800000000001</c:v>
                </c:pt>
                <c:pt idx="817">
                  <c:v>190.685</c:v>
                </c:pt>
                <c:pt idx="818">
                  <c:v>190.965</c:v>
                </c:pt>
                <c:pt idx="819">
                  <c:v>191.23400000000001</c:v>
                </c:pt>
                <c:pt idx="820">
                  <c:v>191.71600000000001</c:v>
                </c:pt>
                <c:pt idx="821">
                  <c:v>192.08699999999999</c:v>
                </c:pt>
                <c:pt idx="822">
                  <c:v>192.197</c:v>
                </c:pt>
                <c:pt idx="823">
                  <c:v>192.249</c:v>
                </c:pt>
                <c:pt idx="824">
                  <c:v>192.27099999999999</c:v>
                </c:pt>
                <c:pt idx="825">
                  <c:v>192.93199999999999</c:v>
                </c:pt>
                <c:pt idx="826">
                  <c:v>193.393</c:v>
                </c:pt>
                <c:pt idx="827">
                  <c:v>193.66300000000001</c:v>
                </c:pt>
                <c:pt idx="828">
                  <c:v>193.87299999999999</c:v>
                </c:pt>
                <c:pt idx="829">
                  <c:v>194.453</c:v>
                </c:pt>
                <c:pt idx="830">
                  <c:v>194.39400000000001</c:v>
                </c:pt>
                <c:pt idx="831">
                  <c:v>194.364</c:v>
                </c:pt>
                <c:pt idx="832">
                  <c:v>194.792</c:v>
                </c:pt>
                <c:pt idx="833">
                  <c:v>194.93799999999999</c:v>
                </c:pt>
                <c:pt idx="834">
                  <c:v>195.601</c:v>
                </c:pt>
                <c:pt idx="835">
                  <c:v>195.97399999999999</c:v>
                </c:pt>
                <c:pt idx="836">
                  <c:v>196.36500000000001</c:v>
                </c:pt>
                <c:pt idx="837">
                  <c:v>196.60499999999999</c:v>
                </c:pt>
                <c:pt idx="838">
                  <c:v>197.08799999999999</c:v>
                </c:pt>
                <c:pt idx="839">
                  <c:v>197.447</c:v>
                </c:pt>
                <c:pt idx="840">
                  <c:v>197.816</c:v>
                </c:pt>
                <c:pt idx="841">
                  <c:v>198.095</c:v>
                </c:pt>
                <c:pt idx="842">
                  <c:v>198.40899999999999</c:v>
                </c:pt>
                <c:pt idx="843">
                  <c:v>198.74600000000001</c:v>
                </c:pt>
                <c:pt idx="844">
                  <c:v>198.93</c:v>
                </c:pt>
                <c:pt idx="845">
                  <c:v>199.35900000000001</c:v>
                </c:pt>
                <c:pt idx="846">
                  <c:v>199.64400000000001</c:v>
                </c:pt>
                <c:pt idx="847">
                  <c:v>199.958</c:v>
                </c:pt>
                <c:pt idx="848">
                  <c:v>200.17099999999999</c:v>
                </c:pt>
                <c:pt idx="849">
                  <c:v>200.40299999999999</c:v>
                </c:pt>
                <c:pt idx="850">
                  <c:v>200.68</c:v>
                </c:pt>
                <c:pt idx="851">
                  <c:v>200.87200000000001</c:v>
                </c:pt>
                <c:pt idx="852">
                  <c:v>201.102</c:v>
                </c:pt>
                <c:pt idx="853">
                  <c:v>201.50299999999999</c:v>
                </c:pt>
                <c:pt idx="854">
                  <c:v>201.51599999999999</c:v>
                </c:pt>
                <c:pt idx="855">
                  <c:v>201.98400000000001</c:v>
                </c:pt>
                <c:pt idx="856">
                  <c:v>202.02199999999999</c:v>
                </c:pt>
                <c:pt idx="857">
                  <c:v>202.23599999999999</c:v>
                </c:pt>
                <c:pt idx="858">
                  <c:v>202.45599999999999</c:v>
                </c:pt>
                <c:pt idx="859">
                  <c:v>202.928</c:v>
                </c:pt>
                <c:pt idx="860">
                  <c:v>203.434</c:v>
                </c:pt>
                <c:pt idx="861">
                  <c:v>203.48099999999999</c:v>
                </c:pt>
                <c:pt idx="862">
                  <c:v>203.48699999999999</c:v>
                </c:pt>
                <c:pt idx="863">
                  <c:v>203.81399999999999</c:v>
                </c:pt>
                <c:pt idx="864">
                  <c:v>204.25800000000001</c:v>
                </c:pt>
                <c:pt idx="865">
                  <c:v>204.291</c:v>
                </c:pt>
                <c:pt idx="866">
                  <c:v>204.63499999999999</c:v>
                </c:pt>
                <c:pt idx="867">
                  <c:v>204.94399999999999</c:v>
                </c:pt>
                <c:pt idx="868">
                  <c:v>205.39099999999999</c:v>
                </c:pt>
                <c:pt idx="869">
                  <c:v>205.34800000000001</c:v>
                </c:pt>
                <c:pt idx="870">
                  <c:v>205.53700000000001</c:v>
                </c:pt>
                <c:pt idx="871">
                  <c:v>205.65199999999999</c:v>
                </c:pt>
                <c:pt idx="872">
                  <c:v>205.83</c:v>
                </c:pt>
                <c:pt idx="873">
                  <c:v>206.386</c:v>
                </c:pt>
                <c:pt idx="874">
                  <c:v>207.13</c:v>
                </c:pt>
                <c:pt idx="875">
                  <c:v>207.82400000000001</c:v>
                </c:pt>
                <c:pt idx="876">
                  <c:v>208.011</c:v>
                </c:pt>
                <c:pt idx="877">
                  <c:v>207.92099999999999</c:v>
                </c:pt>
                <c:pt idx="878">
                  <c:v>207.91</c:v>
                </c:pt>
                <c:pt idx="879">
                  <c:v>208.03200000000001</c:v>
                </c:pt>
                <c:pt idx="880">
                  <c:v>208.28800000000001</c:v>
                </c:pt>
                <c:pt idx="881">
                  <c:v>208.51</c:v>
                </c:pt>
                <c:pt idx="882">
                  <c:v>208.72499999999999</c:v>
                </c:pt>
                <c:pt idx="883">
                  <c:v>209.05600000000001</c:v>
                </c:pt>
                <c:pt idx="884">
                  <c:v>209.33099999999999</c:v>
                </c:pt>
                <c:pt idx="885">
                  <c:v>209.559</c:v>
                </c:pt>
                <c:pt idx="886">
                  <c:v>209.892</c:v>
                </c:pt>
                <c:pt idx="887">
                  <c:v>210.16800000000001</c:v>
                </c:pt>
                <c:pt idx="888">
                  <c:v>210.42400000000001</c:v>
                </c:pt>
                <c:pt idx="889">
                  <c:v>210.89099999999999</c:v>
                </c:pt>
                <c:pt idx="890">
                  <c:v>211.18100000000001</c:v>
                </c:pt>
                <c:pt idx="891">
                  <c:v>211.255</c:v>
                </c:pt>
                <c:pt idx="892">
                  <c:v>211.68899999999999</c:v>
                </c:pt>
                <c:pt idx="893">
                  <c:v>211.63399999999999</c:v>
                </c:pt>
                <c:pt idx="894">
                  <c:v>212.14599999999999</c:v>
                </c:pt>
                <c:pt idx="895">
                  <c:v>212.315</c:v>
                </c:pt>
                <c:pt idx="896">
                  <c:v>212.60499999999999</c:v>
                </c:pt>
                <c:pt idx="897">
                  <c:v>212.93700000000001</c:v>
                </c:pt>
                <c:pt idx="898">
                  <c:v>213.19300000000001</c:v>
                </c:pt>
                <c:pt idx="899">
                  <c:v>213.26300000000001</c:v>
                </c:pt>
                <c:pt idx="900">
                  <c:v>213.78100000000001</c:v>
                </c:pt>
                <c:pt idx="901">
                  <c:v>213.90600000000001</c:v>
                </c:pt>
                <c:pt idx="902">
                  <c:v>214.239</c:v>
                </c:pt>
                <c:pt idx="903">
                  <c:v>214.613</c:v>
                </c:pt>
                <c:pt idx="904">
                  <c:v>214.88</c:v>
                </c:pt>
                <c:pt idx="905">
                  <c:v>215.072</c:v>
                </c:pt>
                <c:pt idx="906">
                  <c:v>215.15199999999999</c:v>
                </c:pt>
                <c:pt idx="907">
                  <c:v>215.49100000000001</c:v>
                </c:pt>
                <c:pt idx="908">
                  <c:v>215.93299999999999</c:v>
                </c:pt>
                <c:pt idx="909">
                  <c:v>216.239</c:v>
                </c:pt>
                <c:pt idx="910">
                  <c:v>216.80600000000001</c:v>
                </c:pt>
                <c:pt idx="911">
                  <c:v>216.96299999999999</c:v>
                </c:pt>
                <c:pt idx="912">
                  <c:v>217.01599999999999</c:v>
                </c:pt>
                <c:pt idx="913">
                  <c:v>217.084</c:v>
                </c:pt>
                <c:pt idx="914">
                  <c:v>217.619</c:v>
                </c:pt>
                <c:pt idx="915">
                  <c:v>217.65100000000001</c:v>
                </c:pt>
                <c:pt idx="916">
                  <c:v>218.03899999999999</c:v>
                </c:pt>
                <c:pt idx="917">
                  <c:v>218.51900000000001</c:v>
                </c:pt>
                <c:pt idx="918">
                  <c:v>218.81200000000001</c:v>
                </c:pt>
                <c:pt idx="919">
                  <c:v>219.12100000000001</c:v>
                </c:pt>
                <c:pt idx="920">
                  <c:v>219.459</c:v>
                </c:pt>
                <c:pt idx="921">
                  <c:v>220.08</c:v>
                </c:pt>
                <c:pt idx="922">
                  <c:v>220.268</c:v>
                </c:pt>
                <c:pt idx="923">
                  <c:v>220.32499999999999</c:v>
                </c:pt>
                <c:pt idx="924">
                  <c:v>220.583</c:v>
                </c:pt>
                <c:pt idx="925">
                  <c:v>220.99100000000001</c:v>
                </c:pt>
                <c:pt idx="926">
                  <c:v>221.19200000000001</c:v>
                </c:pt>
                <c:pt idx="927">
                  <c:v>221.369</c:v>
                </c:pt>
                <c:pt idx="928">
                  <c:v>221.74600000000001</c:v>
                </c:pt>
                <c:pt idx="929">
                  <c:v>221.98099999999999</c:v>
                </c:pt>
                <c:pt idx="930">
                  <c:v>222.30199999999999</c:v>
                </c:pt>
                <c:pt idx="931">
                  <c:v>222.215</c:v>
                </c:pt>
                <c:pt idx="932">
                  <c:v>222.661</c:v>
                </c:pt>
                <c:pt idx="933">
                  <c:v>222.864</c:v>
                </c:pt>
                <c:pt idx="934">
                  <c:v>223.328</c:v>
                </c:pt>
                <c:pt idx="935">
                  <c:v>223.60499999999999</c:v>
                </c:pt>
                <c:pt idx="936">
                  <c:v>223.69499999999999</c:v>
                </c:pt>
                <c:pt idx="937">
                  <c:v>223.959</c:v>
                </c:pt>
                <c:pt idx="938">
                  <c:v>224.19900000000001</c:v>
                </c:pt>
                <c:pt idx="939">
                  <c:v>224.41300000000001</c:v>
                </c:pt>
                <c:pt idx="940">
                  <c:v>224.559</c:v>
                </c:pt>
                <c:pt idx="941">
                  <c:v>224.821</c:v>
                </c:pt>
                <c:pt idx="942">
                  <c:v>225.131</c:v>
                </c:pt>
                <c:pt idx="943">
                  <c:v>225.571</c:v>
                </c:pt>
                <c:pt idx="944">
                  <c:v>225.78</c:v>
                </c:pt>
                <c:pt idx="945">
                  <c:v>225.97</c:v>
                </c:pt>
                <c:pt idx="946">
                  <c:v>226.012</c:v>
                </c:pt>
                <c:pt idx="947">
                  <c:v>226.38</c:v>
                </c:pt>
                <c:pt idx="948">
                  <c:v>226.65899999999999</c:v>
                </c:pt>
                <c:pt idx="949">
                  <c:v>226.67</c:v>
                </c:pt>
                <c:pt idx="950">
                  <c:v>227.05</c:v>
                </c:pt>
                <c:pt idx="951">
                  <c:v>227.47800000000001</c:v>
                </c:pt>
                <c:pt idx="952">
                  <c:v>227.76</c:v>
                </c:pt>
                <c:pt idx="953">
                  <c:v>228.09200000000001</c:v>
                </c:pt>
                <c:pt idx="954">
                  <c:v>228.39099999999999</c:v>
                </c:pt>
                <c:pt idx="955">
                  <c:v>228.58</c:v>
                </c:pt>
                <c:pt idx="956">
                  <c:v>229.297</c:v>
                </c:pt>
                <c:pt idx="957">
                  <c:v>229.917</c:v>
                </c:pt>
                <c:pt idx="958">
                  <c:v>229.81200000000001</c:v>
                </c:pt>
                <c:pt idx="959">
                  <c:v>229.791</c:v>
                </c:pt>
                <c:pt idx="960">
                  <c:v>229.935</c:v>
                </c:pt>
                <c:pt idx="961">
                  <c:v>230.17699999999999</c:v>
                </c:pt>
                <c:pt idx="962">
                  <c:v>230.44200000000001</c:v>
                </c:pt>
                <c:pt idx="963">
                  <c:v>230.83099999999999</c:v>
                </c:pt>
                <c:pt idx="964">
                  <c:v>231.001</c:v>
                </c:pt>
                <c:pt idx="965">
                  <c:v>231.22300000000001</c:v>
                </c:pt>
                <c:pt idx="966">
                  <c:v>231.554</c:v>
                </c:pt>
                <c:pt idx="967">
                  <c:v>232.042</c:v>
                </c:pt>
                <c:pt idx="968">
                  <c:v>232.09200000000001</c:v>
                </c:pt>
                <c:pt idx="969">
                  <c:v>232.17699999999999</c:v>
                </c:pt>
                <c:pt idx="970">
                  <c:v>232.30799999999999</c:v>
                </c:pt>
                <c:pt idx="971">
                  <c:v>232.90799999999999</c:v>
                </c:pt>
                <c:pt idx="972">
                  <c:v>233.03200000000001</c:v>
                </c:pt>
                <c:pt idx="973">
                  <c:v>233.51400000000001</c:v>
                </c:pt>
                <c:pt idx="974">
                  <c:v>233.58600000000001</c:v>
                </c:pt>
                <c:pt idx="975">
                  <c:v>234.197</c:v>
                </c:pt>
                <c:pt idx="976">
                  <c:v>234.69399999999999</c:v>
                </c:pt>
                <c:pt idx="977">
                  <c:v>235.02699999999999</c:v>
                </c:pt>
                <c:pt idx="978">
                  <c:v>235.13</c:v>
                </c:pt>
                <c:pt idx="979">
                  <c:v>235.505</c:v>
                </c:pt>
                <c:pt idx="980">
                  <c:v>236.05699999999999</c:v>
                </c:pt>
                <c:pt idx="981">
                  <c:v>236.227</c:v>
                </c:pt>
                <c:pt idx="982">
                  <c:v>236.37100000000001</c:v>
                </c:pt>
                <c:pt idx="983">
                  <c:v>236.37200000000001</c:v>
                </c:pt>
                <c:pt idx="984">
                  <c:v>236.822</c:v>
                </c:pt>
                <c:pt idx="985">
                  <c:v>237.27500000000001</c:v>
                </c:pt>
                <c:pt idx="986">
                  <c:v>237.48</c:v>
                </c:pt>
                <c:pt idx="987">
                  <c:v>237.58699999999999</c:v>
                </c:pt>
                <c:pt idx="988">
                  <c:v>237.76400000000001</c:v>
                </c:pt>
                <c:pt idx="989">
                  <c:v>238.08799999999999</c:v>
                </c:pt>
                <c:pt idx="990">
                  <c:v>238.38499999999999</c:v>
                </c:pt>
                <c:pt idx="991">
                  <c:v>238.685</c:v>
                </c:pt>
                <c:pt idx="992">
                  <c:v>238.77199999999999</c:v>
                </c:pt>
                <c:pt idx="993">
                  <c:v>239.077</c:v>
                </c:pt>
                <c:pt idx="994">
                  <c:v>239.15700000000001</c:v>
                </c:pt>
                <c:pt idx="995">
                  <c:v>239.43299999999999</c:v>
                </c:pt>
                <c:pt idx="996">
                  <c:v>239.93</c:v>
                </c:pt>
                <c:pt idx="997">
                  <c:v>239.75</c:v>
                </c:pt>
                <c:pt idx="998">
                  <c:v>240.21899999999999</c:v>
                </c:pt>
                <c:pt idx="999">
                  <c:v>241.07900000000001</c:v>
                </c:pt>
                <c:pt idx="1000">
                  <c:v>241.352</c:v>
                </c:pt>
                <c:pt idx="1001">
                  <c:v>241.47800000000001</c:v>
                </c:pt>
                <c:pt idx="1002">
                  <c:v>241.61</c:v>
                </c:pt>
                <c:pt idx="1003">
                  <c:v>241.75299999999999</c:v>
                </c:pt>
                <c:pt idx="1004">
                  <c:v>241.946</c:v>
                </c:pt>
                <c:pt idx="1005">
                  <c:v>242.155</c:v>
                </c:pt>
                <c:pt idx="1006">
                  <c:v>242.53200000000001</c:v>
                </c:pt>
                <c:pt idx="1007">
                  <c:v>243.01900000000001</c:v>
                </c:pt>
                <c:pt idx="1008">
                  <c:v>243.07900000000001</c:v>
                </c:pt>
                <c:pt idx="1009">
                  <c:v>243.26599999999999</c:v>
                </c:pt>
                <c:pt idx="1010">
                  <c:v>243.68899999999999</c:v>
                </c:pt>
                <c:pt idx="1011">
                  <c:v>243.94</c:v>
                </c:pt>
                <c:pt idx="1012">
                  <c:v>244.126</c:v>
                </c:pt>
                <c:pt idx="1013">
                  <c:v>244.20699999999999</c:v>
                </c:pt>
                <c:pt idx="1014">
                  <c:v>244.404</c:v>
                </c:pt>
                <c:pt idx="1015">
                  <c:v>244.768</c:v>
                </c:pt>
                <c:pt idx="1016">
                  <c:v>244.90700000000001</c:v>
                </c:pt>
                <c:pt idx="1017">
                  <c:v>245.125</c:v>
                </c:pt>
                <c:pt idx="1018">
                  <c:v>245.541</c:v>
                </c:pt>
                <c:pt idx="1019">
                  <c:v>245.72900000000001</c:v>
                </c:pt>
                <c:pt idx="1020">
                  <c:v>245.97</c:v>
                </c:pt>
                <c:pt idx="1021">
                  <c:v>246.239</c:v>
                </c:pt>
                <c:pt idx="1022">
                  <c:v>246.667</c:v>
                </c:pt>
                <c:pt idx="1023">
                  <c:v>246.77799999999999</c:v>
                </c:pt>
                <c:pt idx="1024">
                  <c:v>246.91399999999999</c:v>
                </c:pt>
                <c:pt idx="1025">
                  <c:v>247.08</c:v>
                </c:pt>
                <c:pt idx="1026">
                  <c:v>247.58</c:v>
                </c:pt>
                <c:pt idx="1027">
                  <c:v>248.09299999999999</c:v>
                </c:pt>
                <c:pt idx="1028">
                  <c:v>248.251</c:v>
                </c:pt>
                <c:pt idx="1029">
                  <c:v>248.53299999999999</c:v>
                </c:pt>
                <c:pt idx="1030">
                  <c:v>248.828</c:v>
                </c:pt>
                <c:pt idx="1031">
                  <c:v>248.81399999999999</c:v>
                </c:pt>
                <c:pt idx="1032">
                  <c:v>249.01499999999999</c:v>
                </c:pt>
                <c:pt idx="1033">
                  <c:v>249.578</c:v>
                </c:pt>
                <c:pt idx="1034">
                  <c:v>249.83600000000001</c:v>
                </c:pt>
                <c:pt idx="1035">
                  <c:v>249.97499999999999</c:v>
                </c:pt>
                <c:pt idx="1036">
                  <c:v>250.489</c:v>
                </c:pt>
                <c:pt idx="1037">
                  <c:v>250.874</c:v>
                </c:pt>
                <c:pt idx="1038">
                  <c:v>251.43799999999999</c:v>
                </c:pt>
                <c:pt idx="1039">
                  <c:v>251.88300000000001</c:v>
                </c:pt>
                <c:pt idx="1040">
                  <c:v>251.57499999999999</c:v>
                </c:pt>
                <c:pt idx="1041">
                  <c:v>251.637</c:v>
                </c:pt>
                <c:pt idx="1042">
                  <c:v>252.05099999999999</c:v>
                </c:pt>
                <c:pt idx="1043">
                  <c:v>252.12700000000001</c:v>
                </c:pt>
                <c:pt idx="1044">
                  <c:v>252.72300000000001</c:v>
                </c:pt>
                <c:pt idx="1045">
                  <c:v>252.81399999999999</c:v>
                </c:pt>
                <c:pt idx="1046">
                  <c:v>253.37799999999999</c:v>
                </c:pt>
                <c:pt idx="1047">
                  <c:v>253.405</c:v>
                </c:pt>
                <c:pt idx="1048">
                  <c:v>253.82400000000001</c:v>
                </c:pt>
                <c:pt idx="1049">
                  <c:v>254.06</c:v>
                </c:pt>
                <c:pt idx="1050">
                  <c:v>254.27500000000001</c:v>
                </c:pt>
                <c:pt idx="1051">
                  <c:v>254.55199999999999</c:v>
                </c:pt>
                <c:pt idx="1052">
                  <c:v>254.732</c:v>
                </c:pt>
                <c:pt idx="1053">
                  <c:v>255.11099999999999</c:v>
                </c:pt>
                <c:pt idx="1054">
                  <c:v>255.38800000000001</c:v>
                </c:pt>
                <c:pt idx="1055">
                  <c:v>256.137</c:v>
                </c:pt>
                <c:pt idx="1056">
                  <c:v>256.43700000000001</c:v>
                </c:pt>
                <c:pt idx="1057">
                  <c:v>256.32400000000001</c:v>
                </c:pt>
                <c:pt idx="1058">
                  <c:v>256.72899999999998</c:v>
                </c:pt>
                <c:pt idx="1059">
                  <c:v>256.94099999999997</c:v>
                </c:pt>
                <c:pt idx="1060">
                  <c:v>256.91899999999998</c:v>
                </c:pt>
                <c:pt idx="1061">
                  <c:v>257.05700000000002</c:v>
                </c:pt>
                <c:pt idx="1062">
                  <c:v>257.52199999999999</c:v>
                </c:pt>
                <c:pt idx="1063">
                  <c:v>257.82499999999999</c:v>
                </c:pt>
                <c:pt idx="1064">
                  <c:v>257.92399999999998</c:v>
                </c:pt>
                <c:pt idx="1065">
                  <c:v>258.31099999999998</c:v>
                </c:pt>
                <c:pt idx="1066">
                  <c:v>258.48</c:v>
                </c:pt>
                <c:pt idx="1067">
                  <c:v>259.029</c:v>
                </c:pt>
                <c:pt idx="1068">
                  <c:v>259.28199999999998</c:v>
                </c:pt>
                <c:pt idx="1069">
                  <c:v>259.28399999999999</c:v>
                </c:pt>
                <c:pt idx="1070">
                  <c:v>259.47800000000001</c:v>
                </c:pt>
                <c:pt idx="1071">
                  <c:v>259.96499999999997</c:v>
                </c:pt>
                <c:pt idx="1072">
                  <c:v>260.26499999999999</c:v>
                </c:pt>
                <c:pt idx="1073">
                  <c:v>260.39299999999997</c:v>
                </c:pt>
                <c:pt idx="1074">
                  <c:v>261.07499999999999</c:v>
                </c:pt>
                <c:pt idx="1075">
                  <c:v>261.46199999999999</c:v>
                </c:pt>
                <c:pt idx="1076">
                  <c:v>261.89299999999997</c:v>
                </c:pt>
                <c:pt idx="1077">
                  <c:v>261.87700000000001</c:v>
                </c:pt>
                <c:pt idx="1078">
                  <c:v>261.75700000000001</c:v>
                </c:pt>
                <c:pt idx="1079">
                  <c:v>262.13</c:v>
                </c:pt>
                <c:pt idx="1080">
                  <c:v>262.52100000000002</c:v>
                </c:pt>
                <c:pt idx="1081">
                  <c:v>262.60300000000001</c:v>
                </c:pt>
                <c:pt idx="1082">
                  <c:v>262.72800000000001</c:v>
                </c:pt>
                <c:pt idx="1083">
                  <c:v>263.04000000000002</c:v>
                </c:pt>
                <c:pt idx="1084">
                  <c:v>263.36599999999999</c:v>
                </c:pt>
                <c:pt idx="1085">
                  <c:v>263.89499999999998</c:v>
                </c:pt>
                <c:pt idx="1086">
                  <c:v>264.125</c:v>
                </c:pt>
                <c:pt idx="1087">
                  <c:v>264.35199999999998</c:v>
                </c:pt>
                <c:pt idx="1088">
                  <c:v>264.69299999999998</c:v>
                </c:pt>
                <c:pt idx="1089">
                  <c:v>264.85000000000002</c:v>
                </c:pt>
                <c:pt idx="1090">
                  <c:v>265.27699999999999</c:v>
                </c:pt>
                <c:pt idx="1091">
                  <c:v>265.51100000000002</c:v>
                </c:pt>
                <c:pt idx="1092">
                  <c:v>265.76400000000001</c:v>
                </c:pt>
                <c:pt idx="1093">
                  <c:v>265.79599999999999</c:v>
                </c:pt>
                <c:pt idx="1094">
                  <c:v>266.20999999999998</c:v>
                </c:pt>
                <c:pt idx="1095">
                  <c:v>266.56299999999999</c:v>
                </c:pt>
                <c:pt idx="1096">
                  <c:v>266.97800000000001</c:v>
                </c:pt>
                <c:pt idx="1097">
                  <c:v>267.24599999999998</c:v>
                </c:pt>
                <c:pt idx="1098">
                  <c:v>267.2</c:v>
                </c:pt>
                <c:pt idx="1099">
                  <c:v>267.36900000000003</c:v>
                </c:pt>
                <c:pt idx="1100">
                  <c:v>267.755</c:v>
                </c:pt>
                <c:pt idx="1101">
                  <c:v>268.07</c:v>
                </c:pt>
                <c:pt idx="1102">
                  <c:v>268.11500000000001</c:v>
                </c:pt>
                <c:pt idx="1103">
                  <c:v>268.26400000000001</c:v>
                </c:pt>
                <c:pt idx="1104">
                  <c:v>268.64800000000002</c:v>
                </c:pt>
                <c:pt idx="1105">
                  <c:v>269.15199999999999</c:v>
                </c:pt>
                <c:pt idx="1106">
                  <c:v>269.30399999999997</c:v>
                </c:pt>
                <c:pt idx="1107">
                  <c:v>269.74400000000003</c:v>
                </c:pt>
                <c:pt idx="1108">
                  <c:v>269.76100000000002</c:v>
                </c:pt>
                <c:pt idx="1109">
                  <c:v>269.89499999999998</c:v>
                </c:pt>
                <c:pt idx="1110">
                  <c:v>270.18400000000003</c:v>
                </c:pt>
                <c:pt idx="1111">
                  <c:v>270.23399999999998</c:v>
                </c:pt>
                <c:pt idx="1112">
                  <c:v>270.47199999999998</c:v>
                </c:pt>
                <c:pt idx="1113">
                  <c:v>270.65199999999999</c:v>
                </c:pt>
                <c:pt idx="1114">
                  <c:v>270.85399999999998</c:v>
                </c:pt>
                <c:pt idx="1115">
                  <c:v>271.35500000000002</c:v>
                </c:pt>
                <c:pt idx="1116">
                  <c:v>271.67700000000002</c:v>
                </c:pt>
                <c:pt idx="1117">
                  <c:v>272.09699999999998</c:v>
                </c:pt>
                <c:pt idx="1118">
                  <c:v>272.58100000000002</c:v>
                </c:pt>
                <c:pt idx="1119">
                  <c:v>273.16300000000001</c:v>
                </c:pt>
                <c:pt idx="1120">
                  <c:v>273.24099999999999</c:v>
                </c:pt>
                <c:pt idx="1121">
                  <c:v>273.73200000000003</c:v>
                </c:pt>
                <c:pt idx="1122">
                  <c:v>273.81700000000001</c:v>
                </c:pt>
                <c:pt idx="1123">
                  <c:v>274.15499999999997</c:v>
                </c:pt>
                <c:pt idx="1124">
                  <c:v>274.10300000000001</c:v>
                </c:pt>
                <c:pt idx="1125">
                  <c:v>274.13</c:v>
                </c:pt>
                <c:pt idx="1126">
                  <c:v>274.40499999999997</c:v>
                </c:pt>
                <c:pt idx="1127">
                  <c:v>275.161</c:v>
                </c:pt>
                <c:pt idx="1128">
                  <c:v>275.24799999999999</c:v>
                </c:pt>
                <c:pt idx="1129">
                  <c:v>275.26900000000001</c:v>
                </c:pt>
                <c:pt idx="1130">
                  <c:v>275.548</c:v>
                </c:pt>
                <c:pt idx="1131">
                  <c:v>275.86200000000002</c:v>
                </c:pt>
                <c:pt idx="1132">
                  <c:v>276.24</c:v>
                </c:pt>
                <c:pt idx="1133">
                  <c:v>276.73899999999998</c:v>
                </c:pt>
                <c:pt idx="1134">
                  <c:v>277.03899999999999</c:v>
                </c:pt>
                <c:pt idx="1135">
                  <c:v>276.98599999999999</c:v>
                </c:pt>
                <c:pt idx="1136">
                  <c:v>277.178</c:v>
                </c:pt>
                <c:pt idx="1137">
                  <c:v>277.67200000000003</c:v>
                </c:pt>
                <c:pt idx="1138">
                  <c:v>277.63400000000001</c:v>
                </c:pt>
                <c:pt idx="1139">
                  <c:v>277.82600000000002</c:v>
                </c:pt>
                <c:pt idx="1140">
                  <c:v>278.32900000000001</c:v>
                </c:pt>
                <c:pt idx="1141">
                  <c:v>278.63499999999999</c:v>
                </c:pt>
                <c:pt idx="1142">
                  <c:v>279.053</c:v>
                </c:pt>
                <c:pt idx="1143">
                  <c:v>279.33300000000003</c:v>
                </c:pt>
                <c:pt idx="1144">
                  <c:v>279.45600000000002</c:v>
                </c:pt>
                <c:pt idx="1145">
                  <c:v>279.66399999999999</c:v>
                </c:pt>
                <c:pt idx="1146">
                  <c:v>280.024</c:v>
                </c:pt>
                <c:pt idx="1147">
                  <c:v>280.46499999999997</c:v>
                </c:pt>
                <c:pt idx="1148">
                  <c:v>280.75299999999999</c:v>
                </c:pt>
                <c:pt idx="1149">
                  <c:v>281.07600000000002</c:v>
                </c:pt>
                <c:pt idx="1150">
                  <c:v>281.44</c:v>
                </c:pt>
                <c:pt idx="1151">
                  <c:v>281.41800000000001</c:v>
                </c:pt>
                <c:pt idx="1152">
                  <c:v>281.358</c:v>
                </c:pt>
                <c:pt idx="1153">
                  <c:v>282.02</c:v>
                </c:pt>
                <c:pt idx="1154">
                  <c:v>282.16899999999998</c:v>
                </c:pt>
                <c:pt idx="1155">
                  <c:v>282.41300000000001</c:v>
                </c:pt>
                <c:pt idx="1156">
                  <c:v>282.82400000000001</c:v>
                </c:pt>
                <c:pt idx="1157">
                  <c:v>283.34399999999999</c:v>
                </c:pt>
                <c:pt idx="1158">
                  <c:v>283.45</c:v>
                </c:pt>
                <c:pt idx="1159">
                  <c:v>283.94099999999997</c:v>
                </c:pt>
                <c:pt idx="1160">
                  <c:v>284.14600000000002</c:v>
                </c:pt>
                <c:pt idx="1161">
                  <c:v>284.11900000000003</c:v>
                </c:pt>
                <c:pt idx="1162">
                  <c:v>284.35599999999999</c:v>
                </c:pt>
                <c:pt idx="1163">
                  <c:v>284.34399999999999</c:v>
                </c:pt>
                <c:pt idx="1164">
                  <c:v>284.5</c:v>
                </c:pt>
                <c:pt idx="1165">
                  <c:v>285.00400000000002</c:v>
                </c:pt>
                <c:pt idx="1166">
                  <c:v>285.22899999999998</c:v>
                </c:pt>
                <c:pt idx="1167">
                  <c:v>285.47800000000001</c:v>
                </c:pt>
                <c:pt idx="1168">
                  <c:v>285.67599999999999</c:v>
                </c:pt>
                <c:pt idx="1169">
                  <c:v>285.99</c:v>
                </c:pt>
                <c:pt idx="1170">
                  <c:v>286.03500000000003</c:v>
                </c:pt>
                <c:pt idx="1171">
                  <c:v>286.529</c:v>
                </c:pt>
                <c:pt idx="1172">
                  <c:v>286.55099999999999</c:v>
                </c:pt>
                <c:pt idx="1173">
                  <c:v>286.56200000000001</c:v>
                </c:pt>
                <c:pt idx="1174">
                  <c:v>287.01600000000002</c:v>
                </c:pt>
                <c:pt idx="1175">
                  <c:v>287.62900000000002</c:v>
                </c:pt>
                <c:pt idx="1176">
                  <c:v>287.65600000000001</c:v>
                </c:pt>
                <c:pt idx="1177">
                  <c:v>287.86900000000003</c:v>
                </c:pt>
                <c:pt idx="1178">
                  <c:v>288.40899999999999</c:v>
                </c:pt>
                <c:pt idx="1179">
                  <c:v>288.798</c:v>
                </c:pt>
                <c:pt idx="1180">
                  <c:v>288.904</c:v>
                </c:pt>
                <c:pt idx="1181">
                  <c:v>289.18599999999998</c:v>
                </c:pt>
                <c:pt idx="1182">
                  <c:v>289.33</c:v>
                </c:pt>
                <c:pt idx="1183">
                  <c:v>289.642</c:v>
                </c:pt>
                <c:pt idx="1184">
                  <c:v>289.83699999999999</c:v>
                </c:pt>
                <c:pt idx="1185">
                  <c:v>289.964</c:v>
                </c:pt>
                <c:pt idx="1186">
                  <c:v>290.12200000000001</c:v>
                </c:pt>
                <c:pt idx="1187">
                  <c:v>290.47199999999998</c:v>
                </c:pt>
                <c:pt idx="1188">
                  <c:v>290.82499999999999</c:v>
                </c:pt>
                <c:pt idx="1189">
                  <c:v>291.07400000000001</c:v>
                </c:pt>
                <c:pt idx="1190">
                  <c:v>291.36799999999999</c:v>
                </c:pt>
                <c:pt idx="1191">
                  <c:v>291.80500000000001</c:v>
                </c:pt>
                <c:pt idx="1192">
                  <c:v>291.93700000000001</c:v>
                </c:pt>
                <c:pt idx="1193">
                  <c:v>292.06400000000002</c:v>
                </c:pt>
                <c:pt idx="1194">
                  <c:v>292.11900000000003</c:v>
                </c:pt>
                <c:pt idx="1195">
                  <c:v>292.72000000000003</c:v>
                </c:pt>
                <c:pt idx="1196">
                  <c:v>292.95100000000002</c:v>
                </c:pt>
                <c:pt idx="1197">
                  <c:v>293.13</c:v>
                </c:pt>
                <c:pt idx="1198">
                  <c:v>293.32499999999999</c:v>
                </c:pt>
                <c:pt idx="1199">
                  <c:v>293.30700000000002</c:v>
                </c:pt>
                <c:pt idx="1200">
                  <c:v>293.66399999999999</c:v>
                </c:pt>
                <c:pt idx="1201">
                  <c:v>294.24299999999999</c:v>
                </c:pt>
                <c:pt idx="1202">
                  <c:v>294.84800000000001</c:v>
                </c:pt>
                <c:pt idx="1203">
                  <c:v>294.964</c:v>
                </c:pt>
                <c:pt idx="1204">
                  <c:v>294.82799999999997</c:v>
                </c:pt>
                <c:pt idx="1205">
                  <c:v>294.78300000000002</c:v>
                </c:pt>
                <c:pt idx="1206">
                  <c:v>295.27199999999999</c:v>
                </c:pt>
                <c:pt idx="1207">
                  <c:v>295.91300000000001</c:v>
                </c:pt>
                <c:pt idx="1208">
                  <c:v>295.77</c:v>
                </c:pt>
                <c:pt idx="1209">
                  <c:v>296.21899999999999</c:v>
                </c:pt>
                <c:pt idx="1210">
                  <c:v>296.43700000000001</c:v>
                </c:pt>
                <c:pt idx="1211">
                  <c:v>296.93900000000002</c:v>
                </c:pt>
                <c:pt idx="1212">
                  <c:v>297.04000000000002</c:v>
                </c:pt>
                <c:pt idx="1213">
                  <c:v>297.38600000000002</c:v>
                </c:pt>
                <c:pt idx="1214">
                  <c:v>297.62599999999998</c:v>
                </c:pt>
                <c:pt idx="1215">
                  <c:v>297.72899999999998</c:v>
                </c:pt>
                <c:pt idx="1216">
                  <c:v>297.98700000000002</c:v>
                </c:pt>
                <c:pt idx="1217">
                  <c:v>298.11599999999999</c:v>
                </c:pt>
                <c:pt idx="1218">
                  <c:v>298.75799999999998</c:v>
                </c:pt>
                <c:pt idx="1219">
                  <c:v>298.70699999999999</c:v>
                </c:pt>
                <c:pt idx="1220">
                  <c:v>298.77199999999999</c:v>
                </c:pt>
                <c:pt idx="1221">
                  <c:v>298.779</c:v>
                </c:pt>
                <c:pt idx="1222">
                  <c:v>299.04000000000002</c:v>
                </c:pt>
                <c:pt idx="1223">
                  <c:v>299.17099999999999</c:v>
                </c:pt>
                <c:pt idx="1224">
                  <c:v>299.64299999999997</c:v>
                </c:pt>
                <c:pt idx="1225">
                  <c:v>299.78199999999998</c:v>
                </c:pt>
                <c:pt idx="1226">
                  <c:v>299.92899999999997</c:v>
                </c:pt>
                <c:pt idx="1227">
                  <c:v>300.49400000000003</c:v>
                </c:pt>
                <c:pt idx="1228">
                  <c:v>300.92</c:v>
                </c:pt>
                <c:pt idx="1229">
                  <c:v>301.298</c:v>
                </c:pt>
                <c:pt idx="1230">
                  <c:v>301.392</c:v>
                </c:pt>
                <c:pt idx="1231">
                  <c:v>301.64999999999998</c:v>
                </c:pt>
                <c:pt idx="1232">
                  <c:v>301.81099999999998</c:v>
                </c:pt>
                <c:pt idx="1233">
                  <c:v>302.11200000000002</c:v>
                </c:pt>
                <c:pt idx="1234">
                  <c:v>302.11399999999998</c:v>
                </c:pt>
                <c:pt idx="1235">
                  <c:v>302.64299999999997</c:v>
                </c:pt>
                <c:pt idx="1236">
                  <c:v>302.87400000000002</c:v>
                </c:pt>
                <c:pt idx="1237">
                  <c:v>303.29700000000003</c:v>
                </c:pt>
                <c:pt idx="1238">
                  <c:v>303.69799999999998</c:v>
                </c:pt>
                <c:pt idx="1239">
                  <c:v>303.83999999999997</c:v>
                </c:pt>
                <c:pt idx="1240">
                  <c:v>304.08699999999999</c:v>
                </c:pt>
                <c:pt idx="1241">
                  <c:v>304.36099999999999</c:v>
                </c:pt>
                <c:pt idx="1242">
                  <c:v>304.851</c:v>
                </c:pt>
                <c:pt idx="1243">
                  <c:v>304.83300000000003</c:v>
                </c:pt>
                <c:pt idx="1244">
                  <c:v>304.76299999999998</c:v>
                </c:pt>
                <c:pt idx="1245">
                  <c:v>304.96899999999999</c:v>
                </c:pt>
                <c:pt idx="1246">
                  <c:v>305.27100000000002</c:v>
                </c:pt>
                <c:pt idx="1247">
                  <c:v>305.73</c:v>
                </c:pt>
                <c:pt idx="1248">
                  <c:v>305.87200000000001</c:v>
                </c:pt>
                <c:pt idx="1249">
                  <c:v>306.17399999999998</c:v>
                </c:pt>
                <c:pt idx="1250">
                  <c:v>306.57499999999999</c:v>
                </c:pt>
                <c:pt idx="1251">
                  <c:v>306.67</c:v>
                </c:pt>
                <c:pt idx="1252">
                  <c:v>306.93099999999998</c:v>
                </c:pt>
                <c:pt idx="1253">
                  <c:v>307.34300000000002</c:v>
                </c:pt>
                <c:pt idx="1254">
                  <c:v>307.64499999999998</c:v>
                </c:pt>
                <c:pt idx="1255">
                  <c:v>307.858</c:v>
                </c:pt>
                <c:pt idx="1256">
                  <c:v>308.125</c:v>
                </c:pt>
                <c:pt idx="1257">
                  <c:v>308.209</c:v>
                </c:pt>
                <c:pt idx="1258">
                  <c:v>308.45299999999997</c:v>
                </c:pt>
                <c:pt idx="1259">
                  <c:v>308.91399999999999</c:v>
                </c:pt>
                <c:pt idx="1260">
                  <c:v>309.06099999999998</c:v>
                </c:pt>
                <c:pt idx="1261">
                  <c:v>309.13799999999998</c:v>
                </c:pt>
                <c:pt idx="1262">
                  <c:v>309.45699999999999</c:v>
                </c:pt>
                <c:pt idx="1263">
                  <c:v>309.68599999999998</c:v>
                </c:pt>
                <c:pt idx="1264">
                  <c:v>309.959</c:v>
                </c:pt>
                <c:pt idx="1265">
                  <c:v>310.33999999999997</c:v>
                </c:pt>
                <c:pt idx="1266">
                  <c:v>310.63600000000002</c:v>
                </c:pt>
                <c:pt idx="1267">
                  <c:v>311.14699999999999</c:v>
                </c:pt>
                <c:pt idx="1268">
                  <c:v>311.423</c:v>
                </c:pt>
                <c:pt idx="1269">
                  <c:v>311.42899999999997</c:v>
                </c:pt>
                <c:pt idx="1270">
                  <c:v>311.72500000000002</c:v>
                </c:pt>
                <c:pt idx="1271">
                  <c:v>311.89</c:v>
                </c:pt>
                <c:pt idx="1272">
                  <c:v>311.99099999999999</c:v>
                </c:pt>
                <c:pt idx="1273">
                  <c:v>312.40899999999999</c:v>
                </c:pt>
                <c:pt idx="1274">
                  <c:v>312.68799999999999</c:v>
                </c:pt>
                <c:pt idx="1275">
                  <c:v>313.00599999999997</c:v>
                </c:pt>
                <c:pt idx="1276">
                  <c:v>313.13499999999999</c:v>
                </c:pt>
                <c:pt idx="1277">
                  <c:v>313.291</c:v>
                </c:pt>
                <c:pt idx="1278">
                  <c:v>313.57299999999998</c:v>
                </c:pt>
                <c:pt idx="1279">
                  <c:v>313.57799999999997</c:v>
                </c:pt>
                <c:pt idx="1280">
                  <c:v>314.10899999999998</c:v>
                </c:pt>
                <c:pt idx="1281">
                  <c:v>314.31299999999999</c:v>
                </c:pt>
                <c:pt idx="1282">
                  <c:v>314.73200000000003</c:v>
                </c:pt>
                <c:pt idx="1283">
                  <c:v>315.18400000000003</c:v>
                </c:pt>
                <c:pt idx="1284">
                  <c:v>315.44499999999999</c:v>
                </c:pt>
                <c:pt idx="1285">
                  <c:v>315.44200000000001</c:v>
                </c:pt>
                <c:pt idx="1286">
                  <c:v>315.858</c:v>
                </c:pt>
                <c:pt idx="1287">
                  <c:v>315.80599999999998</c:v>
                </c:pt>
                <c:pt idx="1288">
                  <c:v>316.286</c:v>
                </c:pt>
                <c:pt idx="1289">
                  <c:v>316.613</c:v>
                </c:pt>
                <c:pt idx="1290">
                  <c:v>317.09500000000003</c:v>
                </c:pt>
                <c:pt idx="1291">
                  <c:v>316.96699999999998</c:v>
                </c:pt>
                <c:pt idx="1292">
                  <c:v>317.30700000000002</c:v>
                </c:pt>
                <c:pt idx="1293">
                  <c:v>317.58100000000002</c:v>
                </c:pt>
                <c:pt idx="1294">
                  <c:v>317.512</c:v>
                </c:pt>
                <c:pt idx="1295">
                  <c:v>317.767</c:v>
                </c:pt>
                <c:pt idx="1296">
                  <c:v>318.01400000000001</c:v>
                </c:pt>
                <c:pt idx="1297">
                  <c:v>318.22300000000001</c:v>
                </c:pt>
                <c:pt idx="1298">
                  <c:v>318.35899999999998</c:v>
                </c:pt>
                <c:pt idx="1299">
                  <c:v>318.74400000000003</c:v>
                </c:pt>
                <c:pt idx="1300">
                  <c:v>319.07299999999998</c:v>
                </c:pt>
                <c:pt idx="1301">
                  <c:v>319.21600000000001</c:v>
                </c:pt>
                <c:pt idx="1302">
                  <c:v>319.70299999999997</c:v>
                </c:pt>
                <c:pt idx="1303">
                  <c:v>320.38499999999999</c:v>
                </c:pt>
                <c:pt idx="1304">
                  <c:v>320.44799999999998</c:v>
                </c:pt>
                <c:pt idx="1305">
                  <c:v>320.55399999999997</c:v>
                </c:pt>
                <c:pt idx="1306">
                  <c:v>321.12400000000002</c:v>
                </c:pt>
                <c:pt idx="1307">
                  <c:v>321.74</c:v>
                </c:pt>
                <c:pt idx="1308">
                  <c:v>321.96300000000002</c:v>
                </c:pt>
                <c:pt idx="1309">
                  <c:v>322.02800000000002</c:v>
                </c:pt>
                <c:pt idx="1310">
                  <c:v>322.435</c:v>
                </c:pt>
                <c:pt idx="1311">
                  <c:v>322.88299999999998</c:v>
                </c:pt>
                <c:pt idx="1312">
                  <c:v>323.09500000000003</c:v>
                </c:pt>
                <c:pt idx="1313">
                  <c:v>322.74900000000002</c:v>
                </c:pt>
                <c:pt idx="1314">
                  <c:v>322.95299999999997</c:v>
                </c:pt>
                <c:pt idx="1315">
                  <c:v>323.27600000000001</c:v>
                </c:pt>
                <c:pt idx="1316">
                  <c:v>323.39600000000002</c:v>
                </c:pt>
                <c:pt idx="1317">
                  <c:v>323.83499999999998</c:v>
                </c:pt>
                <c:pt idx="1318">
                  <c:v>324.09300000000002</c:v>
                </c:pt>
                <c:pt idx="1319">
                  <c:v>324.31200000000001</c:v>
                </c:pt>
                <c:pt idx="1320">
                  <c:v>324.36599999999999</c:v>
                </c:pt>
                <c:pt idx="1321">
                  <c:v>324.56299999999999</c:v>
                </c:pt>
                <c:pt idx="1322">
                  <c:v>324.59199999999998</c:v>
                </c:pt>
                <c:pt idx="1323">
                  <c:v>324.75200000000001</c:v>
                </c:pt>
                <c:pt idx="1324">
                  <c:v>325.13799999999998</c:v>
                </c:pt>
                <c:pt idx="1325">
                  <c:v>325.16000000000003</c:v>
                </c:pt>
                <c:pt idx="1326">
                  <c:v>325.65600000000001</c:v>
                </c:pt>
                <c:pt idx="1327">
                  <c:v>326.00599999999997</c:v>
                </c:pt>
                <c:pt idx="1328">
                  <c:v>326.209</c:v>
                </c:pt>
                <c:pt idx="1329">
                  <c:v>326.32600000000002</c:v>
                </c:pt>
                <c:pt idx="1330">
                  <c:v>326.721</c:v>
                </c:pt>
                <c:pt idx="1331">
                  <c:v>327.11200000000002</c:v>
                </c:pt>
                <c:pt idx="1332">
                  <c:v>327.303</c:v>
                </c:pt>
                <c:pt idx="1333">
                  <c:v>327.589</c:v>
                </c:pt>
                <c:pt idx="1334">
                  <c:v>327.80099999999999</c:v>
                </c:pt>
                <c:pt idx="1335">
                  <c:v>328.15300000000002</c:v>
                </c:pt>
                <c:pt idx="1336">
                  <c:v>328.20499999999998</c:v>
                </c:pt>
                <c:pt idx="1337">
                  <c:v>328.495</c:v>
                </c:pt>
                <c:pt idx="1338">
                  <c:v>328.74299999999999</c:v>
                </c:pt>
                <c:pt idx="1339">
                  <c:v>328.92099999999999</c:v>
                </c:pt>
                <c:pt idx="1340">
                  <c:v>329.32499999999999</c:v>
                </c:pt>
                <c:pt idx="1341">
                  <c:v>329.57900000000001</c:v>
                </c:pt>
                <c:pt idx="1342">
                  <c:v>329.78500000000003</c:v>
                </c:pt>
                <c:pt idx="1343">
                  <c:v>330.05599999999998</c:v>
                </c:pt>
                <c:pt idx="1344">
                  <c:v>330.16699999999997</c:v>
                </c:pt>
                <c:pt idx="1345">
                  <c:v>330.63099999999997</c:v>
                </c:pt>
                <c:pt idx="1346">
                  <c:v>330.93900000000002</c:v>
                </c:pt>
                <c:pt idx="1347">
                  <c:v>331.21899999999999</c:v>
                </c:pt>
                <c:pt idx="1348">
                  <c:v>331.48899999999998</c:v>
                </c:pt>
                <c:pt idx="1349">
                  <c:v>331.858</c:v>
                </c:pt>
                <c:pt idx="1350">
                  <c:v>331.99799999999999</c:v>
                </c:pt>
                <c:pt idx="1351">
                  <c:v>332.22899999999998</c:v>
                </c:pt>
                <c:pt idx="1352">
                  <c:v>332.46800000000002</c:v>
                </c:pt>
                <c:pt idx="1353">
                  <c:v>332.928</c:v>
                </c:pt>
                <c:pt idx="1354">
                  <c:v>333.12200000000001</c:v>
                </c:pt>
                <c:pt idx="1355">
                  <c:v>333.20499999999998</c:v>
                </c:pt>
                <c:pt idx="1356">
                  <c:v>333.31900000000002</c:v>
                </c:pt>
                <c:pt idx="1357">
                  <c:v>333.72</c:v>
                </c:pt>
                <c:pt idx="1358">
                  <c:v>334.20699999999999</c:v>
                </c:pt>
                <c:pt idx="1359">
                  <c:v>334.45699999999999</c:v>
                </c:pt>
                <c:pt idx="1360">
                  <c:v>334.923</c:v>
                </c:pt>
                <c:pt idx="1361">
                  <c:v>335.03800000000001</c:v>
                </c:pt>
                <c:pt idx="1362">
                  <c:v>335.286</c:v>
                </c:pt>
                <c:pt idx="1363">
                  <c:v>335.73399999999998</c:v>
                </c:pt>
                <c:pt idx="1364">
                  <c:v>336.12900000000002</c:v>
                </c:pt>
                <c:pt idx="1365">
                  <c:v>336.23500000000001</c:v>
                </c:pt>
                <c:pt idx="1366">
                  <c:v>336.51400000000001</c:v>
                </c:pt>
                <c:pt idx="1367">
                  <c:v>336.98500000000001</c:v>
                </c:pt>
                <c:pt idx="1368">
                  <c:v>336.90899999999999</c:v>
                </c:pt>
                <c:pt idx="1369">
                  <c:v>337.10599999999999</c:v>
                </c:pt>
                <c:pt idx="1370">
                  <c:v>337.91199999999998</c:v>
                </c:pt>
                <c:pt idx="1371">
                  <c:v>338.25099999999998</c:v>
                </c:pt>
                <c:pt idx="1372">
                  <c:v>337.96800000000002</c:v>
                </c:pt>
                <c:pt idx="1373">
                  <c:v>338.50599999999997</c:v>
                </c:pt>
                <c:pt idx="1374">
                  <c:v>338.42500000000001</c:v>
                </c:pt>
                <c:pt idx="1375">
                  <c:v>338.28300000000002</c:v>
                </c:pt>
                <c:pt idx="1376">
                  <c:v>338.947</c:v>
                </c:pt>
                <c:pt idx="1377">
                  <c:v>339.548</c:v>
                </c:pt>
                <c:pt idx="1378">
                  <c:v>339.346</c:v>
                </c:pt>
                <c:pt idx="1379">
                  <c:v>340.00599999999997</c:v>
                </c:pt>
                <c:pt idx="1380">
                  <c:v>340.32600000000002</c:v>
                </c:pt>
                <c:pt idx="1381">
                  <c:v>340.36200000000002</c:v>
                </c:pt>
                <c:pt idx="1382">
                  <c:v>340.68599999999998</c:v>
                </c:pt>
                <c:pt idx="1383">
                  <c:v>340.60399999999998</c:v>
                </c:pt>
                <c:pt idx="1384">
                  <c:v>341.05</c:v>
                </c:pt>
                <c:pt idx="1385">
                  <c:v>341.32900000000001</c:v>
                </c:pt>
                <c:pt idx="1386">
                  <c:v>341.46600000000001</c:v>
                </c:pt>
                <c:pt idx="1387">
                  <c:v>341.80799999999999</c:v>
                </c:pt>
                <c:pt idx="1388">
                  <c:v>341.976</c:v>
                </c:pt>
                <c:pt idx="1389">
                  <c:v>342.19099999999997</c:v>
                </c:pt>
                <c:pt idx="1390">
                  <c:v>342.233</c:v>
                </c:pt>
                <c:pt idx="1391">
                  <c:v>342.09</c:v>
                </c:pt>
                <c:pt idx="1392">
                  <c:v>342.21100000000001</c:v>
                </c:pt>
                <c:pt idx="1393">
                  <c:v>342.64100000000002</c:v>
                </c:pt>
                <c:pt idx="1394">
                  <c:v>342.858</c:v>
                </c:pt>
                <c:pt idx="1395">
                  <c:v>343.51900000000001</c:v>
                </c:pt>
                <c:pt idx="1396">
                  <c:v>343.77199999999999</c:v>
                </c:pt>
                <c:pt idx="1397">
                  <c:v>343.99200000000002</c:v>
                </c:pt>
                <c:pt idx="1398">
                  <c:v>344.27</c:v>
                </c:pt>
                <c:pt idx="1399">
                  <c:v>344.45400000000001</c:v>
                </c:pt>
                <c:pt idx="1400">
                  <c:v>344.59899999999999</c:v>
                </c:pt>
                <c:pt idx="1401">
                  <c:v>344.91500000000002</c:v>
                </c:pt>
                <c:pt idx="1402">
                  <c:v>344.85</c:v>
                </c:pt>
                <c:pt idx="1403">
                  <c:v>345.35</c:v>
                </c:pt>
                <c:pt idx="1404">
                  <c:v>345.78</c:v>
                </c:pt>
                <c:pt idx="1405">
                  <c:v>345.93599999999998</c:v>
                </c:pt>
                <c:pt idx="1406">
                  <c:v>346.255</c:v>
                </c:pt>
                <c:pt idx="1407">
                  <c:v>346.71100000000001</c:v>
                </c:pt>
                <c:pt idx="1408">
                  <c:v>346.83300000000003</c:v>
                </c:pt>
                <c:pt idx="1409">
                  <c:v>347.125</c:v>
                </c:pt>
                <c:pt idx="1410">
                  <c:v>347.54</c:v>
                </c:pt>
                <c:pt idx="1411">
                  <c:v>347.82900000000001</c:v>
                </c:pt>
                <c:pt idx="1412">
                  <c:v>348.12</c:v>
                </c:pt>
                <c:pt idx="1413">
                  <c:v>348.38</c:v>
                </c:pt>
                <c:pt idx="1414">
                  <c:v>348.83199999999999</c:v>
                </c:pt>
                <c:pt idx="1415">
                  <c:v>348.77499999999998</c:v>
                </c:pt>
                <c:pt idx="1416">
                  <c:v>349.065</c:v>
                </c:pt>
                <c:pt idx="1417">
                  <c:v>349.303</c:v>
                </c:pt>
                <c:pt idx="1418">
                  <c:v>349.488</c:v>
                </c:pt>
                <c:pt idx="1419">
                  <c:v>349.93099999999998</c:v>
                </c:pt>
                <c:pt idx="1420">
                  <c:v>350.59100000000001</c:v>
                </c:pt>
                <c:pt idx="1421">
                  <c:v>350.892</c:v>
                </c:pt>
                <c:pt idx="1422">
                  <c:v>351.101</c:v>
                </c:pt>
                <c:pt idx="1423">
                  <c:v>351.09899999999999</c:v>
                </c:pt>
                <c:pt idx="1424">
                  <c:v>351.16</c:v>
                </c:pt>
                <c:pt idx="1425">
                  <c:v>351.31</c:v>
                </c:pt>
                <c:pt idx="1426">
                  <c:v>351.959</c:v>
                </c:pt>
                <c:pt idx="1427">
                  <c:v>352.65800000000002</c:v>
                </c:pt>
                <c:pt idx="1428">
                  <c:v>352.983</c:v>
                </c:pt>
                <c:pt idx="1429">
                  <c:v>353.19099999999997</c:v>
                </c:pt>
                <c:pt idx="1430">
                  <c:v>353.36799999999999</c:v>
                </c:pt>
                <c:pt idx="1431">
                  <c:v>353.06099999999998</c:v>
                </c:pt>
                <c:pt idx="1432">
                  <c:v>353.35300000000001</c:v>
                </c:pt>
                <c:pt idx="1433">
                  <c:v>353.55599999999998</c:v>
                </c:pt>
                <c:pt idx="1434">
                  <c:v>354.33499999999998</c:v>
                </c:pt>
                <c:pt idx="1435">
                  <c:v>354.83100000000002</c:v>
                </c:pt>
                <c:pt idx="1436">
                  <c:v>354.69400000000002</c:v>
                </c:pt>
                <c:pt idx="1437">
                  <c:v>355.017</c:v>
                </c:pt>
                <c:pt idx="1438">
                  <c:v>355.49900000000002</c:v>
                </c:pt>
                <c:pt idx="1439">
                  <c:v>355.28800000000001</c:v>
                </c:pt>
                <c:pt idx="1440">
                  <c:v>355.74099999999999</c:v>
                </c:pt>
                <c:pt idx="1441">
                  <c:v>356.47</c:v>
                </c:pt>
                <c:pt idx="1442">
                  <c:v>356.33699999999999</c:v>
                </c:pt>
                <c:pt idx="1443">
                  <c:v>356.18900000000002</c:v>
                </c:pt>
                <c:pt idx="1444">
                  <c:v>356.53399999999999</c:v>
                </c:pt>
                <c:pt idx="1445">
                  <c:v>357.10899999999998</c:v>
                </c:pt>
                <c:pt idx="1446">
                  <c:v>357.24099999999999</c:v>
                </c:pt>
                <c:pt idx="1447">
                  <c:v>357.53699999999998</c:v>
                </c:pt>
                <c:pt idx="1448">
                  <c:v>357.779</c:v>
                </c:pt>
                <c:pt idx="1449">
                  <c:v>358.11799999999999</c:v>
                </c:pt>
                <c:pt idx="1450">
                  <c:v>358.56299999999999</c:v>
                </c:pt>
                <c:pt idx="1451">
                  <c:v>358.435</c:v>
                </c:pt>
                <c:pt idx="1452">
                  <c:v>358.28800000000001</c:v>
                </c:pt>
                <c:pt idx="1453">
                  <c:v>358.59100000000001</c:v>
                </c:pt>
                <c:pt idx="1454">
                  <c:v>359.06099999999998</c:v>
                </c:pt>
                <c:pt idx="1455">
                  <c:v>359.55200000000002</c:v>
                </c:pt>
                <c:pt idx="1456">
                  <c:v>359.92899999999997</c:v>
                </c:pt>
                <c:pt idx="1457">
                  <c:v>360.01600000000002</c:v>
                </c:pt>
                <c:pt idx="1458">
                  <c:v>360.58800000000002</c:v>
                </c:pt>
                <c:pt idx="1459">
                  <c:v>360.459</c:v>
                </c:pt>
                <c:pt idx="1460">
                  <c:v>360.55700000000002</c:v>
                </c:pt>
                <c:pt idx="1461">
                  <c:v>360.56900000000002</c:v>
                </c:pt>
                <c:pt idx="1462">
                  <c:v>360.86200000000002</c:v>
                </c:pt>
                <c:pt idx="1463">
                  <c:v>361.41199999999998</c:v>
                </c:pt>
                <c:pt idx="1464">
                  <c:v>361.76299999999998</c:v>
                </c:pt>
                <c:pt idx="1465">
                  <c:v>361.745</c:v>
                </c:pt>
                <c:pt idx="1466">
                  <c:v>362.185</c:v>
                </c:pt>
                <c:pt idx="1467">
                  <c:v>362.495</c:v>
                </c:pt>
                <c:pt idx="1468">
                  <c:v>363.15</c:v>
                </c:pt>
                <c:pt idx="1469">
                  <c:v>363.44200000000001</c:v>
                </c:pt>
                <c:pt idx="1470">
                  <c:v>363.87</c:v>
                </c:pt>
                <c:pt idx="1471">
                  <c:v>364.22899999999998</c:v>
                </c:pt>
                <c:pt idx="1472">
                  <c:v>364.05599999999998</c:v>
                </c:pt>
                <c:pt idx="1473">
                  <c:v>364.36599999999999</c:v>
                </c:pt>
                <c:pt idx="1474">
                  <c:v>364.40699999999998</c:v>
                </c:pt>
                <c:pt idx="1475">
                  <c:v>364.78500000000003</c:v>
                </c:pt>
                <c:pt idx="1476">
                  <c:v>365.27100000000002</c:v>
                </c:pt>
                <c:pt idx="1477">
                  <c:v>365.89499999999998</c:v>
                </c:pt>
                <c:pt idx="1478">
                  <c:v>366.00799999999998</c:v>
                </c:pt>
                <c:pt idx="1479">
                  <c:v>366.19799999999998</c:v>
                </c:pt>
                <c:pt idx="1480">
                  <c:v>366.02800000000002</c:v>
                </c:pt>
                <c:pt idx="1481">
                  <c:v>365.99299999999999</c:v>
                </c:pt>
                <c:pt idx="1482">
                  <c:v>366.56200000000001</c:v>
                </c:pt>
                <c:pt idx="1483">
                  <c:v>366.83499999999998</c:v>
                </c:pt>
                <c:pt idx="1484">
                  <c:v>367.26600000000002</c:v>
                </c:pt>
                <c:pt idx="1485">
                  <c:v>367.81099999999998</c:v>
                </c:pt>
                <c:pt idx="1486">
                  <c:v>367.70499999999998</c:v>
                </c:pt>
                <c:pt idx="1487">
                  <c:v>368.25799999999998</c:v>
                </c:pt>
                <c:pt idx="1488">
                  <c:v>368.6</c:v>
                </c:pt>
                <c:pt idx="1489">
                  <c:v>368.41</c:v>
                </c:pt>
                <c:pt idx="1490">
                  <c:v>368.91500000000002</c:v>
                </c:pt>
                <c:pt idx="1491">
                  <c:v>368.786</c:v>
                </c:pt>
                <c:pt idx="1492">
                  <c:v>369.07</c:v>
                </c:pt>
                <c:pt idx="1493">
                  <c:v>369.15699999999998</c:v>
                </c:pt>
                <c:pt idx="1494">
                  <c:v>369.47699999999998</c:v>
                </c:pt>
                <c:pt idx="1495">
                  <c:v>369.56900000000002</c:v>
                </c:pt>
                <c:pt idx="1496">
                  <c:v>369.84500000000003</c:v>
                </c:pt>
                <c:pt idx="1497">
                  <c:v>370.084</c:v>
                </c:pt>
                <c:pt idx="1498">
                  <c:v>370.95600000000002</c:v>
                </c:pt>
                <c:pt idx="1499">
                  <c:v>371.44799999999998</c:v>
                </c:pt>
                <c:pt idx="1500">
                  <c:v>371.98099999999999</c:v>
                </c:pt>
                <c:pt idx="1501">
                  <c:v>372.12799999999999</c:v>
                </c:pt>
                <c:pt idx="1502">
                  <c:v>372.173</c:v>
                </c:pt>
                <c:pt idx="1503">
                  <c:v>372.66800000000001</c:v>
                </c:pt>
                <c:pt idx="1504">
                  <c:v>372.75900000000001</c:v>
                </c:pt>
                <c:pt idx="1505">
                  <c:v>373.24299999999999</c:v>
                </c:pt>
                <c:pt idx="1506">
                  <c:v>373.16899999999998</c:v>
                </c:pt>
                <c:pt idx="1507">
                  <c:v>373.14400000000001</c:v>
                </c:pt>
                <c:pt idx="1508">
                  <c:v>373.197</c:v>
                </c:pt>
                <c:pt idx="1509">
                  <c:v>373.37400000000002</c:v>
                </c:pt>
                <c:pt idx="1510">
                  <c:v>373.81599999999997</c:v>
                </c:pt>
                <c:pt idx="1511">
                  <c:v>374.56700000000001</c:v>
                </c:pt>
                <c:pt idx="1512">
                  <c:v>374.56799999999998</c:v>
                </c:pt>
                <c:pt idx="1513">
                  <c:v>374.82600000000002</c:v>
                </c:pt>
                <c:pt idx="1514">
                  <c:v>375.80599999999998</c:v>
                </c:pt>
                <c:pt idx="1515">
                  <c:v>375.94799999999998</c:v>
                </c:pt>
                <c:pt idx="1516">
                  <c:v>375.78899999999999</c:v>
                </c:pt>
                <c:pt idx="1517">
                  <c:v>375.90699999999998</c:v>
                </c:pt>
                <c:pt idx="1518">
                  <c:v>376.53800000000001</c:v>
                </c:pt>
                <c:pt idx="1519">
                  <c:v>376.72399999999999</c:v>
                </c:pt>
                <c:pt idx="1520">
                  <c:v>376.72</c:v>
                </c:pt>
                <c:pt idx="1521">
                  <c:v>377.08800000000002</c:v>
                </c:pt>
                <c:pt idx="1522">
                  <c:v>377.274</c:v>
                </c:pt>
                <c:pt idx="1523">
                  <c:v>377.86</c:v>
                </c:pt>
                <c:pt idx="1524">
                  <c:v>378.64499999999998</c:v>
                </c:pt>
                <c:pt idx="1525">
                  <c:v>378.55</c:v>
                </c:pt>
                <c:pt idx="1526">
                  <c:v>378.286</c:v>
                </c:pt>
                <c:pt idx="1527">
                  <c:v>378.80700000000002</c:v>
                </c:pt>
                <c:pt idx="1528">
                  <c:v>379.512</c:v>
                </c:pt>
                <c:pt idx="1529">
                  <c:v>379.88600000000002</c:v>
                </c:pt>
                <c:pt idx="1530">
                  <c:v>380.14</c:v>
                </c:pt>
                <c:pt idx="1531">
                  <c:v>380.30700000000002</c:v>
                </c:pt>
                <c:pt idx="1532">
                  <c:v>380.51299999999998</c:v>
                </c:pt>
                <c:pt idx="1533">
                  <c:v>380.67099999999999</c:v>
                </c:pt>
                <c:pt idx="1534">
                  <c:v>381.07600000000002</c:v>
                </c:pt>
                <c:pt idx="1535">
                  <c:v>381.27499999999998</c:v>
                </c:pt>
                <c:pt idx="1536">
                  <c:v>381.45499999999998</c:v>
                </c:pt>
                <c:pt idx="1537">
                  <c:v>381.43900000000002</c:v>
                </c:pt>
                <c:pt idx="1538">
                  <c:v>381.58699999999999</c:v>
                </c:pt>
                <c:pt idx="1539">
                  <c:v>381.59699999999998</c:v>
                </c:pt>
                <c:pt idx="1540">
                  <c:v>381.702</c:v>
                </c:pt>
                <c:pt idx="1541">
                  <c:v>381.96899999999999</c:v>
                </c:pt>
                <c:pt idx="1542">
                  <c:v>382.47899999999998</c:v>
                </c:pt>
                <c:pt idx="1543">
                  <c:v>382.31799999999998</c:v>
                </c:pt>
                <c:pt idx="1544">
                  <c:v>382.78</c:v>
                </c:pt>
                <c:pt idx="1545">
                  <c:v>382.89699999999999</c:v>
                </c:pt>
                <c:pt idx="1546">
                  <c:v>383.06599999999997</c:v>
                </c:pt>
                <c:pt idx="1547">
                  <c:v>383.24700000000001</c:v>
                </c:pt>
                <c:pt idx="1548">
                  <c:v>383.65</c:v>
                </c:pt>
                <c:pt idx="1549">
                  <c:v>383.78300000000002</c:v>
                </c:pt>
                <c:pt idx="1550">
                  <c:v>384.20600000000002</c:v>
                </c:pt>
                <c:pt idx="1551">
                  <c:v>384.73500000000001</c:v>
                </c:pt>
                <c:pt idx="1552">
                  <c:v>384.80399999999997</c:v>
                </c:pt>
                <c:pt idx="1553">
                  <c:v>385.59500000000003</c:v>
                </c:pt>
                <c:pt idx="1554">
                  <c:v>385.46300000000002</c:v>
                </c:pt>
                <c:pt idx="1555">
                  <c:v>386.13</c:v>
                </c:pt>
                <c:pt idx="1556">
                  <c:v>386.24099999999999</c:v>
                </c:pt>
                <c:pt idx="1557">
                  <c:v>386.529</c:v>
                </c:pt>
                <c:pt idx="1558">
                  <c:v>386.59500000000003</c:v>
                </c:pt>
                <c:pt idx="1559">
                  <c:v>387.09399999999999</c:v>
                </c:pt>
                <c:pt idx="1560">
                  <c:v>387.23899999999998</c:v>
                </c:pt>
                <c:pt idx="1561">
                  <c:v>387.37099999999998</c:v>
                </c:pt>
                <c:pt idx="1562">
                  <c:v>387.88400000000001</c:v>
                </c:pt>
                <c:pt idx="1563">
                  <c:v>388.36500000000001</c:v>
                </c:pt>
                <c:pt idx="1564">
                  <c:v>388.45499999999998</c:v>
                </c:pt>
                <c:pt idx="1565">
                  <c:v>388.89800000000002</c:v>
                </c:pt>
                <c:pt idx="1566">
                  <c:v>389.07</c:v>
                </c:pt>
                <c:pt idx="1567">
                  <c:v>389.678</c:v>
                </c:pt>
                <c:pt idx="1568">
                  <c:v>389.58</c:v>
                </c:pt>
                <c:pt idx="1569">
                  <c:v>389.74400000000003</c:v>
                </c:pt>
                <c:pt idx="1570">
                  <c:v>390.42500000000001</c:v>
                </c:pt>
                <c:pt idx="1571">
                  <c:v>390.70699999999999</c:v>
                </c:pt>
                <c:pt idx="1572">
                  <c:v>390.82400000000001</c:v>
                </c:pt>
                <c:pt idx="1573">
                  <c:v>390.65600000000001</c:v>
                </c:pt>
                <c:pt idx="1574">
                  <c:v>390.37299999999999</c:v>
                </c:pt>
                <c:pt idx="1575">
                  <c:v>390.65</c:v>
                </c:pt>
                <c:pt idx="1576">
                  <c:v>391.09100000000001</c:v>
                </c:pt>
                <c:pt idx="1577">
                  <c:v>391.43599999999998</c:v>
                </c:pt>
                <c:pt idx="1578">
                  <c:v>391.35700000000003</c:v>
                </c:pt>
                <c:pt idx="1579">
                  <c:v>391.64400000000001</c:v>
                </c:pt>
                <c:pt idx="1580">
                  <c:v>392.21899999999999</c:v>
                </c:pt>
                <c:pt idx="1581">
                  <c:v>392.70299999999997</c:v>
                </c:pt>
                <c:pt idx="1582">
                  <c:v>392.88900000000001</c:v>
                </c:pt>
                <c:pt idx="1583">
                  <c:v>393.233</c:v>
                </c:pt>
                <c:pt idx="1584">
                  <c:v>393.23700000000002</c:v>
                </c:pt>
                <c:pt idx="1585">
                  <c:v>393.613</c:v>
                </c:pt>
                <c:pt idx="1586">
                  <c:v>394.12599999999998</c:v>
                </c:pt>
                <c:pt idx="1587">
                  <c:v>394.99299999999999</c:v>
                </c:pt>
                <c:pt idx="1588">
                  <c:v>395.714</c:v>
                </c:pt>
                <c:pt idx="1589">
                  <c:v>395.57</c:v>
                </c:pt>
                <c:pt idx="1590">
                  <c:v>395.77300000000002</c:v>
                </c:pt>
                <c:pt idx="1591">
                  <c:v>395.54199999999997</c:v>
                </c:pt>
                <c:pt idx="1592">
                  <c:v>395.55900000000003</c:v>
                </c:pt>
                <c:pt idx="1593">
                  <c:v>395.73700000000002</c:v>
                </c:pt>
                <c:pt idx="1594">
                  <c:v>396.25799999999998</c:v>
                </c:pt>
                <c:pt idx="1595">
                  <c:v>396.26400000000001</c:v>
                </c:pt>
                <c:pt idx="1596">
                  <c:v>396.33699999999999</c:v>
                </c:pt>
                <c:pt idx="1597">
                  <c:v>396.52</c:v>
                </c:pt>
                <c:pt idx="1598">
                  <c:v>396.87299999999999</c:v>
                </c:pt>
                <c:pt idx="1599">
                  <c:v>397.36500000000001</c:v>
                </c:pt>
                <c:pt idx="1600">
                  <c:v>397.94900000000001</c:v>
                </c:pt>
                <c:pt idx="1601">
                  <c:v>398.18400000000003</c:v>
                </c:pt>
                <c:pt idx="1602">
                  <c:v>398.22300000000001</c:v>
                </c:pt>
                <c:pt idx="1603">
                  <c:v>399.07900000000001</c:v>
                </c:pt>
                <c:pt idx="1604">
                  <c:v>399.33499999999998</c:v>
                </c:pt>
                <c:pt idx="1605">
                  <c:v>399.60500000000002</c:v>
                </c:pt>
                <c:pt idx="1606">
                  <c:v>399.53100000000001</c:v>
                </c:pt>
                <c:pt idx="1607">
                  <c:v>399.85199999999998</c:v>
                </c:pt>
                <c:pt idx="1608">
                  <c:v>400.709</c:v>
                </c:pt>
                <c:pt idx="1609">
                  <c:v>401.22899999999998</c:v>
                </c:pt>
                <c:pt idx="1610">
                  <c:v>401.39699999999999</c:v>
                </c:pt>
                <c:pt idx="1611">
                  <c:v>401.98200000000003</c:v>
                </c:pt>
                <c:pt idx="1612">
                  <c:v>402.51</c:v>
                </c:pt>
                <c:pt idx="1613">
                  <c:v>402.86500000000001</c:v>
                </c:pt>
                <c:pt idx="1614">
                  <c:v>403.09800000000001</c:v>
                </c:pt>
                <c:pt idx="1615">
                  <c:v>403.31700000000001</c:v>
                </c:pt>
                <c:pt idx="1616">
                  <c:v>403.06299999999999</c:v>
                </c:pt>
                <c:pt idx="1617">
                  <c:v>403.42700000000002</c:v>
                </c:pt>
                <c:pt idx="1618">
                  <c:v>403.68900000000002</c:v>
                </c:pt>
                <c:pt idx="1619">
                  <c:v>403.31400000000002</c:v>
                </c:pt>
                <c:pt idx="1620">
                  <c:v>403.221</c:v>
                </c:pt>
                <c:pt idx="1621">
                  <c:v>403.291</c:v>
                </c:pt>
                <c:pt idx="1622">
                  <c:v>403.565</c:v>
                </c:pt>
                <c:pt idx="1623">
                  <c:v>403.32600000000002</c:v>
                </c:pt>
                <c:pt idx="1624">
                  <c:v>403.32299999999998</c:v>
                </c:pt>
                <c:pt idx="1625">
                  <c:v>403.84500000000003</c:v>
                </c:pt>
                <c:pt idx="1626">
                  <c:v>404.565</c:v>
                </c:pt>
                <c:pt idx="1627">
                  <c:v>404.959</c:v>
                </c:pt>
                <c:pt idx="1628">
                  <c:v>404.846</c:v>
                </c:pt>
                <c:pt idx="1629">
                  <c:v>405.30399999999997</c:v>
                </c:pt>
                <c:pt idx="1630">
                  <c:v>404.99900000000002</c:v>
                </c:pt>
                <c:pt idx="1631">
                  <c:v>405.00200000000001</c:v>
                </c:pt>
                <c:pt idx="1632">
                  <c:v>405.43</c:v>
                </c:pt>
                <c:pt idx="1633">
                  <c:v>405.92399999999998</c:v>
                </c:pt>
                <c:pt idx="1634">
                  <c:v>406.4</c:v>
                </c:pt>
                <c:pt idx="1635">
                  <c:v>406.50299999999999</c:v>
                </c:pt>
                <c:pt idx="1636">
                  <c:v>407.19900000000001</c:v>
                </c:pt>
                <c:pt idx="1637">
                  <c:v>407.59899999999999</c:v>
                </c:pt>
                <c:pt idx="1638">
                  <c:v>408.08300000000003</c:v>
                </c:pt>
                <c:pt idx="1639">
                  <c:v>408.24299999999999</c:v>
                </c:pt>
                <c:pt idx="1640">
                  <c:v>408.35899999999998</c:v>
                </c:pt>
                <c:pt idx="1641">
                  <c:v>408.60500000000002</c:v>
                </c:pt>
                <c:pt idx="1642">
                  <c:v>408.78</c:v>
                </c:pt>
                <c:pt idx="1643">
                  <c:v>408.68</c:v>
                </c:pt>
                <c:pt idx="1644">
                  <c:v>409.08</c:v>
                </c:pt>
                <c:pt idx="1645">
                  <c:v>409.54300000000001</c:v>
                </c:pt>
                <c:pt idx="1646">
                  <c:v>409.81400000000002</c:v>
                </c:pt>
                <c:pt idx="1647">
                  <c:v>410.19400000000002</c:v>
                </c:pt>
                <c:pt idx="1648">
                  <c:v>410.62799999999999</c:v>
                </c:pt>
                <c:pt idx="1649">
                  <c:v>410.38299999999998</c:v>
                </c:pt>
                <c:pt idx="1650">
                  <c:v>410.38499999999999</c:v>
                </c:pt>
                <c:pt idx="1651">
                  <c:v>411.05399999999997</c:v>
                </c:pt>
                <c:pt idx="1652">
                  <c:v>411.53500000000003</c:v>
                </c:pt>
                <c:pt idx="1653">
                  <c:v>411.79700000000003</c:v>
                </c:pt>
                <c:pt idx="1654">
                  <c:v>411.85599999999999</c:v>
                </c:pt>
                <c:pt idx="1655">
                  <c:v>412.339</c:v>
                </c:pt>
                <c:pt idx="1656">
                  <c:v>412.63499999999999</c:v>
                </c:pt>
                <c:pt idx="1657">
                  <c:v>412.98</c:v>
                </c:pt>
                <c:pt idx="1658">
                  <c:v>413.06</c:v>
                </c:pt>
                <c:pt idx="1659">
                  <c:v>413.60199999999998</c:v>
                </c:pt>
                <c:pt idx="1660">
                  <c:v>413.69</c:v>
                </c:pt>
                <c:pt idx="1661">
                  <c:v>413.899</c:v>
                </c:pt>
                <c:pt idx="1662">
                  <c:v>414.79899999999998</c:v>
                </c:pt>
                <c:pt idx="1663">
                  <c:v>414.61799999999999</c:v>
                </c:pt>
                <c:pt idx="1664">
                  <c:v>415.03300000000002</c:v>
                </c:pt>
                <c:pt idx="1665">
                  <c:v>415.87299999999999</c:v>
                </c:pt>
                <c:pt idx="1666">
                  <c:v>416.40600000000001</c:v>
                </c:pt>
                <c:pt idx="1667">
                  <c:v>416.32100000000003</c:v>
                </c:pt>
                <c:pt idx="1668">
                  <c:v>416.38099999999997</c:v>
                </c:pt>
                <c:pt idx="1669">
                  <c:v>416.363</c:v>
                </c:pt>
                <c:pt idx="1670">
                  <c:v>417.154</c:v>
                </c:pt>
                <c:pt idx="1671">
                  <c:v>417.56299999999999</c:v>
                </c:pt>
                <c:pt idx="1672">
                  <c:v>417.89299999999997</c:v>
                </c:pt>
                <c:pt idx="1673">
                  <c:v>417.80599999999998</c:v>
                </c:pt>
                <c:pt idx="1674">
                  <c:v>417.60899999999998</c:v>
                </c:pt>
                <c:pt idx="1675">
                  <c:v>417.41800000000001</c:v>
                </c:pt>
                <c:pt idx="1676">
                  <c:v>417.70400000000001</c:v>
                </c:pt>
                <c:pt idx="1677">
                  <c:v>418.57499999999999</c:v>
                </c:pt>
                <c:pt idx="1678">
                  <c:v>418.68599999999998</c:v>
                </c:pt>
                <c:pt idx="1679">
                  <c:v>418.76400000000001</c:v>
                </c:pt>
                <c:pt idx="1680">
                  <c:v>419.37599999999998</c:v>
                </c:pt>
                <c:pt idx="1681">
                  <c:v>419.25200000000001</c:v>
                </c:pt>
                <c:pt idx="1682">
                  <c:v>419.58</c:v>
                </c:pt>
                <c:pt idx="1683">
                  <c:v>419.64800000000002</c:v>
                </c:pt>
                <c:pt idx="1684">
                  <c:v>419.82799999999997</c:v>
                </c:pt>
                <c:pt idx="1685">
                  <c:v>420.56299999999999</c:v>
                </c:pt>
                <c:pt idx="1686">
                  <c:v>421.339</c:v>
                </c:pt>
                <c:pt idx="1687">
                  <c:v>421.108</c:v>
                </c:pt>
                <c:pt idx="1688">
                  <c:v>421.298</c:v>
                </c:pt>
                <c:pt idx="1689">
                  <c:v>421.43</c:v>
                </c:pt>
                <c:pt idx="1690">
                  <c:v>422.19200000000001</c:v>
                </c:pt>
                <c:pt idx="1691">
                  <c:v>422.75200000000001</c:v>
                </c:pt>
                <c:pt idx="1692">
                  <c:v>422.43599999999998</c:v>
                </c:pt>
                <c:pt idx="1693">
                  <c:v>422.892</c:v>
                </c:pt>
                <c:pt idx="1694">
                  <c:v>423.47300000000001</c:v>
                </c:pt>
                <c:pt idx="1695">
                  <c:v>423.61200000000002</c:v>
                </c:pt>
                <c:pt idx="1696">
                  <c:v>423.55700000000002</c:v>
                </c:pt>
                <c:pt idx="1697">
                  <c:v>423.464</c:v>
                </c:pt>
                <c:pt idx="1698">
                  <c:v>423.77100000000002</c:v>
                </c:pt>
                <c:pt idx="1699">
                  <c:v>423.709</c:v>
                </c:pt>
                <c:pt idx="1700">
                  <c:v>424.27600000000001</c:v>
                </c:pt>
                <c:pt idx="1701">
                  <c:v>424.58600000000001</c:v>
                </c:pt>
                <c:pt idx="1702">
                  <c:v>424.84199999999998</c:v>
                </c:pt>
                <c:pt idx="1703">
                  <c:v>425.66500000000002</c:v>
                </c:pt>
                <c:pt idx="1704">
                  <c:v>425.78199999999998</c:v>
                </c:pt>
                <c:pt idx="1705">
                  <c:v>426.29399999999998</c:v>
                </c:pt>
                <c:pt idx="1706">
                  <c:v>426.76</c:v>
                </c:pt>
                <c:pt idx="1707">
                  <c:v>426.51299999999998</c:v>
                </c:pt>
                <c:pt idx="1708">
                  <c:v>426.815</c:v>
                </c:pt>
                <c:pt idx="1709">
                  <c:v>427.11599999999999</c:v>
                </c:pt>
                <c:pt idx="1710">
                  <c:v>427.654</c:v>
                </c:pt>
                <c:pt idx="1711">
                  <c:v>427.80700000000002</c:v>
                </c:pt>
                <c:pt idx="1712">
                  <c:v>427.887</c:v>
                </c:pt>
                <c:pt idx="1713">
                  <c:v>428.01299999999998</c:v>
                </c:pt>
                <c:pt idx="1714">
                  <c:v>428.38</c:v>
                </c:pt>
                <c:pt idx="1715">
                  <c:v>428.565</c:v>
                </c:pt>
                <c:pt idx="1716">
                  <c:v>428.77300000000002</c:v>
                </c:pt>
                <c:pt idx="1717">
                  <c:v>428.65699999999998</c:v>
                </c:pt>
                <c:pt idx="1718">
                  <c:v>428.59500000000003</c:v>
                </c:pt>
                <c:pt idx="1719">
                  <c:v>429.00400000000002</c:v>
                </c:pt>
                <c:pt idx="1720">
                  <c:v>429.32600000000002</c:v>
                </c:pt>
                <c:pt idx="1721">
                  <c:v>429.76100000000002</c:v>
                </c:pt>
                <c:pt idx="1722">
                  <c:v>430.05599999999998</c:v>
                </c:pt>
                <c:pt idx="1723">
                  <c:v>430.209</c:v>
                </c:pt>
                <c:pt idx="1724">
                  <c:v>430.774</c:v>
                </c:pt>
                <c:pt idx="1725">
                  <c:v>431.19099999999997</c:v>
                </c:pt>
                <c:pt idx="1726">
                  <c:v>430.89299999999997</c:v>
                </c:pt>
                <c:pt idx="1727">
                  <c:v>431.20299999999997</c:v>
                </c:pt>
                <c:pt idx="1728">
                  <c:v>431.637</c:v>
                </c:pt>
                <c:pt idx="1729">
                  <c:v>431.74200000000002</c:v>
                </c:pt>
                <c:pt idx="1730">
                  <c:v>432.04300000000001</c:v>
                </c:pt>
                <c:pt idx="1731">
                  <c:v>432.185</c:v>
                </c:pt>
                <c:pt idx="1732">
                  <c:v>432.52100000000002</c:v>
                </c:pt>
                <c:pt idx="1733">
                  <c:v>433.10700000000003</c:v>
                </c:pt>
                <c:pt idx="1734">
                  <c:v>433.43599999999998</c:v>
                </c:pt>
                <c:pt idx="1735">
                  <c:v>433.64600000000002</c:v>
                </c:pt>
                <c:pt idx="1736">
                  <c:v>434.18099999999998</c:v>
                </c:pt>
                <c:pt idx="1737">
                  <c:v>434.02100000000002</c:v>
                </c:pt>
                <c:pt idx="1738">
                  <c:v>433.87</c:v>
                </c:pt>
                <c:pt idx="1739">
                  <c:v>433.87099999999998</c:v>
                </c:pt>
                <c:pt idx="1740">
                  <c:v>434.05200000000002</c:v>
                </c:pt>
                <c:pt idx="1741">
                  <c:v>434.23099999999999</c:v>
                </c:pt>
                <c:pt idx="1742">
                  <c:v>434.62599999999998</c:v>
                </c:pt>
                <c:pt idx="1743">
                  <c:v>434.92200000000003</c:v>
                </c:pt>
                <c:pt idx="1744">
                  <c:v>435.28699999999998</c:v>
                </c:pt>
                <c:pt idx="1745">
                  <c:v>435.60700000000003</c:v>
                </c:pt>
                <c:pt idx="1746">
                  <c:v>435.79399999999998</c:v>
                </c:pt>
                <c:pt idx="1747">
                  <c:v>436.62900000000002</c:v>
                </c:pt>
                <c:pt idx="1748">
                  <c:v>437.512</c:v>
                </c:pt>
                <c:pt idx="1749">
                  <c:v>437.62</c:v>
                </c:pt>
                <c:pt idx="1750">
                  <c:v>438.101</c:v>
                </c:pt>
                <c:pt idx="1751">
                  <c:v>437.99099999999999</c:v>
                </c:pt>
                <c:pt idx="1752">
                  <c:v>438.178</c:v>
                </c:pt>
                <c:pt idx="1753">
                  <c:v>438.39299999999997</c:v>
                </c:pt>
                <c:pt idx="1754">
                  <c:v>438.64800000000002</c:v>
                </c:pt>
                <c:pt idx="1755">
                  <c:v>439.47399999999999</c:v>
                </c:pt>
                <c:pt idx="1756">
                  <c:v>440.09500000000003</c:v>
                </c:pt>
                <c:pt idx="1757">
                  <c:v>440.23399999999998</c:v>
                </c:pt>
                <c:pt idx="1758">
                  <c:v>440.27499999999998</c:v>
                </c:pt>
                <c:pt idx="1759">
                  <c:v>440.47399999999999</c:v>
                </c:pt>
                <c:pt idx="1760">
                  <c:v>440.303</c:v>
                </c:pt>
                <c:pt idx="1761">
                  <c:v>440.834</c:v>
                </c:pt>
                <c:pt idx="1762">
                  <c:v>440.93599999999998</c:v>
                </c:pt>
                <c:pt idx="1763">
                  <c:v>440.97899999999998</c:v>
                </c:pt>
                <c:pt idx="1764">
                  <c:v>441.09800000000001</c:v>
                </c:pt>
                <c:pt idx="1765">
                  <c:v>441.36</c:v>
                </c:pt>
                <c:pt idx="1766">
                  <c:v>441.71199999999999</c:v>
                </c:pt>
                <c:pt idx="1767">
                  <c:v>442.28899999999999</c:v>
                </c:pt>
                <c:pt idx="1768">
                  <c:v>442.96800000000002</c:v>
                </c:pt>
                <c:pt idx="1769">
                  <c:v>443.483</c:v>
                </c:pt>
                <c:pt idx="1770">
                  <c:v>443.642</c:v>
                </c:pt>
                <c:pt idx="1771">
                  <c:v>443.99700000000001</c:v>
                </c:pt>
                <c:pt idx="1772">
                  <c:v>443.846</c:v>
                </c:pt>
                <c:pt idx="1773">
                  <c:v>444.26</c:v>
                </c:pt>
                <c:pt idx="1774">
                  <c:v>444.31400000000002</c:v>
                </c:pt>
                <c:pt idx="1775">
                  <c:v>444.75400000000002</c:v>
                </c:pt>
                <c:pt idx="1776">
                  <c:v>445.15600000000001</c:v>
                </c:pt>
                <c:pt idx="1777">
                  <c:v>445.43299999999999</c:v>
                </c:pt>
                <c:pt idx="1778">
                  <c:v>445.63600000000002</c:v>
                </c:pt>
                <c:pt idx="1779">
                  <c:v>445.48200000000003</c:v>
                </c:pt>
                <c:pt idx="1780">
                  <c:v>445.56</c:v>
                </c:pt>
                <c:pt idx="1781">
                  <c:v>445.476</c:v>
                </c:pt>
                <c:pt idx="1782">
                  <c:v>445.53300000000002</c:v>
                </c:pt>
                <c:pt idx="1783">
                  <c:v>445.39699999999999</c:v>
                </c:pt>
                <c:pt idx="1784">
                  <c:v>445.709</c:v>
                </c:pt>
                <c:pt idx="1785">
                  <c:v>445.92099999999999</c:v>
                </c:pt>
                <c:pt idx="1786">
                  <c:v>445.84</c:v>
                </c:pt>
                <c:pt idx="1787">
                  <c:v>446.30200000000002</c:v>
                </c:pt>
                <c:pt idx="1788">
                  <c:v>446.97199999999998</c:v>
                </c:pt>
                <c:pt idx="1789">
                  <c:v>447.24099999999999</c:v>
                </c:pt>
                <c:pt idx="1790">
                  <c:v>447.53300000000002</c:v>
                </c:pt>
                <c:pt idx="1791">
                  <c:v>447.649</c:v>
                </c:pt>
                <c:pt idx="1792">
                  <c:v>448.279</c:v>
                </c:pt>
                <c:pt idx="1793">
                  <c:v>448.25200000000001</c:v>
                </c:pt>
                <c:pt idx="1794">
                  <c:v>448.68200000000002</c:v>
                </c:pt>
                <c:pt idx="1795">
                  <c:v>448.97199999999998</c:v>
                </c:pt>
                <c:pt idx="1796">
                  <c:v>449.07900000000001</c:v>
                </c:pt>
                <c:pt idx="1797">
                  <c:v>449.137</c:v>
                </c:pt>
                <c:pt idx="1798">
                  <c:v>449.495</c:v>
                </c:pt>
                <c:pt idx="1799">
                  <c:v>450.14600000000002</c:v>
                </c:pt>
                <c:pt idx="1800">
                  <c:v>449.96199999999999</c:v>
                </c:pt>
                <c:pt idx="1801">
                  <c:v>450.29399999999998</c:v>
                </c:pt>
                <c:pt idx="1802">
                  <c:v>451.05900000000003</c:v>
                </c:pt>
                <c:pt idx="1803">
                  <c:v>451.61599999999999</c:v>
                </c:pt>
                <c:pt idx="1804">
                  <c:v>451.62</c:v>
                </c:pt>
                <c:pt idx="1805">
                  <c:v>451.46499999999997</c:v>
                </c:pt>
                <c:pt idx="1806">
                  <c:v>451.86900000000003</c:v>
                </c:pt>
                <c:pt idx="1807">
                  <c:v>452.06700000000001</c:v>
                </c:pt>
                <c:pt idx="1808">
                  <c:v>452.262</c:v>
                </c:pt>
                <c:pt idx="1809">
                  <c:v>452.72699999999998</c:v>
                </c:pt>
                <c:pt idx="1810">
                  <c:v>453.38600000000002</c:v>
                </c:pt>
                <c:pt idx="1811">
                  <c:v>453.46699999999998</c:v>
                </c:pt>
                <c:pt idx="1812">
                  <c:v>453.99900000000002</c:v>
                </c:pt>
                <c:pt idx="1813">
                  <c:v>454.4</c:v>
                </c:pt>
                <c:pt idx="1814">
                  <c:v>454.459</c:v>
                </c:pt>
                <c:pt idx="1815">
                  <c:v>454.13</c:v>
                </c:pt>
                <c:pt idx="1816">
                  <c:v>453.97399999999999</c:v>
                </c:pt>
                <c:pt idx="1817">
                  <c:v>454.07799999999997</c:v>
                </c:pt>
                <c:pt idx="1818">
                  <c:v>453.971</c:v>
                </c:pt>
                <c:pt idx="1819">
                  <c:v>454.05200000000002</c:v>
                </c:pt>
                <c:pt idx="1820">
                  <c:v>454.45600000000002</c:v>
                </c:pt>
                <c:pt idx="1821">
                  <c:v>454.67599999999999</c:v>
                </c:pt>
                <c:pt idx="1822">
                  <c:v>455.24099999999999</c:v>
                </c:pt>
                <c:pt idx="1823">
                  <c:v>455.851</c:v>
                </c:pt>
                <c:pt idx="1824">
                  <c:v>455.82600000000002</c:v>
                </c:pt>
                <c:pt idx="1825">
                  <c:v>456.51400000000001</c:v>
                </c:pt>
                <c:pt idx="1826">
                  <c:v>456.77</c:v>
                </c:pt>
                <c:pt idx="1827">
                  <c:v>457.23899999999998</c:v>
                </c:pt>
                <c:pt idx="1828">
                  <c:v>457.327</c:v>
                </c:pt>
                <c:pt idx="1829">
                  <c:v>457.52499999999998</c:v>
                </c:pt>
                <c:pt idx="1830">
                  <c:v>457.91199999999998</c:v>
                </c:pt>
                <c:pt idx="1831">
                  <c:v>457.92599999999999</c:v>
                </c:pt>
                <c:pt idx="1832">
                  <c:v>458.10199999999998</c:v>
                </c:pt>
                <c:pt idx="1833">
                  <c:v>458.54899999999998</c:v>
                </c:pt>
                <c:pt idx="1834">
                  <c:v>458.73099999999999</c:v>
                </c:pt>
                <c:pt idx="1835">
                  <c:v>458.863</c:v>
                </c:pt>
                <c:pt idx="1836">
                  <c:v>459.30900000000003</c:v>
                </c:pt>
                <c:pt idx="1837">
                  <c:v>459.62700000000001</c:v>
                </c:pt>
                <c:pt idx="1838">
                  <c:v>459.87799999999999</c:v>
                </c:pt>
                <c:pt idx="1839">
                  <c:v>460.24700000000001</c:v>
                </c:pt>
                <c:pt idx="1840">
                  <c:v>460.56799999999998</c:v>
                </c:pt>
                <c:pt idx="1841">
                  <c:v>460.97199999999998</c:v>
                </c:pt>
                <c:pt idx="1842">
                  <c:v>461.21499999999997</c:v>
                </c:pt>
                <c:pt idx="1843">
                  <c:v>461.47500000000002</c:v>
                </c:pt>
                <c:pt idx="1844">
                  <c:v>461.697</c:v>
                </c:pt>
                <c:pt idx="1845">
                  <c:v>461.90300000000002</c:v>
                </c:pt>
                <c:pt idx="1846">
                  <c:v>462.262</c:v>
                </c:pt>
                <c:pt idx="1847">
                  <c:v>462.66</c:v>
                </c:pt>
                <c:pt idx="1848">
                  <c:v>462.94600000000003</c:v>
                </c:pt>
                <c:pt idx="1849">
                  <c:v>463.21699999999998</c:v>
                </c:pt>
                <c:pt idx="1850">
                  <c:v>463.44</c:v>
                </c:pt>
                <c:pt idx="1851">
                  <c:v>463.61599999999999</c:v>
                </c:pt>
                <c:pt idx="1852">
                  <c:v>464.072</c:v>
                </c:pt>
                <c:pt idx="1853">
                  <c:v>464.233</c:v>
                </c:pt>
                <c:pt idx="1854">
                  <c:v>464.2</c:v>
                </c:pt>
                <c:pt idx="1855">
                  <c:v>464.30599999999998</c:v>
                </c:pt>
                <c:pt idx="1856">
                  <c:v>464.404</c:v>
                </c:pt>
                <c:pt idx="1857">
                  <c:v>464.62400000000002</c:v>
                </c:pt>
                <c:pt idx="1858">
                  <c:v>465.29300000000001</c:v>
                </c:pt>
                <c:pt idx="1859">
                  <c:v>465.38600000000002</c:v>
                </c:pt>
                <c:pt idx="1860">
                  <c:v>465.65300000000002</c:v>
                </c:pt>
                <c:pt idx="1861">
                  <c:v>465.86900000000003</c:v>
                </c:pt>
                <c:pt idx="1862">
                  <c:v>466.24799999999999</c:v>
                </c:pt>
                <c:pt idx="1863">
                  <c:v>466.68200000000002</c:v>
                </c:pt>
                <c:pt idx="1864">
                  <c:v>466.94299999999998</c:v>
                </c:pt>
                <c:pt idx="1865">
                  <c:v>467.14</c:v>
                </c:pt>
                <c:pt idx="1866">
                  <c:v>467.51900000000001</c:v>
                </c:pt>
                <c:pt idx="1867">
                  <c:v>467.536</c:v>
                </c:pt>
                <c:pt idx="1868">
                  <c:v>468.04599999999999</c:v>
                </c:pt>
                <c:pt idx="1869">
                  <c:v>468.06599999999997</c:v>
                </c:pt>
                <c:pt idx="1870">
                  <c:v>468.18099999999998</c:v>
                </c:pt>
                <c:pt idx="1871">
                  <c:v>468.363</c:v>
                </c:pt>
                <c:pt idx="1872">
                  <c:v>468.649</c:v>
                </c:pt>
                <c:pt idx="1873">
                  <c:v>468.87299999999999</c:v>
                </c:pt>
                <c:pt idx="1874">
                  <c:v>469.06799999999998</c:v>
                </c:pt>
                <c:pt idx="1875">
                  <c:v>469.221</c:v>
                </c:pt>
                <c:pt idx="1876">
                  <c:v>469.36399999999998</c:v>
                </c:pt>
                <c:pt idx="1877">
                  <c:v>469.77</c:v>
                </c:pt>
                <c:pt idx="1878">
                  <c:v>469.97699999999998</c:v>
                </c:pt>
                <c:pt idx="1879">
                  <c:v>470.26100000000002</c:v>
                </c:pt>
                <c:pt idx="1880">
                  <c:v>470.505</c:v>
                </c:pt>
                <c:pt idx="1881">
                  <c:v>470.75099999999998</c:v>
                </c:pt>
                <c:pt idx="1882">
                  <c:v>471.09500000000003</c:v>
                </c:pt>
                <c:pt idx="1883">
                  <c:v>471.03899999999999</c:v>
                </c:pt>
                <c:pt idx="1884">
                  <c:v>471.21899999999999</c:v>
                </c:pt>
                <c:pt idx="1885">
                  <c:v>471.40199999999999</c:v>
                </c:pt>
                <c:pt idx="1886">
                  <c:v>471.69600000000003</c:v>
                </c:pt>
                <c:pt idx="1887">
                  <c:v>471.98099999999999</c:v>
                </c:pt>
                <c:pt idx="1888">
                  <c:v>472.09199999999998</c:v>
                </c:pt>
                <c:pt idx="1889">
                  <c:v>472.33199999999999</c:v>
                </c:pt>
                <c:pt idx="1890">
                  <c:v>472.726</c:v>
                </c:pt>
                <c:pt idx="1891">
                  <c:v>473.05099999999999</c:v>
                </c:pt>
                <c:pt idx="1892">
                  <c:v>473.29399999999998</c:v>
                </c:pt>
                <c:pt idx="1893">
                  <c:v>473.98200000000003</c:v>
                </c:pt>
                <c:pt idx="1894">
                  <c:v>474.18299999999999</c:v>
                </c:pt>
                <c:pt idx="1895">
                  <c:v>474.34500000000003</c:v>
                </c:pt>
                <c:pt idx="1896">
                  <c:v>474.66500000000002</c:v>
                </c:pt>
                <c:pt idx="1897">
                  <c:v>474.96800000000002</c:v>
                </c:pt>
                <c:pt idx="1898">
                  <c:v>475.20699999999999</c:v>
                </c:pt>
                <c:pt idx="1899">
                  <c:v>475.19</c:v>
                </c:pt>
                <c:pt idx="1900">
                  <c:v>475.12099999999998</c:v>
                </c:pt>
                <c:pt idx="1901">
                  <c:v>475.56200000000001</c:v>
                </c:pt>
                <c:pt idx="1902">
                  <c:v>475.97800000000001</c:v>
                </c:pt>
                <c:pt idx="1903">
                  <c:v>476.07100000000003</c:v>
                </c:pt>
                <c:pt idx="1904">
                  <c:v>476.1</c:v>
                </c:pt>
                <c:pt idx="1905">
                  <c:v>476.245</c:v>
                </c:pt>
                <c:pt idx="1906">
                  <c:v>476.584</c:v>
                </c:pt>
                <c:pt idx="1907">
                  <c:v>476.846</c:v>
                </c:pt>
                <c:pt idx="1908">
                  <c:v>477.21499999999997</c:v>
                </c:pt>
                <c:pt idx="1909">
                  <c:v>477.76</c:v>
                </c:pt>
                <c:pt idx="1910">
                  <c:v>478.44600000000003</c:v>
                </c:pt>
                <c:pt idx="1911">
                  <c:v>478.488</c:v>
                </c:pt>
                <c:pt idx="1912">
                  <c:v>478.72800000000001</c:v>
                </c:pt>
                <c:pt idx="1913">
                  <c:v>478.983</c:v>
                </c:pt>
                <c:pt idx="1914">
                  <c:v>479.35500000000002</c:v>
                </c:pt>
                <c:pt idx="1915">
                  <c:v>479.45800000000003</c:v>
                </c:pt>
                <c:pt idx="1916">
                  <c:v>479.61599999999999</c:v>
                </c:pt>
                <c:pt idx="1917">
                  <c:v>480.10300000000001</c:v>
                </c:pt>
                <c:pt idx="1918">
                  <c:v>480.71199999999999</c:v>
                </c:pt>
                <c:pt idx="1919">
                  <c:v>480.79</c:v>
                </c:pt>
                <c:pt idx="1920">
                  <c:v>480.83199999999999</c:v>
                </c:pt>
                <c:pt idx="1921">
                  <c:v>481.16800000000001</c:v>
                </c:pt>
                <c:pt idx="1922">
                  <c:v>481.38400000000001</c:v>
                </c:pt>
                <c:pt idx="1923">
                  <c:v>481.58300000000003</c:v>
                </c:pt>
                <c:pt idx="1924">
                  <c:v>481.92899999999997</c:v>
                </c:pt>
                <c:pt idx="1925">
                  <c:v>482.42899999999997</c:v>
                </c:pt>
                <c:pt idx="1926">
                  <c:v>482.81799999999998</c:v>
                </c:pt>
                <c:pt idx="1927">
                  <c:v>483.25700000000001</c:v>
                </c:pt>
                <c:pt idx="1928">
                  <c:v>483.55700000000002</c:v>
                </c:pt>
                <c:pt idx="1929">
                  <c:v>483.6</c:v>
                </c:pt>
                <c:pt idx="1930">
                  <c:v>483.74599999999998</c:v>
                </c:pt>
                <c:pt idx="1931">
                  <c:v>484.02100000000002</c:v>
                </c:pt>
                <c:pt idx="1932">
                  <c:v>484.24099999999999</c:v>
                </c:pt>
                <c:pt idx="1933">
                  <c:v>484.423</c:v>
                </c:pt>
                <c:pt idx="1934">
                  <c:v>484.58499999999998</c:v>
                </c:pt>
                <c:pt idx="1935">
                  <c:v>485.24900000000002</c:v>
                </c:pt>
                <c:pt idx="1936">
                  <c:v>485.61599999999999</c:v>
                </c:pt>
                <c:pt idx="1937">
                  <c:v>485.79599999999999</c:v>
                </c:pt>
                <c:pt idx="1938">
                  <c:v>486.411</c:v>
                </c:pt>
                <c:pt idx="1939">
                  <c:v>486.65899999999999</c:v>
                </c:pt>
                <c:pt idx="1940">
                  <c:v>486.47300000000001</c:v>
                </c:pt>
                <c:pt idx="1941">
                  <c:v>486.69799999999998</c:v>
                </c:pt>
                <c:pt idx="1942">
                  <c:v>486.95100000000002</c:v>
                </c:pt>
                <c:pt idx="1943">
                  <c:v>487.04399999999998</c:v>
                </c:pt>
                <c:pt idx="1944">
                  <c:v>487.47300000000001</c:v>
                </c:pt>
                <c:pt idx="1945">
                  <c:v>488.08199999999999</c:v>
                </c:pt>
                <c:pt idx="1946">
                  <c:v>488.06200000000001</c:v>
                </c:pt>
                <c:pt idx="1947">
                  <c:v>488.15199999999999</c:v>
                </c:pt>
                <c:pt idx="1948">
                  <c:v>488.59100000000001</c:v>
                </c:pt>
                <c:pt idx="1949">
                  <c:v>488.60700000000003</c:v>
                </c:pt>
                <c:pt idx="1950">
                  <c:v>488.61900000000003</c:v>
                </c:pt>
                <c:pt idx="1951">
                  <c:v>488.80200000000002</c:v>
                </c:pt>
                <c:pt idx="1952">
                  <c:v>489.46699999999998</c:v>
                </c:pt>
                <c:pt idx="1953">
                  <c:v>489.77499999999998</c:v>
                </c:pt>
                <c:pt idx="1954">
                  <c:v>489.97199999999998</c:v>
                </c:pt>
                <c:pt idx="1955">
                  <c:v>490.24</c:v>
                </c:pt>
                <c:pt idx="1956">
                  <c:v>490.55399999999997</c:v>
                </c:pt>
                <c:pt idx="1957">
                  <c:v>490.94600000000003</c:v>
                </c:pt>
                <c:pt idx="1958">
                  <c:v>491.11900000000003</c:v>
                </c:pt>
                <c:pt idx="1959">
                  <c:v>491.18</c:v>
                </c:pt>
                <c:pt idx="1960">
                  <c:v>491.49400000000003</c:v>
                </c:pt>
                <c:pt idx="1961">
                  <c:v>491.49700000000001</c:v>
                </c:pt>
                <c:pt idx="1962">
                  <c:v>492.03399999999999</c:v>
                </c:pt>
                <c:pt idx="1963">
                  <c:v>492.27300000000002</c:v>
                </c:pt>
                <c:pt idx="1964">
                  <c:v>492.66</c:v>
                </c:pt>
                <c:pt idx="1965">
                  <c:v>492.78800000000001</c:v>
                </c:pt>
                <c:pt idx="1966">
                  <c:v>493.15100000000001</c:v>
                </c:pt>
                <c:pt idx="1967">
                  <c:v>493.733</c:v>
                </c:pt>
                <c:pt idx="1968">
                  <c:v>493.82799999999997</c:v>
                </c:pt>
                <c:pt idx="1969">
                  <c:v>493.95800000000003</c:v>
                </c:pt>
                <c:pt idx="1970">
                  <c:v>494.15899999999999</c:v>
                </c:pt>
                <c:pt idx="1971">
                  <c:v>494.565</c:v>
                </c:pt>
                <c:pt idx="1972">
                  <c:v>494.96</c:v>
                </c:pt>
                <c:pt idx="1973">
                  <c:v>495.101</c:v>
                </c:pt>
                <c:pt idx="1974">
                  <c:v>495.32600000000002</c:v>
                </c:pt>
                <c:pt idx="1975">
                  <c:v>495.661</c:v>
                </c:pt>
                <c:pt idx="1976">
                  <c:v>495.85599999999999</c:v>
                </c:pt>
                <c:pt idx="1977">
                  <c:v>496.31799999999998</c:v>
                </c:pt>
                <c:pt idx="1978">
                  <c:v>496.577</c:v>
                </c:pt>
                <c:pt idx="1979">
                  <c:v>496.41199999999998</c:v>
                </c:pt>
                <c:pt idx="1980">
                  <c:v>496.69099999999997</c:v>
                </c:pt>
                <c:pt idx="1981">
                  <c:v>496.51100000000002</c:v>
                </c:pt>
                <c:pt idx="1982">
                  <c:v>496.69</c:v>
                </c:pt>
                <c:pt idx="1983">
                  <c:v>497.16399999999999</c:v>
                </c:pt>
                <c:pt idx="1984">
                  <c:v>497.61399999999998</c:v>
                </c:pt>
                <c:pt idx="1985">
                  <c:v>497.392</c:v>
                </c:pt>
                <c:pt idx="1986">
                  <c:v>497.697</c:v>
                </c:pt>
                <c:pt idx="1987">
                  <c:v>498.06</c:v>
                </c:pt>
                <c:pt idx="1988">
                  <c:v>498.42700000000002</c:v>
                </c:pt>
                <c:pt idx="1989">
                  <c:v>498.74799999999999</c:v>
                </c:pt>
                <c:pt idx="1990">
                  <c:v>499.24599999999998</c:v>
                </c:pt>
                <c:pt idx="1991">
                  <c:v>499.52100000000002</c:v>
                </c:pt>
                <c:pt idx="1992">
                  <c:v>499.733</c:v>
                </c:pt>
                <c:pt idx="1993">
                  <c:v>499.91500000000002</c:v>
                </c:pt>
                <c:pt idx="1994">
                  <c:v>500.18400000000003</c:v>
                </c:pt>
                <c:pt idx="1995">
                  <c:v>500.495</c:v>
                </c:pt>
                <c:pt idx="1996">
                  <c:v>500.89400000000001</c:v>
                </c:pt>
                <c:pt idx="1997">
                  <c:v>501.447</c:v>
                </c:pt>
                <c:pt idx="1998">
                  <c:v>501.536</c:v>
                </c:pt>
                <c:pt idx="1999">
                  <c:v>501.80500000000001</c:v>
                </c:pt>
                <c:pt idx="2000">
                  <c:v>501.95699999999999</c:v>
                </c:pt>
                <c:pt idx="2001">
                  <c:v>502.63299999999998</c:v>
                </c:pt>
                <c:pt idx="2002">
                  <c:v>503.08199999999999</c:v>
                </c:pt>
                <c:pt idx="2003">
                  <c:v>503.34300000000002</c:v>
                </c:pt>
                <c:pt idx="2004">
                  <c:v>503.42399999999998</c:v>
                </c:pt>
                <c:pt idx="2005">
                  <c:v>503.84</c:v>
                </c:pt>
                <c:pt idx="2006">
                  <c:v>504.28300000000002</c:v>
                </c:pt>
                <c:pt idx="2007">
                  <c:v>504.58699999999999</c:v>
                </c:pt>
                <c:pt idx="2008">
                  <c:v>504.58800000000002</c:v>
                </c:pt>
                <c:pt idx="2009">
                  <c:v>504.69400000000002</c:v>
                </c:pt>
                <c:pt idx="2010">
                  <c:v>504.59399999999999</c:v>
                </c:pt>
                <c:pt idx="2011">
                  <c:v>504.99700000000001</c:v>
                </c:pt>
                <c:pt idx="2012">
                  <c:v>505.54899999999998</c:v>
                </c:pt>
                <c:pt idx="2013">
                  <c:v>505.75400000000002</c:v>
                </c:pt>
                <c:pt idx="2014">
                  <c:v>506.06099999999998</c:v>
                </c:pt>
                <c:pt idx="2015">
                  <c:v>506.53899999999999</c:v>
                </c:pt>
                <c:pt idx="2016">
                  <c:v>506.51</c:v>
                </c:pt>
                <c:pt idx="2017">
                  <c:v>507.00900000000001</c:v>
                </c:pt>
                <c:pt idx="2018">
                  <c:v>507.04199999999997</c:v>
                </c:pt>
                <c:pt idx="2019">
                  <c:v>507.423</c:v>
                </c:pt>
                <c:pt idx="2020">
                  <c:v>507.71800000000002</c:v>
                </c:pt>
                <c:pt idx="2021">
                  <c:v>507.81299999999999</c:v>
                </c:pt>
                <c:pt idx="2022">
                  <c:v>508.21600000000001</c:v>
                </c:pt>
                <c:pt idx="2023">
                  <c:v>508.52699999999999</c:v>
                </c:pt>
                <c:pt idx="2024">
                  <c:v>508.84300000000002</c:v>
                </c:pt>
                <c:pt idx="2025">
                  <c:v>508.90199999999999</c:v>
                </c:pt>
                <c:pt idx="2026">
                  <c:v>509.13</c:v>
                </c:pt>
                <c:pt idx="2027">
                  <c:v>509.48399999999998</c:v>
                </c:pt>
                <c:pt idx="2028">
                  <c:v>510.00599999999997</c:v>
                </c:pt>
                <c:pt idx="2029">
                  <c:v>510.38499999999999</c:v>
                </c:pt>
                <c:pt idx="2030">
                  <c:v>510.61099999999999</c:v>
                </c:pt>
                <c:pt idx="2031">
                  <c:v>510.95100000000002</c:v>
                </c:pt>
                <c:pt idx="2032">
                  <c:v>511.24200000000002</c:v>
                </c:pt>
                <c:pt idx="2033">
                  <c:v>511.50900000000001</c:v>
                </c:pt>
                <c:pt idx="2034">
                  <c:v>511.49599999999998</c:v>
                </c:pt>
                <c:pt idx="2035">
                  <c:v>511.71100000000001</c:v>
                </c:pt>
                <c:pt idx="2036">
                  <c:v>511.88400000000001</c:v>
                </c:pt>
                <c:pt idx="2037">
                  <c:v>512.19500000000005</c:v>
                </c:pt>
                <c:pt idx="2038">
                  <c:v>512.36400000000003</c:v>
                </c:pt>
                <c:pt idx="2039">
                  <c:v>512.452</c:v>
                </c:pt>
                <c:pt idx="2040">
                  <c:v>512.74800000000005</c:v>
                </c:pt>
                <c:pt idx="2041">
                  <c:v>513.08299999999997</c:v>
                </c:pt>
                <c:pt idx="2042">
                  <c:v>513.49800000000005</c:v>
                </c:pt>
                <c:pt idx="2043">
                  <c:v>513.96199999999999</c:v>
                </c:pt>
                <c:pt idx="2044">
                  <c:v>513.96400000000006</c:v>
                </c:pt>
                <c:pt idx="2045">
                  <c:v>514.19000000000005</c:v>
                </c:pt>
                <c:pt idx="2046">
                  <c:v>514.39300000000003</c:v>
                </c:pt>
                <c:pt idx="2047">
                  <c:v>514.62800000000004</c:v>
                </c:pt>
                <c:pt idx="2048">
                  <c:v>514.95799999999997</c:v>
                </c:pt>
                <c:pt idx="2049">
                  <c:v>515.05499999999995</c:v>
                </c:pt>
                <c:pt idx="2050">
                  <c:v>515.37300000000005</c:v>
                </c:pt>
                <c:pt idx="2051">
                  <c:v>515.69299999999998</c:v>
                </c:pt>
                <c:pt idx="2052">
                  <c:v>515.76499999999999</c:v>
                </c:pt>
                <c:pt idx="2053">
                  <c:v>516.00300000000004</c:v>
                </c:pt>
                <c:pt idx="2054">
                  <c:v>516.21199999999999</c:v>
                </c:pt>
                <c:pt idx="2055">
                  <c:v>516.47799999999995</c:v>
                </c:pt>
                <c:pt idx="2056">
                  <c:v>516.66200000000003</c:v>
                </c:pt>
                <c:pt idx="2057">
                  <c:v>517.072</c:v>
                </c:pt>
                <c:pt idx="2058">
                  <c:v>517.20899999999995</c:v>
                </c:pt>
                <c:pt idx="2059">
                  <c:v>517.41399999999999</c:v>
                </c:pt>
                <c:pt idx="2060">
                  <c:v>517.98699999999997</c:v>
                </c:pt>
                <c:pt idx="2061">
                  <c:v>518.572</c:v>
                </c:pt>
                <c:pt idx="2062">
                  <c:v>518.82000000000005</c:v>
                </c:pt>
                <c:pt idx="2063">
                  <c:v>519.01900000000001</c:v>
                </c:pt>
                <c:pt idx="2064">
                  <c:v>519.37599999999998</c:v>
                </c:pt>
                <c:pt idx="2065">
                  <c:v>519.55999999999995</c:v>
                </c:pt>
                <c:pt idx="2066">
                  <c:v>519.37599999999998</c:v>
                </c:pt>
                <c:pt idx="2067">
                  <c:v>519.81200000000001</c:v>
                </c:pt>
                <c:pt idx="2068">
                  <c:v>519.81700000000001</c:v>
                </c:pt>
                <c:pt idx="2069">
                  <c:v>520.39</c:v>
                </c:pt>
                <c:pt idx="2070">
                  <c:v>520.58799999999997</c:v>
                </c:pt>
                <c:pt idx="2071">
                  <c:v>520.76900000000001</c:v>
                </c:pt>
                <c:pt idx="2072">
                  <c:v>521.14599999999996</c:v>
                </c:pt>
                <c:pt idx="2073">
                  <c:v>521.43200000000002</c:v>
                </c:pt>
                <c:pt idx="2074">
                  <c:v>521.80600000000004</c:v>
                </c:pt>
                <c:pt idx="2075">
                  <c:v>522.18299999999999</c:v>
                </c:pt>
                <c:pt idx="2076">
                  <c:v>522.36800000000005</c:v>
                </c:pt>
                <c:pt idx="2077">
                  <c:v>522.64200000000005</c:v>
                </c:pt>
                <c:pt idx="2078">
                  <c:v>522.90200000000004</c:v>
                </c:pt>
                <c:pt idx="2079">
                  <c:v>523.40599999999995</c:v>
                </c:pt>
                <c:pt idx="2080">
                  <c:v>523.28200000000004</c:v>
                </c:pt>
                <c:pt idx="2081">
                  <c:v>523.58399999999995</c:v>
                </c:pt>
                <c:pt idx="2082">
                  <c:v>523.71600000000001</c:v>
                </c:pt>
                <c:pt idx="2083">
                  <c:v>523.83699999999999</c:v>
                </c:pt>
                <c:pt idx="2084">
                  <c:v>524.553</c:v>
                </c:pt>
                <c:pt idx="2085">
                  <c:v>524.78</c:v>
                </c:pt>
                <c:pt idx="2086">
                  <c:v>524.92600000000004</c:v>
                </c:pt>
                <c:pt idx="2087">
                  <c:v>525.03700000000003</c:v>
                </c:pt>
                <c:pt idx="2088">
                  <c:v>525.39800000000002</c:v>
                </c:pt>
                <c:pt idx="2089">
                  <c:v>525.33100000000002</c:v>
                </c:pt>
                <c:pt idx="2090">
                  <c:v>525.43299999999999</c:v>
                </c:pt>
                <c:pt idx="2091">
                  <c:v>525.91499999999996</c:v>
                </c:pt>
                <c:pt idx="2092">
                  <c:v>526.42899999999997</c:v>
                </c:pt>
                <c:pt idx="2093">
                  <c:v>526.76300000000003</c:v>
                </c:pt>
                <c:pt idx="2094">
                  <c:v>526.93200000000002</c:v>
                </c:pt>
                <c:pt idx="2095">
                  <c:v>527.28300000000002</c:v>
                </c:pt>
                <c:pt idx="2096">
                  <c:v>527.50099999999998</c:v>
                </c:pt>
                <c:pt idx="2097">
                  <c:v>527.63699999999994</c:v>
                </c:pt>
                <c:pt idx="2098">
                  <c:v>527.84299999999996</c:v>
                </c:pt>
                <c:pt idx="2099">
                  <c:v>528.01800000000003</c:v>
                </c:pt>
                <c:pt idx="2100">
                  <c:v>528.46</c:v>
                </c:pt>
                <c:pt idx="2101">
                  <c:v>528.84</c:v>
                </c:pt>
                <c:pt idx="2102">
                  <c:v>529.29600000000005</c:v>
                </c:pt>
                <c:pt idx="2103">
                  <c:v>529.64499999999998</c:v>
                </c:pt>
                <c:pt idx="2104">
                  <c:v>529.97500000000002</c:v>
                </c:pt>
                <c:pt idx="2105">
                  <c:v>530.26499999999999</c:v>
                </c:pt>
                <c:pt idx="2106">
                  <c:v>530.45000000000005</c:v>
                </c:pt>
                <c:pt idx="2107">
                  <c:v>530.48400000000004</c:v>
                </c:pt>
                <c:pt idx="2108">
                  <c:v>530.92399999999998</c:v>
                </c:pt>
                <c:pt idx="2109">
                  <c:v>531.19799999999998</c:v>
                </c:pt>
                <c:pt idx="2110">
                  <c:v>531.09299999999996</c:v>
                </c:pt>
                <c:pt idx="2111">
                  <c:v>531.40700000000004</c:v>
                </c:pt>
                <c:pt idx="2112">
                  <c:v>532.02599999999995</c:v>
                </c:pt>
                <c:pt idx="2113">
                  <c:v>532.16</c:v>
                </c:pt>
                <c:pt idx="2114">
                  <c:v>532.37400000000002</c:v>
                </c:pt>
                <c:pt idx="2115">
                  <c:v>532.61</c:v>
                </c:pt>
                <c:pt idx="2116">
                  <c:v>532.803</c:v>
                </c:pt>
                <c:pt idx="2117">
                  <c:v>532.97799999999995</c:v>
                </c:pt>
                <c:pt idx="2118">
                  <c:v>533.10699999999997</c:v>
                </c:pt>
                <c:pt idx="2119">
                  <c:v>533.38499999999999</c:v>
                </c:pt>
                <c:pt idx="2120">
                  <c:v>533.79100000000005</c:v>
                </c:pt>
                <c:pt idx="2121">
                  <c:v>533.99800000000005</c:v>
                </c:pt>
                <c:pt idx="2122">
                  <c:v>534.46</c:v>
                </c:pt>
                <c:pt idx="2123">
                  <c:v>534.63</c:v>
                </c:pt>
                <c:pt idx="2124">
                  <c:v>534.63599999999997</c:v>
                </c:pt>
                <c:pt idx="2125">
                  <c:v>534.81700000000001</c:v>
                </c:pt>
                <c:pt idx="2126">
                  <c:v>535.22699999999998</c:v>
                </c:pt>
                <c:pt idx="2127">
                  <c:v>535.33799999999997</c:v>
                </c:pt>
                <c:pt idx="2128">
                  <c:v>535.77200000000005</c:v>
                </c:pt>
                <c:pt idx="2129">
                  <c:v>535.94399999999996</c:v>
                </c:pt>
                <c:pt idx="2130">
                  <c:v>536.02099999999996</c:v>
                </c:pt>
                <c:pt idx="2131">
                  <c:v>536.00800000000004</c:v>
                </c:pt>
                <c:pt idx="2132">
                  <c:v>536.38400000000001</c:v>
                </c:pt>
                <c:pt idx="2133">
                  <c:v>536.61199999999997</c:v>
                </c:pt>
                <c:pt idx="2134">
                  <c:v>536.87699999999995</c:v>
                </c:pt>
                <c:pt idx="2135">
                  <c:v>537.28599999999994</c:v>
                </c:pt>
                <c:pt idx="2136">
                  <c:v>537.476</c:v>
                </c:pt>
                <c:pt idx="2137">
                  <c:v>538.005</c:v>
                </c:pt>
                <c:pt idx="2138">
                  <c:v>538.327</c:v>
                </c:pt>
                <c:pt idx="2139">
                  <c:v>538.46100000000001</c:v>
                </c:pt>
                <c:pt idx="2140">
                  <c:v>538.78</c:v>
                </c:pt>
                <c:pt idx="2141">
                  <c:v>539.00800000000004</c:v>
                </c:pt>
                <c:pt idx="2142">
                  <c:v>539.00199999999995</c:v>
                </c:pt>
                <c:pt idx="2143">
                  <c:v>539.255</c:v>
                </c:pt>
                <c:pt idx="2144">
                  <c:v>539.35799999999995</c:v>
                </c:pt>
                <c:pt idx="2145">
                  <c:v>539.32899999999995</c:v>
                </c:pt>
                <c:pt idx="2146">
                  <c:v>539.77700000000004</c:v>
                </c:pt>
                <c:pt idx="2147">
                  <c:v>540.02200000000005</c:v>
                </c:pt>
                <c:pt idx="2148">
                  <c:v>540.48500000000001</c:v>
                </c:pt>
                <c:pt idx="2149">
                  <c:v>540.62599999999998</c:v>
                </c:pt>
                <c:pt idx="2150">
                  <c:v>540.98599999999999</c:v>
                </c:pt>
                <c:pt idx="2151">
                  <c:v>541.46299999999997</c:v>
                </c:pt>
                <c:pt idx="2152">
                  <c:v>541.90800000000002</c:v>
                </c:pt>
                <c:pt idx="2153">
                  <c:v>542.255</c:v>
                </c:pt>
                <c:pt idx="2154">
                  <c:v>542.53300000000002</c:v>
                </c:pt>
                <c:pt idx="2155">
                  <c:v>542.84100000000001</c:v>
                </c:pt>
                <c:pt idx="2156">
                  <c:v>543.08199999999999</c:v>
                </c:pt>
                <c:pt idx="2157">
                  <c:v>543.38599999999997</c:v>
                </c:pt>
                <c:pt idx="2158">
                  <c:v>543.66</c:v>
                </c:pt>
                <c:pt idx="2159">
                  <c:v>544.16399999999999</c:v>
                </c:pt>
                <c:pt idx="2160">
                  <c:v>544.14099999999996</c:v>
                </c:pt>
                <c:pt idx="2161">
                  <c:v>544.08199999999999</c:v>
                </c:pt>
                <c:pt idx="2162">
                  <c:v>544.42600000000004</c:v>
                </c:pt>
                <c:pt idx="2163">
                  <c:v>544.53200000000004</c:v>
                </c:pt>
                <c:pt idx="2164">
                  <c:v>545.005</c:v>
                </c:pt>
                <c:pt idx="2165">
                  <c:v>544.78099999999995</c:v>
                </c:pt>
                <c:pt idx="2166">
                  <c:v>544.971</c:v>
                </c:pt>
                <c:pt idx="2167">
                  <c:v>545.33699999999999</c:v>
                </c:pt>
                <c:pt idx="2168">
                  <c:v>545.67499999999995</c:v>
                </c:pt>
                <c:pt idx="2169">
                  <c:v>546.07100000000003</c:v>
                </c:pt>
                <c:pt idx="2170">
                  <c:v>546.423</c:v>
                </c:pt>
                <c:pt idx="2171">
                  <c:v>546.63</c:v>
                </c:pt>
                <c:pt idx="2172">
                  <c:v>547.01800000000003</c:v>
                </c:pt>
                <c:pt idx="2173">
                  <c:v>547.08100000000002</c:v>
                </c:pt>
                <c:pt idx="2174">
                  <c:v>547.29200000000003</c:v>
                </c:pt>
                <c:pt idx="2175">
                  <c:v>547.65800000000002</c:v>
                </c:pt>
                <c:pt idx="2176">
                  <c:v>547.91200000000003</c:v>
                </c:pt>
                <c:pt idx="2177">
                  <c:v>548.05100000000004</c:v>
                </c:pt>
                <c:pt idx="2178">
                  <c:v>548.63400000000001</c:v>
                </c:pt>
                <c:pt idx="2179">
                  <c:v>548.76700000000005</c:v>
                </c:pt>
                <c:pt idx="2180">
                  <c:v>549.19600000000003</c:v>
                </c:pt>
                <c:pt idx="2181">
                  <c:v>549.73099999999999</c:v>
                </c:pt>
                <c:pt idx="2182">
                  <c:v>549.72199999999998</c:v>
                </c:pt>
                <c:pt idx="2183">
                  <c:v>549.85900000000004</c:v>
                </c:pt>
                <c:pt idx="2184">
                  <c:v>549.87800000000004</c:v>
                </c:pt>
                <c:pt idx="2185">
                  <c:v>550.24599999999998</c:v>
                </c:pt>
                <c:pt idx="2186">
                  <c:v>550.76199999999994</c:v>
                </c:pt>
                <c:pt idx="2187">
                  <c:v>550.81399999999996</c:v>
                </c:pt>
                <c:pt idx="2188">
                  <c:v>551.27599999999995</c:v>
                </c:pt>
                <c:pt idx="2189">
                  <c:v>551.60900000000004</c:v>
                </c:pt>
                <c:pt idx="2190">
                  <c:v>551.72900000000004</c:v>
                </c:pt>
                <c:pt idx="2191">
                  <c:v>551.91800000000001</c:v>
                </c:pt>
                <c:pt idx="2192">
                  <c:v>552.13400000000001</c:v>
                </c:pt>
                <c:pt idx="2193">
                  <c:v>552.48500000000001</c:v>
                </c:pt>
                <c:pt idx="2194">
                  <c:v>552.70299999999997</c:v>
                </c:pt>
                <c:pt idx="2195">
                  <c:v>552.76700000000005</c:v>
                </c:pt>
                <c:pt idx="2196">
                  <c:v>553.19899999999996</c:v>
                </c:pt>
                <c:pt idx="2197">
                  <c:v>553.64099999999996</c:v>
                </c:pt>
                <c:pt idx="2198">
                  <c:v>553.88199999999995</c:v>
                </c:pt>
                <c:pt idx="2199">
                  <c:v>554.12900000000002</c:v>
                </c:pt>
                <c:pt idx="2200">
                  <c:v>554.13599999999997</c:v>
                </c:pt>
                <c:pt idx="2201">
                  <c:v>554.41099999999994</c:v>
                </c:pt>
                <c:pt idx="2202">
                  <c:v>554.81700000000001</c:v>
                </c:pt>
                <c:pt idx="2203">
                  <c:v>554.87199999999996</c:v>
                </c:pt>
                <c:pt idx="2204">
                  <c:v>554.97900000000004</c:v>
                </c:pt>
                <c:pt idx="2205">
                  <c:v>555.29499999999996</c:v>
                </c:pt>
                <c:pt idx="2206">
                  <c:v>555.46500000000003</c:v>
                </c:pt>
                <c:pt idx="2207">
                  <c:v>555.90899999999999</c:v>
                </c:pt>
                <c:pt idx="2208">
                  <c:v>556.13699999999994</c:v>
                </c:pt>
                <c:pt idx="2209">
                  <c:v>556.32500000000005</c:v>
                </c:pt>
                <c:pt idx="2210">
                  <c:v>556.81399999999996</c:v>
                </c:pt>
                <c:pt idx="2211">
                  <c:v>556.851</c:v>
                </c:pt>
                <c:pt idx="2212">
                  <c:v>557.26</c:v>
                </c:pt>
                <c:pt idx="2213">
                  <c:v>557.5</c:v>
                </c:pt>
                <c:pt idx="2214">
                  <c:v>557.84799999999996</c:v>
                </c:pt>
                <c:pt idx="2215">
                  <c:v>558.11699999999996</c:v>
                </c:pt>
                <c:pt idx="2216">
                  <c:v>558.19399999999996</c:v>
                </c:pt>
                <c:pt idx="2217">
                  <c:v>558.38400000000001</c:v>
                </c:pt>
                <c:pt idx="2218">
                  <c:v>558.63599999999997</c:v>
                </c:pt>
                <c:pt idx="2219">
                  <c:v>559.00599999999997</c:v>
                </c:pt>
                <c:pt idx="2220">
                  <c:v>559.25699999999995</c:v>
                </c:pt>
                <c:pt idx="2221">
                  <c:v>559.36</c:v>
                </c:pt>
                <c:pt idx="2222">
                  <c:v>559.45600000000002</c:v>
                </c:pt>
                <c:pt idx="2223">
                  <c:v>559.68799999999999</c:v>
                </c:pt>
                <c:pt idx="2224">
                  <c:v>559.85699999999997</c:v>
                </c:pt>
                <c:pt idx="2225">
                  <c:v>560.07899999999995</c:v>
                </c:pt>
                <c:pt idx="2226">
                  <c:v>560.45500000000004</c:v>
                </c:pt>
                <c:pt idx="2227">
                  <c:v>560.54499999999996</c:v>
                </c:pt>
                <c:pt idx="2228">
                  <c:v>560.81500000000005</c:v>
                </c:pt>
                <c:pt idx="2229">
                  <c:v>560.91899999999998</c:v>
                </c:pt>
                <c:pt idx="2230">
                  <c:v>561.28099999999995</c:v>
                </c:pt>
                <c:pt idx="2231">
                  <c:v>561.67399999999998</c:v>
                </c:pt>
                <c:pt idx="2232">
                  <c:v>562.12400000000002</c:v>
                </c:pt>
                <c:pt idx="2233">
                  <c:v>562.346</c:v>
                </c:pt>
                <c:pt idx="2234">
                  <c:v>562.85699999999997</c:v>
                </c:pt>
                <c:pt idx="2235">
                  <c:v>562.86699999999996</c:v>
                </c:pt>
                <c:pt idx="2236">
                  <c:v>563.19399999999996</c:v>
                </c:pt>
                <c:pt idx="2237">
                  <c:v>563.58299999999997</c:v>
                </c:pt>
                <c:pt idx="2238">
                  <c:v>563.37800000000004</c:v>
                </c:pt>
                <c:pt idx="2239">
                  <c:v>563.75</c:v>
                </c:pt>
                <c:pt idx="2240">
                  <c:v>563.73500000000001</c:v>
                </c:pt>
                <c:pt idx="2241">
                  <c:v>564.49099999999999</c:v>
                </c:pt>
                <c:pt idx="2242">
                  <c:v>565.01800000000003</c:v>
                </c:pt>
                <c:pt idx="2243">
                  <c:v>565.11199999999997</c:v>
                </c:pt>
                <c:pt idx="2244">
                  <c:v>565.43600000000004</c:v>
                </c:pt>
                <c:pt idx="2245">
                  <c:v>565.47500000000002</c:v>
                </c:pt>
                <c:pt idx="2246">
                  <c:v>565.73900000000003</c:v>
                </c:pt>
                <c:pt idx="2247">
                  <c:v>565.99599999999998</c:v>
                </c:pt>
                <c:pt idx="2248">
                  <c:v>566.40800000000002</c:v>
                </c:pt>
                <c:pt idx="2249">
                  <c:v>566.577</c:v>
                </c:pt>
                <c:pt idx="2250">
                  <c:v>566.69899999999996</c:v>
                </c:pt>
                <c:pt idx="2251">
                  <c:v>566.84500000000003</c:v>
                </c:pt>
                <c:pt idx="2252">
                  <c:v>567.178</c:v>
                </c:pt>
                <c:pt idx="2253">
                  <c:v>567.45000000000005</c:v>
                </c:pt>
                <c:pt idx="2254">
                  <c:v>567.75</c:v>
                </c:pt>
                <c:pt idx="2255">
                  <c:v>568.00699999999995</c:v>
                </c:pt>
                <c:pt idx="2256">
                  <c:v>568.221</c:v>
                </c:pt>
                <c:pt idx="2257">
                  <c:v>568.375</c:v>
                </c:pt>
                <c:pt idx="2258">
                  <c:v>568.74699999999996</c:v>
                </c:pt>
                <c:pt idx="2259">
                  <c:v>569.16499999999996</c:v>
                </c:pt>
                <c:pt idx="2260">
                  <c:v>569.62400000000002</c:v>
                </c:pt>
                <c:pt idx="2261">
                  <c:v>570.03800000000001</c:v>
                </c:pt>
                <c:pt idx="2262">
                  <c:v>570.23699999999997</c:v>
                </c:pt>
                <c:pt idx="2263">
                  <c:v>570.44500000000005</c:v>
                </c:pt>
                <c:pt idx="2264">
                  <c:v>570.59400000000005</c:v>
                </c:pt>
                <c:pt idx="2265">
                  <c:v>570.76400000000001</c:v>
                </c:pt>
                <c:pt idx="2266">
                  <c:v>571.09799999999996</c:v>
                </c:pt>
                <c:pt idx="2267">
                  <c:v>571.29</c:v>
                </c:pt>
                <c:pt idx="2268">
                  <c:v>571.47199999999998</c:v>
                </c:pt>
                <c:pt idx="2269">
                  <c:v>571.22799999999995</c:v>
                </c:pt>
                <c:pt idx="2270">
                  <c:v>571.92499999999995</c:v>
                </c:pt>
                <c:pt idx="2271">
                  <c:v>572.10299999999995</c:v>
                </c:pt>
                <c:pt idx="2272">
                  <c:v>572.29999999999995</c:v>
                </c:pt>
                <c:pt idx="2273">
                  <c:v>572.28399999999999</c:v>
                </c:pt>
                <c:pt idx="2274">
                  <c:v>572.66200000000003</c:v>
                </c:pt>
                <c:pt idx="2275">
                  <c:v>572.83100000000002</c:v>
                </c:pt>
                <c:pt idx="2276">
                  <c:v>573.23400000000004</c:v>
                </c:pt>
                <c:pt idx="2277">
                  <c:v>573.66099999999994</c:v>
                </c:pt>
                <c:pt idx="2278">
                  <c:v>573.94399999999996</c:v>
                </c:pt>
                <c:pt idx="2279">
                  <c:v>574.33199999999999</c:v>
                </c:pt>
                <c:pt idx="2280">
                  <c:v>574.55999999999995</c:v>
                </c:pt>
                <c:pt idx="2281">
                  <c:v>574.78</c:v>
                </c:pt>
                <c:pt idx="2282">
                  <c:v>574.83699999999999</c:v>
                </c:pt>
                <c:pt idx="2283">
                  <c:v>575.04700000000003</c:v>
                </c:pt>
                <c:pt idx="2284">
                  <c:v>575.548</c:v>
                </c:pt>
                <c:pt idx="2285">
                  <c:v>575.79100000000005</c:v>
                </c:pt>
                <c:pt idx="2286">
                  <c:v>576.10500000000002</c:v>
                </c:pt>
                <c:pt idx="2287">
                  <c:v>576.197</c:v>
                </c:pt>
                <c:pt idx="2288">
                  <c:v>576.55100000000004</c:v>
                </c:pt>
                <c:pt idx="2289">
                  <c:v>576.91700000000003</c:v>
                </c:pt>
                <c:pt idx="2290">
                  <c:v>577.05499999999995</c:v>
                </c:pt>
                <c:pt idx="2291">
                  <c:v>577.31600000000003</c:v>
                </c:pt>
                <c:pt idx="2292">
                  <c:v>577.46799999999996</c:v>
                </c:pt>
                <c:pt idx="2293">
                  <c:v>577.33100000000002</c:v>
                </c:pt>
                <c:pt idx="2294">
                  <c:v>577.53</c:v>
                </c:pt>
                <c:pt idx="2295">
                  <c:v>577.93100000000004</c:v>
                </c:pt>
                <c:pt idx="2296">
                  <c:v>578.399</c:v>
                </c:pt>
                <c:pt idx="2297">
                  <c:v>578.61400000000003</c:v>
                </c:pt>
                <c:pt idx="2298">
                  <c:v>578.87300000000005</c:v>
                </c:pt>
                <c:pt idx="2299">
                  <c:v>579.072</c:v>
                </c:pt>
                <c:pt idx="2300">
                  <c:v>579.12800000000004</c:v>
                </c:pt>
                <c:pt idx="2301">
                  <c:v>579.50900000000001</c:v>
                </c:pt>
                <c:pt idx="2302">
                  <c:v>579.90800000000002</c:v>
                </c:pt>
                <c:pt idx="2303">
                  <c:v>580.33399999999995</c:v>
                </c:pt>
                <c:pt idx="2304">
                  <c:v>580.74699999999996</c:v>
                </c:pt>
                <c:pt idx="2305">
                  <c:v>580.91700000000003</c:v>
                </c:pt>
                <c:pt idx="2306">
                  <c:v>580.76499999999999</c:v>
                </c:pt>
                <c:pt idx="2307">
                  <c:v>581.05700000000002</c:v>
                </c:pt>
                <c:pt idx="2308">
                  <c:v>581.53300000000002</c:v>
                </c:pt>
                <c:pt idx="2309">
                  <c:v>581.68100000000004</c:v>
                </c:pt>
                <c:pt idx="2310">
                  <c:v>582.024</c:v>
                </c:pt>
                <c:pt idx="2311">
                  <c:v>582.12300000000005</c:v>
                </c:pt>
                <c:pt idx="2312">
                  <c:v>582.47299999999996</c:v>
                </c:pt>
                <c:pt idx="2313">
                  <c:v>582.63400000000001</c:v>
                </c:pt>
                <c:pt idx="2314">
                  <c:v>583.09400000000005</c:v>
                </c:pt>
                <c:pt idx="2315">
                  <c:v>582.99300000000005</c:v>
                </c:pt>
                <c:pt idx="2316">
                  <c:v>583.077</c:v>
                </c:pt>
                <c:pt idx="2317">
                  <c:v>583.21699999999998</c:v>
                </c:pt>
                <c:pt idx="2318">
                  <c:v>583.68600000000004</c:v>
                </c:pt>
                <c:pt idx="2319">
                  <c:v>583.97900000000004</c:v>
                </c:pt>
                <c:pt idx="2320">
                  <c:v>584.34199999999998</c:v>
                </c:pt>
                <c:pt idx="2321">
                  <c:v>584.68100000000004</c:v>
                </c:pt>
                <c:pt idx="2322">
                  <c:v>584.923</c:v>
                </c:pt>
                <c:pt idx="2323">
                  <c:v>585.221</c:v>
                </c:pt>
                <c:pt idx="2324">
                  <c:v>585.53700000000003</c:v>
                </c:pt>
                <c:pt idx="2325">
                  <c:v>585.75300000000004</c:v>
                </c:pt>
                <c:pt idx="2326">
                  <c:v>585.94799999999998</c:v>
                </c:pt>
                <c:pt idx="2327">
                  <c:v>586.15499999999997</c:v>
                </c:pt>
                <c:pt idx="2328">
                  <c:v>586.40300000000002</c:v>
                </c:pt>
                <c:pt idx="2329">
                  <c:v>586.61800000000005</c:v>
                </c:pt>
                <c:pt idx="2330">
                  <c:v>586.60500000000002</c:v>
                </c:pt>
                <c:pt idx="2331">
                  <c:v>587.10500000000002</c:v>
                </c:pt>
                <c:pt idx="2332">
                  <c:v>587.46699999999998</c:v>
                </c:pt>
                <c:pt idx="2333">
                  <c:v>587.87199999999996</c:v>
                </c:pt>
                <c:pt idx="2334">
                  <c:v>588.13699999999994</c:v>
                </c:pt>
                <c:pt idx="2335">
                  <c:v>588.55799999999999</c:v>
                </c:pt>
                <c:pt idx="2336">
                  <c:v>588.39400000000001</c:v>
                </c:pt>
                <c:pt idx="2337">
                  <c:v>588.51400000000001</c:v>
                </c:pt>
                <c:pt idx="2338">
                  <c:v>588.72299999999996</c:v>
                </c:pt>
                <c:pt idx="2339">
                  <c:v>589.16499999999996</c:v>
                </c:pt>
                <c:pt idx="2340">
                  <c:v>589.43799999999999</c:v>
                </c:pt>
                <c:pt idx="2341">
                  <c:v>589.84199999999998</c:v>
                </c:pt>
                <c:pt idx="2342">
                  <c:v>590.23</c:v>
                </c:pt>
                <c:pt idx="2343">
                  <c:v>590.6</c:v>
                </c:pt>
                <c:pt idx="2344">
                  <c:v>590.56899999999996</c:v>
                </c:pt>
                <c:pt idx="2345">
                  <c:v>590.68200000000002</c:v>
                </c:pt>
                <c:pt idx="2346">
                  <c:v>590.75099999999998</c:v>
                </c:pt>
                <c:pt idx="2347">
                  <c:v>591.048</c:v>
                </c:pt>
                <c:pt idx="2348">
                  <c:v>591.30999999999995</c:v>
                </c:pt>
                <c:pt idx="2349">
                  <c:v>591.52</c:v>
                </c:pt>
                <c:pt idx="2350">
                  <c:v>591.81600000000003</c:v>
                </c:pt>
                <c:pt idx="2351">
                  <c:v>591.91099999999994</c:v>
                </c:pt>
                <c:pt idx="2352">
                  <c:v>592.28499999999997</c:v>
                </c:pt>
                <c:pt idx="2353">
                  <c:v>592.50400000000002</c:v>
                </c:pt>
                <c:pt idx="2354">
                  <c:v>592.82000000000005</c:v>
                </c:pt>
                <c:pt idx="2355">
                  <c:v>593.09299999999996</c:v>
                </c:pt>
                <c:pt idx="2356">
                  <c:v>593.26400000000001</c:v>
                </c:pt>
                <c:pt idx="2357">
                  <c:v>593.41300000000001</c:v>
                </c:pt>
                <c:pt idx="2358">
                  <c:v>593.39599999999996</c:v>
                </c:pt>
                <c:pt idx="2359">
                  <c:v>594.053</c:v>
                </c:pt>
                <c:pt idx="2360">
                  <c:v>594.49900000000002</c:v>
                </c:pt>
                <c:pt idx="2361">
                  <c:v>594.71900000000005</c:v>
                </c:pt>
                <c:pt idx="2362">
                  <c:v>595.07899999999995</c:v>
                </c:pt>
                <c:pt idx="2363">
                  <c:v>595.41499999999996</c:v>
                </c:pt>
                <c:pt idx="2364">
                  <c:v>595.73500000000001</c:v>
                </c:pt>
                <c:pt idx="2365">
                  <c:v>596.10299999999995</c:v>
                </c:pt>
                <c:pt idx="2366">
                  <c:v>596.41300000000001</c:v>
                </c:pt>
                <c:pt idx="2367">
                  <c:v>596.55899999999997</c:v>
                </c:pt>
                <c:pt idx="2368">
                  <c:v>596.63</c:v>
                </c:pt>
                <c:pt idx="2369">
                  <c:v>596.88900000000001</c:v>
                </c:pt>
                <c:pt idx="2370">
                  <c:v>597.06299999999999</c:v>
                </c:pt>
                <c:pt idx="2371">
                  <c:v>597.39800000000002</c:v>
                </c:pt>
                <c:pt idx="2372">
                  <c:v>597.61900000000003</c:v>
                </c:pt>
                <c:pt idx="2373">
                  <c:v>597.80399999999997</c:v>
                </c:pt>
                <c:pt idx="2374">
                  <c:v>598.24800000000005</c:v>
                </c:pt>
                <c:pt idx="2375">
                  <c:v>598.43899999999996</c:v>
                </c:pt>
                <c:pt idx="2376">
                  <c:v>598.47900000000004</c:v>
                </c:pt>
                <c:pt idx="2377">
                  <c:v>598.70399999999995</c:v>
                </c:pt>
                <c:pt idx="2378">
                  <c:v>598.93499999999995</c:v>
                </c:pt>
                <c:pt idx="2379">
                  <c:v>599.30799999999999</c:v>
                </c:pt>
                <c:pt idx="2380">
                  <c:v>599.44899999999996</c:v>
                </c:pt>
                <c:pt idx="2381">
                  <c:v>599.68700000000001</c:v>
                </c:pt>
                <c:pt idx="2382">
                  <c:v>600.23099999999999</c:v>
                </c:pt>
                <c:pt idx="2383">
                  <c:v>600.45299999999997</c:v>
                </c:pt>
                <c:pt idx="2384">
                  <c:v>600.65</c:v>
                </c:pt>
                <c:pt idx="2385">
                  <c:v>601.11599999999999</c:v>
                </c:pt>
                <c:pt idx="2386">
                  <c:v>601.13400000000001</c:v>
                </c:pt>
                <c:pt idx="2387">
                  <c:v>601.08299999999997</c:v>
                </c:pt>
                <c:pt idx="2388">
                  <c:v>601.49599999999998</c:v>
                </c:pt>
                <c:pt idx="2389">
                  <c:v>601.649</c:v>
                </c:pt>
                <c:pt idx="2390">
                  <c:v>601.79100000000005</c:v>
                </c:pt>
                <c:pt idx="2391">
                  <c:v>602.03399999999999</c:v>
                </c:pt>
                <c:pt idx="2392">
                  <c:v>602.42200000000003</c:v>
                </c:pt>
                <c:pt idx="2393">
                  <c:v>602.50300000000004</c:v>
                </c:pt>
                <c:pt idx="2394">
                  <c:v>602.92999999999995</c:v>
                </c:pt>
                <c:pt idx="2395">
                  <c:v>603.00900000000001</c:v>
                </c:pt>
                <c:pt idx="2396">
                  <c:v>603.18100000000004</c:v>
                </c:pt>
                <c:pt idx="2397">
                  <c:v>603.54100000000005</c:v>
                </c:pt>
                <c:pt idx="2398">
                  <c:v>603.70000000000005</c:v>
                </c:pt>
                <c:pt idx="2399">
                  <c:v>604.11699999999996</c:v>
                </c:pt>
                <c:pt idx="2400">
                  <c:v>604.38199999999995</c:v>
                </c:pt>
                <c:pt idx="2401">
                  <c:v>604.73199999999997</c:v>
                </c:pt>
                <c:pt idx="2402">
                  <c:v>604.86400000000003</c:v>
                </c:pt>
                <c:pt idx="2403">
                  <c:v>605.19799999999998</c:v>
                </c:pt>
                <c:pt idx="2404">
                  <c:v>605.62599999999998</c:v>
                </c:pt>
                <c:pt idx="2405">
                  <c:v>606.03700000000003</c:v>
                </c:pt>
                <c:pt idx="2406">
                  <c:v>606.13</c:v>
                </c:pt>
                <c:pt idx="2407">
                  <c:v>606.46</c:v>
                </c:pt>
                <c:pt idx="2408">
                  <c:v>606.57000000000005</c:v>
                </c:pt>
                <c:pt idx="2409">
                  <c:v>606.72</c:v>
                </c:pt>
                <c:pt idx="2410">
                  <c:v>607.04499999999996</c:v>
                </c:pt>
                <c:pt idx="2411">
                  <c:v>607.15099999999995</c:v>
                </c:pt>
                <c:pt idx="2412">
                  <c:v>607.34199999999998</c:v>
                </c:pt>
                <c:pt idx="2413">
                  <c:v>607.43299999999999</c:v>
                </c:pt>
                <c:pt idx="2414">
                  <c:v>607.65700000000004</c:v>
                </c:pt>
                <c:pt idx="2415">
                  <c:v>607.87699999999995</c:v>
                </c:pt>
                <c:pt idx="2416">
                  <c:v>607.96299999999997</c:v>
                </c:pt>
                <c:pt idx="2417">
                  <c:v>608.22299999999996</c:v>
                </c:pt>
                <c:pt idx="2418">
                  <c:v>608.66999999999996</c:v>
                </c:pt>
                <c:pt idx="2419">
                  <c:v>608.99099999999999</c:v>
                </c:pt>
                <c:pt idx="2420">
                  <c:v>609.12800000000004</c:v>
                </c:pt>
                <c:pt idx="2421">
                  <c:v>609.43700000000001</c:v>
                </c:pt>
                <c:pt idx="2422">
                  <c:v>609.96600000000001</c:v>
                </c:pt>
                <c:pt idx="2423">
                  <c:v>610.21500000000003</c:v>
                </c:pt>
                <c:pt idx="2424">
                  <c:v>610.58699999999999</c:v>
                </c:pt>
                <c:pt idx="2425">
                  <c:v>610.79499999999996</c:v>
                </c:pt>
                <c:pt idx="2426">
                  <c:v>610.99599999999998</c:v>
                </c:pt>
                <c:pt idx="2427">
                  <c:v>611.18299999999999</c:v>
                </c:pt>
                <c:pt idx="2428">
                  <c:v>611.31799999999998</c:v>
                </c:pt>
                <c:pt idx="2429">
                  <c:v>611.64599999999996</c:v>
                </c:pt>
                <c:pt idx="2430">
                  <c:v>611.93700000000001</c:v>
                </c:pt>
                <c:pt idx="2431">
                  <c:v>612.072</c:v>
                </c:pt>
                <c:pt idx="2432">
                  <c:v>612.298</c:v>
                </c:pt>
                <c:pt idx="2433">
                  <c:v>612.48299999999995</c:v>
                </c:pt>
                <c:pt idx="2434">
                  <c:v>612.697</c:v>
                </c:pt>
                <c:pt idx="2435">
                  <c:v>613.17700000000002</c:v>
                </c:pt>
                <c:pt idx="2436">
                  <c:v>613.32799999999997</c:v>
                </c:pt>
                <c:pt idx="2437">
                  <c:v>613.38800000000003</c:v>
                </c:pt>
                <c:pt idx="2438">
                  <c:v>613.55999999999995</c:v>
                </c:pt>
                <c:pt idx="2439">
                  <c:v>613.69100000000003</c:v>
                </c:pt>
                <c:pt idx="2440">
                  <c:v>614.08699999999999</c:v>
                </c:pt>
                <c:pt idx="2441">
                  <c:v>614.26400000000001</c:v>
                </c:pt>
                <c:pt idx="2442">
                  <c:v>614.62599999999998</c:v>
                </c:pt>
                <c:pt idx="2443">
                  <c:v>614.70600000000002</c:v>
                </c:pt>
                <c:pt idx="2444">
                  <c:v>615.09900000000005</c:v>
                </c:pt>
                <c:pt idx="2445">
                  <c:v>615.31200000000001</c:v>
                </c:pt>
                <c:pt idx="2446">
                  <c:v>615.76</c:v>
                </c:pt>
                <c:pt idx="2447">
                  <c:v>615.98900000000003</c:v>
                </c:pt>
                <c:pt idx="2448">
                  <c:v>616.36199999999997</c:v>
                </c:pt>
                <c:pt idx="2449">
                  <c:v>616.76199999999994</c:v>
                </c:pt>
                <c:pt idx="2450">
                  <c:v>616.82299999999998</c:v>
                </c:pt>
                <c:pt idx="2451">
                  <c:v>617.18499999999995</c:v>
                </c:pt>
                <c:pt idx="2452">
                  <c:v>616.99400000000003</c:v>
                </c:pt>
                <c:pt idx="2453">
                  <c:v>617.31399999999996</c:v>
                </c:pt>
                <c:pt idx="2454">
                  <c:v>617.67700000000002</c:v>
                </c:pt>
                <c:pt idx="2455">
                  <c:v>618.03</c:v>
                </c:pt>
                <c:pt idx="2456">
                  <c:v>618.23800000000006</c:v>
                </c:pt>
                <c:pt idx="2457">
                  <c:v>618.61599999999999</c:v>
                </c:pt>
                <c:pt idx="2458">
                  <c:v>618.78700000000003</c:v>
                </c:pt>
                <c:pt idx="2459">
                  <c:v>618.67399999999998</c:v>
                </c:pt>
                <c:pt idx="2460">
                  <c:v>618.91999999999996</c:v>
                </c:pt>
                <c:pt idx="2461">
                  <c:v>619.06899999999996</c:v>
                </c:pt>
                <c:pt idx="2462">
                  <c:v>619.58600000000001</c:v>
                </c:pt>
                <c:pt idx="2463">
                  <c:v>619.90300000000002</c:v>
                </c:pt>
                <c:pt idx="2464">
                  <c:v>619.98199999999997</c:v>
                </c:pt>
                <c:pt idx="2465">
                  <c:v>620.41999999999996</c:v>
                </c:pt>
                <c:pt idx="2466">
                  <c:v>620.93899999999996</c:v>
                </c:pt>
                <c:pt idx="2467">
                  <c:v>621.18899999999996</c:v>
                </c:pt>
                <c:pt idx="2468">
                  <c:v>621.59900000000005</c:v>
                </c:pt>
                <c:pt idx="2469">
                  <c:v>621.70399999999995</c:v>
                </c:pt>
                <c:pt idx="2470">
                  <c:v>621.94000000000005</c:v>
                </c:pt>
                <c:pt idx="2471">
                  <c:v>622.28099999999995</c:v>
                </c:pt>
                <c:pt idx="2472">
                  <c:v>622.35799999999995</c:v>
                </c:pt>
                <c:pt idx="2473">
                  <c:v>622.66300000000001</c:v>
                </c:pt>
                <c:pt idx="2474">
                  <c:v>622.66899999999998</c:v>
                </c:pt>
                <c:pt idx="2475">
                  <c:v>622.93600000000004</c:v>
                </c:pt>
                <c:pt idx="2476">
                  <c:v>623.31399999999996</c:v>
                </c:pt>
                <c:pt idx="2477">
                  <c:v>623.53300000000002</c:v>
                </c:pt>
                <c:pt idx="2478">
                  <c:v>623.80899999999997</c:v>
                </c:pt>
                <c:pt idx="2479">
                  <c:v>624.22900000000004</c:v>
                </c:pt>
                <c:pt idx="2480">
                  <c:v>624.54899999999998</c:v>
                </c:pt>
                <c:pt idx="2481">
                  <c:v>624.52499999999998</c:v>
                </c:pt>
                <c:pt idx="2482">
                  <c:v>624.87199999999996</c:v>
                </c:pt>
                <c:pt idx="2483">
                  <c:v>625.27300000000002</c:v>
                </c:pt>
                <c:pt idx="2484">
                  <c:v>625.55200000000002</c:v>
                </c:pt>
                <c:pt idx="2485">
                  <c:v>625.76499999999999</c:v>
                </c:pt>
                <c:pt idx="2486">
                  <c:v>625.80600000000004</c:v>
                </c:pt>
                <c:pt idx="2487">
                  <c:v>625.96799999999996</c:v>
                </c:pt>
                <c:pt idx="2488">
                  <c:v>626.18399999999997</c:v>
                </c:pt>
                <c:pt idx="2489">
                  <c:v>626.53399999999999</c:v>
                </c:pt>
                <c:pt idx="2490">
                  <c:v>626.822</c:v>
                </c:pt>
                <c:pt idx="2491">
                  <c:v>626.87599999999998</c:v>
                </c:pt>
                <c:pt idx="2492">
                  <c:v>627.31200000000001</c:v>
                </c:pt>
                <c:pt idx="2493">
                  <c:v>627.63699999999994</c:v>
                </c:pt>
                <c:pt idx="2494">
                  <c:v>628.048</c:v>
                </c:pt>
                <c:pt idx="2495">
                  <c:v>628.02700000000004</c:v>
                </c:pt>
                <c:pt idx="2496">
                  <c:v>628.36900000000003</c:v>
                </c:pt>
                <c:pt idx="2497">
                  <c:v>628.66200000000003</c:v>
                </c:pt>
                <c:pt idx="2498">
                  <c:v>628.91600000000005</c:v>
                </c:pt>
                <c:pt idx="2499">
                  <c:v>629.28599999999994</c:v>
                </c:pt>
                <c:pt idx="2500">
                  <c:v>629.38599999999997</c:v>
                </c:pt>
                <c:pt idx="2501">
                  <c:v>629.75900000000001</c:v>
                </c:pt>
                <c:pt idx="2502">
                  <c:v>630.01800000000003</c:v>
                </c:pt>
                <c:pt idx="2503">
                  <c:v>630.33900000000006</c:v>
                </c:pt>
                <c:pt idx="2504">
                  <c:v>630.60400000000004</c:v>
                </c:pt>
                <c:pt idx="2505">
                  <c:v>630.71100000000001</c:v>
                </c:pt>
                <c:pt idx="2506">
                  <c:v>630.81299999999999</c:v>
                </c:pt>
                <c:pt idx="2507">
                  <c:v>631.27099999999996</c:v>
                </c:pt>
                <c:pt idx="2508">
                  <c:v>631.67899999999997</c:v>
                </c:pt>
                <c:pt idx="2509">
                  <c:v>631.67399999999998</c:v>
                </c:pt>
                <c:pt idx="2510">
                  <c:v>631.74199999999996</c:v>
                </c:pt>
                <c:pt idx="2511">
                  <c:v>632.11199999999997</c:v>
                </c:pt>
                <c:pt idx="2512">
                  <c:v>632.495</c:v>
                </c:pt>
                <c:pt idx="2513">
                  <c:v>632.85799999999995</c:v>
                </c:pt>
                <c:pt idx="2514">
                  <c:v>632.97500000000002</c:v>
                </c:pt>
                <c:pt idx="2515">
                  <c:v>633.38800000000003</c:v>
                </c:pt>
                <c:pt idx="2516">
                  <c:v>633.55899999999997</c:v>
                </c:pt>
                <c:pt idx="2517">
                  <c:v>633.93299999999999</c:v>
                </c:pt>
                <c:pt idx="2518">
                  <c:v>634.02</c:v>
                </c:pt>
                <c:pt idx="2519">
                  <c:v>634.20299999999997</c:v>
                </c:pt>
                <c:pt idx="2520">
                  <c:v>634.62900000000002</c:v>
                </c:pt>
                <c:pt idx="2521">
                  <c:v>634.91099999999994</c:v>
                </c:pt>
                <c:pt idx="2522">
                  <c:v>635.19899999999996</c:v>
                </c:pt>
                <c:pt idx="2523">
                  <c:v>635.35500000000002</c:v>
                </c:pt>
                <c:pt idx="2524">
                  <c:v>635.37199999999996</c:v>
                </c:pt>
                <c:pt idx="2525">
                  <c:v>635.76400000000001</c:v>
                </c:pt>
                <c:pt idx="2526">
                  <c:v>636.09100000000001</c:v>
                </c:pt>
                <c:pt idx="2527">
                  <c:v>636.34100000000001</c:v>
                </c:pt>
                <c:pt idx="2528">
                  <c:v>636.678</c:v>
                </c:pt>
                <c:pt idx="2529">
                  <c:v>637.02800000000002</c:v>
                </c:pt>
                <c:pt idx="2530">
                  <c:v>637.33199999999999</c:v>
                </c:pt>
                <c:pt idx="2531">
                  <c:v>637.64700000000005</c:v>
                </c:pt>
                <c:pt idx="2532">
                  <c:v>637.97199999999998</c:v>
                </c:pt>
                <c:pt idx="2533">
                  <c:v>638.15</c:v>
                </c:pt>
                <c:pt idx="2534">
                  <c:v>638.53300000000002</c:v>
                </c:pt>
                <c:pt idx="2535">
                  <c:v>638.65499999999997</c:v>
                </c:pt>
                <c:pt idx="2536">
                  <c:v>638.66</c:v>
                </c:pt>
                <c:pt idx="2537">
                  <c:v>638.82600000000002</c:v>
                </c:pt>
                <c:pt idx="2538">
                  <c:v>639.303</c:v>
                </c:pt>
                <c:pt idx="2539">
                  <c:v>639.69399999999996</c:v>
                </c:pt>
                <c:pt idx="2540">
                  <c:v>640.01099999999997</c:v>
                </c:pt>
                <c:pt idx="2541">
                  <c:v>640.11099999999999</c:v>
                </c:pt>
                <c:pt idx="2542">
                  <c:v>640.37300000000005</c:v>
                </c:pt>
                <c:pt idx="2543">
                  <c:v>640.45500000000004</c:v>
                </c:pt>
                <c:pt idx="2544">
                  <c:v>640.61</c:v>
                </c:pt>
                <c:pt idx="2545">
                  <c:v>640.89300000000003</c:v>
                </c:pt>
                <c:pt idx="2546">
                  <c:v>641.03899999999999</c:v>
                </c:pt>
                <c:pt idx="2547">
                  <c:v>641.40099999999995</c:v>
                </c:pt>
                <c:pt idx="2548">
                  <c:v>641.83699999999999</c:v>
                </c:pt>
                <c:pt idx="2549">
                  <c:v>642.21199999999999</c:v>
                </c:pt>
                <c:pt idx="2550">
                  <c:v>642.399</c:v>
                </c:pt>
                <c:pt idx="2551">
                  <c:v>642.45799999999997</c:v>
                </c:pt>
                <c:pt idx="2552">
                  <c:v>642.89300000000003</c:v>
                </c:pt>
                <c:pt idx="2553">
                  <c:v>643.46500000000003</c:v>
                </c:pt>
                <c:pt idx="2554">
                  <c:v>643.65099999999995</c:v>
                </c:pt>
                <c:pt idx="2555">
                  <c:v>643.80799999999999</c:v>
                </c:pt>
                <c:pt idx="2556">
                  <c:v>643.99800000000005</c:v>
                </c:pt>
                <c:pt idx="2557">
                  <c:v>644.29200000000003</c:v>
                </c:pt>
                <c:pt idx="2558">
                  <c:v>644.51499999999999</c:v>
                </c:pt>
                <c:pt idx="2559">
                  <c:v>644.82500000000005</c:v>
                </c:pt>
                <c:pt idx="2560">
                  <c:v>645.01</c:v>
                </c:pt>
                <c:pt idx="2561">
                  <c:v>645.22799999999995</c:v>
                </c:pt>
                <c:pt idx="2562">
                  <c:v>645.56600000000003</c:v>
                </c:pt>
                <c:pt idx="2563">
                  <c:v>645.94000000000005</c:v>
                </c:pt>
                <c:pt idx="2564">
                  <c:v>646.19299999999998</c:v>
                </c:pt>
                <c:pt idx="2565">
                  <c:v>646.48599999999999</c:v>
                </c:pt>
                <c:pt idx="2566">
                  <c:v>646.55899999999997</c:v>
                </c:pt>
                <c:pt idx="2567">
                  <c:v>646.61800000000005</c:v>
                </c:pt>
                <c:pt idx="2568">
                  <c:v>646.76700000000005</c:v>
                </c:pt>
                <c:pt idx="2569">
                  <c:v>647.04499999999996</c:v>
                </c:pt>
                <c:pt idx="2570">
                  <c:v>647.48699999999997</c:v>
                </c:pt>
                <c:pt idx="2571">
                  <c:v>647.91</c:v>
                </c:pt>
                <c:pt idx="2572">
                  <c:v>648.30399999999997</c:v>
                </c:pt>
                <c:pt idx="2573">
                  <c:v>648.23299999999995</c:v>
                </c:pt>
                <c:pt idx="2574">
                  <c:v>648.56500000000005</c:v>
                </c:pt>
                <c:pt idx="2575">
                  <c:v>649.14200000000005</c:v>
                </c:pt>
                <c:pt idx="2576">
                  <c:v>649.24800000000005</c:v>
                </c:pt>
                <c:pt idx="2577">
                  <c:v>649.56700000000001</c:v>
                </c:pt>
                <c:pt idx="2578">
                  <c:v>649.91999999999996</c:v>
                </c:pt>
                <c:pt idx="2579">
                  <c:v>650.21699999999998</c:v>
                </c:pt>
                <c:pt idx="2580">
                  <c:v>650.47900000000004</c:v>
                </c:pt>
                <c:pt idx="2581">
                  <c:v>650.78399999999999</c:v>
                </c:pt>
                <c:pt idx="2582">
                  <c:v>650.98199999999997</c:v>
                </c:pt>
                <c:pt idx="2583">
                  <c:v>651.22699999999998</c:v>
                </c:pt>
                <c:pt idx="2584">
                  <c:v>651.51900000000001</c:v>
                </c:pt>
                <c:pt idx="2585">
                  <c:v>651.69000000000005</c:v>
                </c:pt>
                <c:pt idx="2586">
                  <c:v>651.93399999999997</c:v>
                </c:pt>
                <c:pt idx="2587">
                  <c:v>652.22500000000002</c:v>
                </c:pt>
                <c:pt idx="2588">
                  <c:v>652.44399999999996</c:v>
                </c:pt>
                <c:pt idx="2589">
                  <c:v>652.60500000000002</c:v>
                </c:pt>
                <c:pt idx="2590">
                  <c:v>652.84799999999996</c:v>
                </c:pt>
                <c:pt idx="2591">
                  <c:v>653.19100000000003</c:v>
                </c:pt>
                <c:pt idx="2592">
                  <c:v>653.44500000000005</c:v>
                </c:pt>
                <c:pt idx="2593">
                  <c:v>653.71600000000001</c:v>
                </c:pt>
                <c:pt idx="2594">
                  <c:v>653.95899999999995</c:v>
                </c:pt>
                <c:pt idx="2595">
                  <c:v>654.17200000000003</c:v>
                </c:pt>
                <c:pt idx="2596">
                  <c:v>654.447</c:v>
                </c:pt>
                <c:pt idx="2597">
                  <c:v>654.80600000000004</c:v>
                </c:pt>
                <c:pt idx="2598">
                  <c:v>654.94399999999996</c:v>
                </c:pt>
                <c:pt idx="2599">
                  <c:v>655.24400000000003</c:v>
                </c:pt>
                <c:pt idx="2600">
                  <c:v>655.46100000000001</c:v>
                </c:pt>
                <c:pt idx="2601">
                  <c:v>655.59500000000003</c:v>
                </c:pt>
                <c:pt idx="2602">
                  <c:v>656.03499999999997</c:v>
                </c:pt>
                <c:pt idx="2603">
                  <c:v>656.37699999999995</c:v>
                </c:pt>
                <c:pt idx="2604">
                  <c:v>656.53899999999999</c:v>
                </c:pt>
                <c:pt idx="2605">
                  <c:v>656.78700000000003</c:v>
                </c:pt>
                <c:pt idx="2606">
                  <c:v>657.20299999999997</c:v>
                </c:pt>
                <c:pt idx="2607">
                  <c:v>657.41399999999999</c:v>
                </c:pt>
                <c:pt idx="2608">
                  <c:v>657.78499999999997</c:v>
                </c:pt>
                <c:pt idx="2609">
                  <c:v>657.99900000000002</c:v>
                </c:pt>
                <c:pt idx="2610">
                  <c:v>658.13900000000001</c:v>
                </c:pt>
                <c:pt idx="2611">
                  <c:v>658.38599999999997</c:v>
                </c:pt>
                <c:pt idx="2612">
                  <c:v>658.50800000000004</c:v>
                </c:pt>
                <c:pt idx="2613">
                  <c:v>658.55</c:v>
                </c:pt>
                <c:pt idx="2614">
                  <c:v>658.90300000000002</c:v>
                </c:pt>
                <c:pt idx="2615">
                  <c:v>659.46699999999998</c:v>
                </c:pt>
                <c:pt idx="2616">
                  <c:v>659.90300000000002</c:v>
                </c:pt>
                <c:pt idx="2617">
                  <c:v>659.78200000000004</c:v>
                </c:pt>
                <c:pt idx="2618">
                  <c:v>660.10699999999997</c:v>
                </c:pt>
                <c:pt idx="2619">
                  <c:v>660.39499999999998</c:v>
                </c:pt>
                <c:pt idx="2620">
                  <c:v>660.70600000000002</c:v>
                </c:pt>
                <c:pt idx="2621">
                  <c:v>661.01900000000001</c:v>
                </c:pt>
                <c:pt idx="2622">
                  <c:v>661.41</c:v>
                </c:pt>
                <c:pt idx="2623">
                  <c:v>661.70899999999995</c:v>
                </c:pt>
                <c:pt idx="2624">
                  <c:v>661.97799999999995</c:v>
                </c:pt>
                <c:pt idx="2625">
                  <c:v>662.18200000000002</c:v>
                </c:pt>
                <c:pt idx="2626">
                  <c:v>662.30799999999999</c:v>
                </c:pt>
                <c:pt idx="2627">
                  <c:v>662.59400000000005</c:v>
                </c:pt>
                <c:pt idx="2628">
                  <c:v>662.75599999999997</c:v>
                </c:pt>
                <c:pt idx="2629">
                  <c:v>663.09400000000005</c:v>
                </c:pt>
                <c:pt idx="2630">
                  <c:v>663.56799999999998</c:v>
                </c:pt>
                <c:pt idx="2631">
                  <c:v>663.83799999999997</c:v>
                </c:pt>
                <c:pt idx="2632">
                  <c:v>664.13900000000001</c:v>
                </c:pt>
                <c:pt idx="2633">
                  <c:v>664.25099999999998</c:v>
                </c:pt>
                <c:pt idx="2634">
                  <c:v>664.38099999999997</c:v>
                </c:pt>
                <c:pt idx="2635">
                  <c:v>664.76199999999994</c:v>
                </c:pt>
                <c:pt idx="2636">
                  <c:v>664.91300000000001</c:v>
                </c:pt>
                <c:pt idx="2637">
                  <c:v>665.26700000000005</c:v>
                </c:pt>
                <c:pt idx="2638">
                  <c:v>665.48299999999995</c:v>
                </c:pt>
                <c:pt idx="2639">
                  <c:v>665.68200000000002</c:v>
                </c:pt>
                <c:pt idx="2640">
                  <c:v>665.91700000000003</c:v>
                </c:pt>
                <c:pt idx="2641">
                  <c:v>666.23900000000003</c:v>
                </c:pt>
                <c:pt idx="2642">
                  <c:v>666.64499999999998</c:v>
                </c:pt>
                <c:pt idx="2643">
                  <c:v>666.76400000000001</c:v>
                </c:pt>
                <c:pt idx="2644">
                  <c:v>666.99</c:v>
                </c:pt>
                <c:pt idx="2645">
                  <c:v>667.18600000000004</c:v>
                </c:pt>
                <c:pt idx="2646">
                  <c:v>667.58900000000006</c:v>
                </c:pt>
                <c:pt idx="2647">
                  <c:v>667.88699999999994</c:v>
                </c:pt>
                <c:pt idx="2648">
                  <c:v>668.06100000000004</c:v>
                </c:pt>
                <c:pt idx="2649">
                  <c:v>668.23699999999997</c:v>
                </c:pt>
                <c:pt idx="2650">
                  <c:v>668.28599999999994</c:v>
                </c:pt>
                <c:pt idx="2651">
                  <c:v>668.71799999999996</c:v>
                </c:pt>
                <c:pt idx="2652">
                  <c:v>669.04</c:v>
                </c:pt>
                <c:pt idx="2653">
                  <c:v>669.35</c:v>
                </c:pt>
                <c:pt idx="2654">
                  <c:v>669.67</c:v>
                </c:pt>
                <c:pt idx="2655">
                  <c:v>670.11500000000001</c:v>
                </c:pt>
                <c:pt idx="2656">
                  <c:v>670.41800000000001</c:v>
                </c:pt>
                <c:pt idx="2657">
                  <c:v>670.649</c:v>
                </c:pt>
                <c:pt idx="2658">
                  <c:v>670.77700000000004</c:v>
                </c:pt>
                <c:pt idx="2659">
                  <c:v>670.93</c:v>
                </c:pt>
                <c:pt idx="2660">
                  <c:v>671.39200000000005</c:v>
                </c:pt>
                <c:pt idx="2661">
                  <c:v>671.68200000000002</c:v>
                </c:pt>
                <c:pt idx="2662">
                  <c:v>671.96799999999996</c:v>
                </c:pt>
                <c:pt idx="2663">
                  <c:v>672.173</c:v>
                </c:pt>
                <c:pt idx="2664">
                  <c:v>672.50400000000002</c:v>
                </c:pt>
                <c:pt idx="2665">
                  <c:v>672.73099999999999</c:v>
                </c:pt>
                <c:pt idx="2666">
                  <c:v>672.79200000000003</c:v>
                </c:pt>
                <c:pt idx="2667">
                  <c:v>673.04499999999996</c:v>
                </c:pt>
                <c:pt idx="2668">
                  <c:v>673.30799999999999</c:v>
                </c:pt>
                <c:pt idx="2669">
                  <c:v>673.57100000000003</c:v>
                </c:pt>
                <c:pt idx="2670">
                  <c:v>673.96600000000001</c:v>
                </c:pt>
                <c:pt idx="2671">
                  <c:v>674.29100000000005</c:v>
                </c:pt>
                <c:pt idx="2672">
                  <c:v>674.52800000000002</c:v>
                </c:pt>
                <c:pt idx="2673">
                  <c:v>674.721</c:v>
                </c:pt>
                <c:pt idx="2674">
                  <c:v>675.04399999999998</c:v>
                </c:pt>
                <c:pt idx="2675">
                  <c:v>675.09900000000005</c:v>
                </c:pt>
                <c:pt idx="2676">
                  <c:v>675.40300000000002</c:v>
                </c:pt>
                <c:pt idx="2677">
                  <c:v>675.72799999999995</c:v>
                </c:pt>
                <c:pt idx="2678">
                  <c:v>676.05799999999999</c:v>
                </c:pt>
                <c:pt idx="2679">
                  <c:v>676.22400000000005</c:v>
                </c:pt>
                <c:pt idx="2680">
                  <c:v>676.44500000000005</c:v>
                </c:pt>
                <c:pt idx="2681">
                  <c:v>676.80399999999997</c:v>
                </c:pt>
                <c:pt idx="2682">
                  <c:v>677.16499999999996</c:v>
                </c:pt>
                <c:pt idx="2683">
                  <c:v>677.37599999999998</c:v>
                </c:pt>
                <c:pt idx="2684">
                  <c:v>677.57399999999996</c:v>
                </c:pt>
                <c:pt idx="2685">
                  <c:v>677.71400000000006</c:v>
                </c:pt>
                <c:pt idx="2686">
                  <c:v>677.89200000000005</c:v>
                </c:pt>
                <c:pt idx="2687">
                  <c:v>678.16399999999999</c:v>
                </c:pt>
                <c:pt idx="2688">
                  <c:v>678.37199999999996</c:v>
                </c:pt>
                <c:pt idx="2689">
                  <c:v>678.68200000000002</c:v>
                </c:pt>
                <c:pt idx="2690">
                  <c:v>679.053</c:v>
                </c:pt>
                <c:pt idx="2691">
                  <c:v>679.28300000000002</c:v>
                </c:pt>
                <c:pt idx="2692">
                  <c:v>679.58199999999999</c:v>
                </c:pt>
                <c:pt idx="2693">
                  <c:v>679.73199999999997</c:v>
                </c:pt>
                <c:pt idx="2694">
                  <c:v>679.71699999999998</c:v>
                </c:pt>
                <c:pt idx="2695">
                  <c:v>680.18700000000001</c:v>
                </c:pt>
                <c:pt idx="2696">
                  <c:v>680.596</c:v>
                </c:pt>
                <c:pt idx="2697">
                  <c:v>680.57600000000002</c:v>
                </c:pt>
                <c:pt idx="2698">
                  <c:v>680.86300000000006</c:v>
                </c:pt>
                <c:pt idx="2699">
                  <c:v>681.26400000000001</c:v>
                </c:pt>
                <c:pt idx="2700">
                  <c:v>681.59299999999996</c:v>
                </c:pt>
                <c:pt idx="2701">
                  <c:v>681.63400000000001</c:v>
                </c:pt>
                <c:pt idx="2702">
                  <c:v>682.01900000000001</c:v>
                </c:pt>
                <c:pt idx="2703">
                  <c:v>682.31299999999999</c:v>
                </c:pt>
                <c:pt idx="2704">
                  <c:v>682.52499999999998</c:v>
                </c:pt>
                <c:pt idx="2705">
                  <c:v>682.95500000000004</c:v>
                </c:pt>
                <c:pt idx="2706">
                  <c:v>683.29300000000001</c:v>
                </c:pt>
                <c:pt idx="2707">
                  <c:v>683.46</c:v>
                </c:pt>
                <c:pt idx="2708">
                  <c:v>683.73400000000004</c:v>
                </c:pt>
                <c:pt idx="2709">
                  <c:v>684.03899999999999</c:v>
                </c:pt>
                <c:pt idx="2710">
                  <c:v>684.27</c:v>
                </c:pt>
                <c:pt idx="2711">
                  <c:v>684.50199999999995</c:v>
                </c:pt>
                <c:pt idx="2712">
                  <c:v>684.73199999999997</c:v>
                </c:pt>
                <c:pt idx="2713">
                  <c:v>684.88699999999994</c:v>
                </c:pt>
                <c:pt idx="2714">
                  <c:v>685.19299999999998</c:v>
                </c:pt>
                <c:pt idx="2715">
                  <c:v>685.16200000000003</c:v>
                </c:pt>
                <c:pt idx="2716">
                  <c:v>685.54200000000003</c:v>
                </c:pt>
                <c:pt idx="2717">
                  <c:v>685.88900000000001</c:v>
                </c:pt>
                <c:pt idx="2718">
                  <c:v>686.07</c:v>
                </c:pt>
                <c:pt idx="2719">
                  <c:v>686.26099999999997</c:v>
                </c:pt>
                <c:pt idx="2720">
                  <c:v>686.67</c:v>
                </c:pt>
                <c:pt idx="2721">
                  <c:v>686.94100000000003</c:v>
                </c:pt>
                <c:pt idx="2722">
                  <c:v>687.221</c:v>
                </c:pt>
                <c:pt idx="2723">
                  <c:v>687.44</c:v>
                </c:pt>
                <c:pt idx="2724">
                  <c:v>687.63199999999995</c:v>
                </c:pt>
                <c:pt idx="2725">
                  <c:v>687.971</c:v>
                </c:pt>
                <c:pt idx="2726">
                  <c:v>688.03800000000001</c:v>
                </c:pt>
                <c:pt idx="2727">
                  <c:v>688.59</c:v>
                </c:pt>
                <c:pt idx="2728">
                  <c:v>688.74800000000005</c:v>
                </c:pt>
                <c:pt idx="2729">
                  <c:v>689.19500000000005</c:v>
                </c:pt>
                <c:pt idx="2730">
                  <c:v>689.65800000000002</c:v>
                </c:pt>
                <c:pt idx="2731">
                  <c:v>689.78700000000003</c:v>
                </c:pt>
                <c:pt idx="2732">
                  <c:v>690.23</c:v>
                </c:pt>
                <c:pt idx="2733">
                  <c:v>690.17600000000004</c:v>
                </c:pt>
                <c:pt idx="2734">
                  <c:v>690.53599999999994</c:v>
                </c:pt>
                <c:pt idx="2735">
                  <c:v>690.81600000000003</c:v>
                </c:pt>
                <c:pt idx="2736">
                  <c:v>691.13199999999995</c:v>
                </c:pt>
                <c:pt idx="2737">
                  <c:v>691.20100000000002</c:v>
                </c:pt>
                <c:pt idx="2738">
                  <c:v>691.57100000000003</c:v>
                </c:pt>
                <c:pt idx="2739">
                  <c:v>691.71799999999996</c:v>
                </c:pt>
                <c:pt idx="2740">
                  <c:v>691.99199999999996</c:v>
                </c:pt>
                <c:pt idx="2741">
                  <c:v>692.12800000000004</c:v>
                </c:pt>
                <c:pt idx="2742">
                  <c:v>692.41700000000003</c:v>
                </c:pt>
                <c:pt idx="2743">
                  <c:v>692.50400000000002</c:v>
                </c:pt>
                <c:pt idx="2744">
                  <c:v>692.69600000000003</c:v>
                </c:pt>
                <c:pt idx="2745">
                  <c:v>693.30799999999999</c:v>
                </c:pt>
                <c:pt idx="2746">
                  <c:v>693.76099999999997</c:v>
                </c:pt>
                <c:pt idx="2747">
                  <c:v>694.173</c:v>
                </c:pt>
                <c:pt idx="2748">
                  <c:v>694.51700000000005</c:v>
                </c:pt>
                <c:pt idx="2749">
                  <c:v>694.83500000000004</c:v>
                </c:pt>
                <c:pt idx="2750">
                  <c:v>695.04200000000003</c:v>
                </c:pt>
                <c:pt idx="2751">
                  <c:v>695.26099999999997</c:v>
                </c:pt>
                <c:pt idx="2752">
                  <c:v>695.428</c:v>
                </c:pt>
                <c:pt idx="2753">
                  <c:v>695.31100000000004</c:v>
                </c:pt>
                <c:pt idx="2754">
                  <c:v>695.55200000000002</c:v>
                </c:pt>
                <c:pt idx="2755">
                  <c:v>695.75199999999995</c:v>
                </c:pt>
                <c:pt idx="2756">
                  <c:v>696.21100000000001</c:v>
                </c:pt>
                <c:pt idx="2757">
                  <c:v>696.40899999999999</c:v>
                </c:pt>
                <c:pt idx="2758">
                  <c:v>696.56899999999996</c:v>
                </c:pt>
                <c:pt idx="2759">
                  <c:v>696.44399999999996</c:v>
                </c:pt>
                <c:pt idx="2760">
                  <c:v>696.88699999999994</c:v>
                </c:pt>
                <c:pt idx="2761">
                  <c:v>697.23099999999999</c:v>
                </c:pt>
                <c:pt idx="2762">
                  <c:v>697.51099999999997</c:v>
                </c:pt>
                <c:pt idx="2763">
                  <c:v>697.95399999999995</c:v>
                </c:pt>
                <c:pt idx="2764">
                  <c:v>698.04899999999998</c:v>
                </c:pt>
                <c:pt idx="2765">
                  <c:v>698.20399999999995</c:v>
                </c:pt>
                <c:pt idx="2766">
                  <c:v>698.54300000000001</c:v>
                </c:pt>
                <c:pt idx="2767">
                  <c:v>698.74599999999998</c:v>
                </c:pt>
                <c:pt idx="2768">
                  <c:v>698.98400000000004</c:v>
                </c:pt>
                <c:pt idx="2769">
                  <c:v>699.29700000000003</c:v>
                </c:pt>
                <c:pt idx="2770">
                  <c:v>699.44299999999998</c:v>
                </c:pt>
                <c:pt idx="2771">
                  <c:v>699.79399999999998</c:v>
                </c:pt>
                <c:pt idx="2772">
                  <c:v>700.12599999999998</c:v>
                </c:pt>
                <c:pt idx="2773">
                  <c:v>700.27099999999996</c:v>
                </c:pt>
                <c:pt idx="2774">
                  <c:v>700.553</c:v>
                </c:pt>
                <c:pt idx="2775">
                  <c:v>700.72299999999996</c:v>
                </c:pt>
                <c:pt idx="2776">
                  <c:v>701.01300000000003</c:v>
                </c:pt>
                <c:pt idx="2777">
                  <c:v>701.22799999999995</c:v>
                </c:pt>
                <c:pt idx="2778">
                  <c:v>701.529</c:v>
                </c:pt>
                <c:pt idx="2779">
                  <c:v>701.85900000000004</c:v>
                </c:pt>
                <c:pt idx="2780">
                  <c:v>702.154</c:v>
                </c:pt>
                <c:pt idx="2781">
                  <c:v>702.16</c:v>
                </c:pt>
                <c:pt idx="2782">
                  <c:v>702.37099999999998</c:v>
                </c:pt>
                <c:pt idx="2783">
                  <c:v>702.56899999999996</c:v>
                </c:pt>
                <c:pt idx="2784">
                  <c:v>703.09299999999996</c:v>
                </c:pt>
                <c:pt idx="2785">
                  <c:v>703.423</c:v>
                </c:pt>
                <c:pt idx="2786">
                  <c:v>703.65800000000002</c:v>
                </c:pt>
                <c:pt idx="2787">
                  <c:v>703.95699999999999</c:v>
                </c:pt>
                <c:pt idx="2788">
                  <c:v>704.19100000000003</c:v>
                </c:pt>
                <c:pt idx="2789">
                  <c:v>704.43499999999995</c:v>
                </c:pt>
                <c:pt idx="2790">
                  <c:v>704.56200000000001</c:v>
                </c:pt>
                <c:pt idx="2791">
                  <c:v>705.14599999999996</c:v>
                </c:pt>
                <c:pt idx="2792">
                  <c:v>705.34400000000005</c:v>
                </c:pt>
                <c:pt idx="2793">
                  <c:v>705.58699999999999</c:v>
                </c:pt>
                <c:pt idx="2794">
                  <c:v>705.96</c:v>
                </c:pt>
                <c:pt idx="2795">
                  <c:v>706.154</c:v>
                </c:pt>
                <c:pt idx="2796">
                  <c:v>706.42700000000002</c:v>
                </c:pt>
                <c:pt idx="2797">
                  <c:v>706.54700000000003</c:v>
                </c:pt>
                <c:pt idx="2798">
                  <c:v>707.03599999999994</c:v>
                </c:pt>
                <c:pt idx="2799">
                  <c:v>707.29700000000003</c:v>
                </c:pt>
                <c:pt idx="2800">
                  <c:v>707.77300000000002</c:v>
                </c:pt>
                <c:pt idx="2801">
                  <c:v>708.09900000000005</c:v>
                </c:pt>
                <c:pt idx="2802">
                  <c:v>708.33299999999997</c:v>
                </c:pt>
                <c:pt idx="2803">
                  <c:v>708.48699999999997</c:v>
                </c:pt>
                <c:pt idx="2804">
                  <c:v>708.62699999999995</c:v>
                </c:pt>
                <c:pt idx="2805">
                  <c:v>708.80200000000002</c:v>
                </c:pt>
                <c:pt idx="2806">
                  <c:v>708.98400000000004</c:v>
                </c:pt>
                <c:pt idx="2807">
                  <c:v>709.17700000000002</c:v>
                </c:pt>
                <c:pt idx="2808">
                  <c:v>709.42899999999997</c:v>
                </c:pt>
                <c:pt idx="2809">
                  <c:v>709.476</c:v>
                </c:pt>
                <c:pt idx="2810">
                  <c:v>709.90499999999997</c:v>
                </c:pt>
                <c:pt idx="2811">
                  <c:v>710.18</c:v>
                </c:pt>
                <c:pt idx="2812">
                  <c:v>710.40200000000004</c:v>
                </c:pt>
                <c:pt idx="2813">
                  <c:v>710.66399999999999</c:v>
                </c:pt>
                <c:pt idx="2814">
                  <c:v>710.91700000000003</c:v>
                </c:pt>
                <c:pt idx="2815">
                  <c:v>710.87099999999998</c:v>
                </c:pt>
                <c:pt idx="2816">
                  <c:v>711.01400000000001</c:v>
                </c:pt>
                <c:pt idx="2817">
                  <c:v>711.19799999999998</c:v>
                </c:pt>
                <c:pt idx="2818">
                  <c:v>711.77200000000005</c:v>
                </c:pt>
                <c:pt idx="2819">
                  <c:v>711.84100000000001</c:v>
                </c:pt>
                <c:pt idx="2820">
                  <c:v>712.13300000000004</c:v>
                </c:pt>
                <c:pt idx="2821">
                  <c:v>712.43899999999996</c:v>
                </c:pt>
                <c:pt idx="2822">
                  <c:v>712.83100000000002</c:v>
                </c:pt>
                <c:pt idx="2823">
                  <c:v>713.18399999999997</c:v>
                </c:pt>
                <c:pt idx="2824">
                  <c:v>713.572</c:v>
                </c:pt>
                <c:pt idx="2825">
                  <c:v>713.85500000000002</c:v>
                </c:pt>
                <c:pt idx="2826">
                  <c:v>713.66499999999996</c:v>
                </c:pt>
                <c:pt idx="2827">
                  <c:v>713.86699999999996</c:v>
                </c:pt>
                <c:pt idx="2828">
                  <c:v>714.51400000000001</c:v>
                </c:pt>
                <c:pt idx="2829">
                  <c:v>714.58900000000006</c:v>
                </c:pt>
                <c:pt idx="2830">
                  <c:v>715.09799999999996</c:v>
                </c:pt>
                <c:pt idx="2831">
                  <c:v>715.303</c:v>
                </c:pt>
                <c:pt idx="2832">
                  <c:v>715.471</c:v>
                </c:pt>
                <c:pt idx="2833">
                  <c:v>715.85900000000004</c:v>
                </c:pt>
                <c:pt idx="2834">
                  <c:v>716.096</c:v>
                </c:pt>
                <c:pt idx="2835">
                  <c:v>716.32</c:v>
                </c:pt>
                <c:pt idx="2836">
                  <c:v>716.49</c:v>
                </c:pt>
                <c:pt idx="2837">
                  <c:v>716.66899999999998</c:v>
                </c:pt>
                <c:pt idx="2838">
                  <c:v>716.97299999999996</c:v>
                </c:pt>
                <c:pt idx="2839">
                  <c:v>717.02200000000005</c:v>
                </c:pt>
                <c:pt idx="2840">
                  <c:v>717.36199999999997</c:v>
                </c:pt>
                <c:pt idx="2841">
                  <c:v>717.68600000000004</c:v>
                </c:pt>
                <c:pt idx="2842">
                  <c:v>718.25300000000004</c:v>
                </c:pt>
                <c:pt idx="2843">
                  <c:v>718.68600000000004</c:v>
                </c:pt>
                <c:pt idx="2844">
                  <c:v>719.01</c:v>
                </c:pt>
                <c:pt idx="2845">
                  <c:v>718.98</c:v>
                </c:pt>
                <c:pt idx="2846">
                  <c:v>719.47400000000005</c:v>
                </c:pt>
                <c:pt idx="2847">
                  <c:v>719.70399999999995</c:v>
                </c:pt>
                <c:pt idx="2848">
                  <c:v>719.98199999999997</c:v>
                </c:pt>
                <c:pt idx="2849">
                  <c:v>720.27</c:v>
                </c:pt>
                <c:pt idx="2850">
                  <c:v>720.37</c:v>
                </c:pt>
                <c:pt idx="2851">
                  <c:v>720.327</c:v>
                </c:pt>
                <c:pt idx="2852">
                  <c:v>720.697</c:v>
                </c:pt>
                <c:pt idx="2853">
                  <c:v>721.173</c:v>
                </c:pt>
                <c:pt idx="2854">
                  <c:v>721.41200000000003</c:v>
                </c:pt>
                <c:pt idx="2855">
                  <c:v>721.45500000000004</c:v>
                </c:pt>
                <c:pt idx="2856">
                  <c:v>721.94299999999998</c:v>
                </c:pt>
                <c:pt idx="2857">
                  <c:v>722.21100000000001</c:v>
                </c:pt>
                <c:pt idx="2858">
                  <c:v>722.55</c:v>
                </c:pt>
                <c:pt idx="2859">
                  <c:v>722.50699999999995</c:v>
                </c:pt>
                <c:pt idx="2860">
                  <c:v>722.56299999999999</c:v>
                </c:pt>
                <c:pt idx="2861">
                  <c:v>722.87900000000002</c:v>
                </c:pt>
                <c:pt idx="2862">
                  <c:v>722.99300000000005</c:v>
                </c:pt>
                <c:pt idx="2863">
                  <c:v>723.48900000000003</c:v>
                </c:pt>
                <c:pt idx="2864">
                  <c:v>723.57100000000003</c:v>
                </c:pt>
                <c:pt idx="2865">
                  <c:v>723.94500000000005</c:v>
                </c:pt>
                <c:pt idx="2866">
                  <c:v>724.36199999999997</c:v>
                </c:pt>
                <c:pt idx="2867">
                  <c:v>724.86400000000003</c:v>
                </c:pt>
                <c:pt idx="2868">
                  <c:v>725.08799999999997</c:v>
                </c:pt>
                <c:pt idx="2869">
                  <c:v>725.31899999999996</c:v>
                </c:pt>
                <c:pt idx="2870">
                  <c:v>725.70100000000002</c:v>
                </c:pt>
                <c:pt idx="2871">
                  <c:v>725.96</c:v>
                </c:pt>
                <c:pt idx="2872">
                  <c:v>726.00199999999995</c:v>
                </c:pt>
                <c:pt idx="2873">
                  <c:v>726.11900000000003</c:v>
                </c:pt>
                <c:pt idx="2874">
                  <c:v>726.25699999999995</c:v>
                </c:pt>
                <c:pt idx="2875">
                  <c:v>726.6</c:v>
                </c:pt>
                <c:pt idx="2876">
                  <c:v>726.73500000000001</c:v>
                </c:pt>
                <c:pt idx="2877">
                  <c:v>726.81500000000005</c:v>
                </c:pt>
                <c:pt idx="2878">
                  <c:v>727.101</c:v>
                </c:pt>
                <c:pt idx="2879">
                  <c:v>727.36400000000003</c:v>
                </c:pt>
                <c:pt idx="2880">
                  <c:v>727.71500000000003</c:v>
                </c:pt>
                <c:pt idx="2881">
                  <c:v>727.94</c:v>
                </c:pt>
                <c:pt idx="2882">
                  <c:v>728.19200000000001</c:v>
                </c:pt>
                <c:pt idx="2883">
                  <c:v>728.39400000000001</c:v>
                </c:pt>
                <c:pt idx="2884">
                  <c:v>728.57600000000002</c:v>
                </c:pt>
                <c:pt idx="2885">
                  <c:v>729.11</c:v>
                </c:pt>
                <c:pt idx="2886">
                  <c:v>729.44899999999996</c:v>
                </c:pt>
                <c:pt idx="2887">
                  <c:v>729.52599999999995</c:v>
                </c:pt>
                <c:pt idx="2888">
                  <c:v>729.89</c:v>
                </c:pt>
                <c:pt idx="2889">
                  <c:v>730.28800000000001</c:v>
                </c:pt>
                <c:pt idx="2890">
                  <c:v>730.66499999999996</c:v>
                </c:pt>
                <c:pt idx="2891">
                  <c:v>730.84500000000003</c:v>
                </c:pt>
                <c:pt idx="2892">
                  <c:v>730.89</c:v>
                </c:pt>
                <c:pt idx="2893">
                  <c:v>731.28800000000001</c:v>
                </c:pt>
                <c:pt idx="2894">
                  <c:v>731.75400000000002</c:v>
                </c:pt>
                <c:pt idx="2895">
                  <c:v>731.91800000000001</c:v>
                </c:pt>
                <c:pt idx="2896">
                  <c:v>732.21</c:v>
                </c:pt>
                <c:pt idx="2897">
                  <c:v>732.60699999999997</c:v>
                </c:pt>
                <c:pt idx="2898">
                  <c:v>732.99300000000005</c:v>
                </c:pt>
                <c:pt idx="2899">
                  <c:v>733.06899999999996</c:v>
                </c:pt>
                <c:pt idx="2900">
                  <c:v>733.31799999999998</c:v>
                </c:pt>
                <c:pt idx="2901">
                  <c:v>733.52599999999995</c:v>
                </c:pt>
                <c:pt idx="2902">
                  <c:v>733.803</c:v>
                </c:pt>
                <c:pt idx="2903">
                  <c:v>733.90099999999995</c:v>
                </c:pt>
                <c:pt idx="2904">
                  <c:v>734.14800000000002</c:v>
                </c:pt>
                <c:pt idx="2905">
                  <c:v>734.274</c:v>
                </c:pt>
                <c:pt idx="2906">
                  <c:v>734.60799999999995</c:v>
                </c:pt>
                <c:pt idx="2907">
                  <c:v>734.822</c:v>
                </c:pt>
                <c:pt idx="2908">
                  <c:v>735.00099999999998</c:v>
                </c:pt>
                <c:pt idx="2909">
                  <c:v>735.34100000000001</c:v>
                </c:pt>
                <c:pt idx="2910">
                  <c:v>735.721</c:v>
                </c:pt>
                <c:pt idx="2911">
                  <c:v>736.09100000000001</c:v>
                </c:pt>
                <c:pt idx="2912">
                  <c:v>736.33799999999997</c:v>
                </c:pt>
                <c:pt idx="2913">
                  <c:v>736.41</c:v>
                </c:pt>
                <c:pt idx="2914">
                  <c:v>736.61699999999996</c:v>
                </c:pt>
                <c:pt idx="2915">
                  <c:v>736.76199999999994</c:v>
                </c:pt>
                <c:pt idx="2916">
                  <c:v>737.024</c:v>
                </c:pt>
                <c:pt idx="2917">
                  <c:v>737.38300000000004</c:v>
                </c:pt>
                <c:pt idx="2918">
                  <c:v>737.54</c:v>
                </c:pt>
                <c:pt idx="2919">
                  <c:v>737.721</c:v>
                </c:pt>
                <c:pt idx="2920">
                  <c:v>738.10699999999997</c:v>
                </c:pt>
                <c:pt idx="2921">
                  <c:v>738.28</c:v>
                </c:pt>
                <c:pt idx="2922">
                  <c:v>738.827</c:v>
                </c:pt>
                <c:pt idx="2923">
                  <c:v>739.245</c:v>
                </c:pt>
                <c:pt idx="2924">
                  <c:v>739.505</c:v>
                </c:pt>
                <c:pt idx="2925">
                  <c:v>739.89499999999998</c:v>
                </c:pt>
                <c:pt idx="2926">
                  <c:v>740.12</c:v>
                </c:pt>
                <c:pt idx="2927">
                  <c:v>740.28899999999999</c:v>
                </c:pt>
                <c:pt idx="2928">
                  <c:v>740.46799999999996</c:v>
                </c:pt>
                <c:pt idx="2929">
                  <c:v>740.375</c:v>
                </c:pt>
                <c:pt idx="2930">
                  <c:v>740.78</c:v>
                </c:pt>
                <c:pt idx="2931">
                  <c:v>741.18799999999999</c:v>
                </c:pt>
                <c:pt idx="2932">
                  <c:v>741.26499999999999</c:v>
                </c:pt>
                <c:pt idx="2933">
                  <c:v>741.51400000000001</c:v>
                </c:pt>
                <c:pt idx="2934">
                  <c:v>741.96600000000001</c:v>
                </c:pt>
                <c:pt idx="2935">
                  <c:v>742.24800000000005</c:v>
                </c:pt>
                <c:pt idx="2936">
                  <c:v>742.17200000000003</c:v>
                </c:pt>
                <c:pt idx="2937">
                  <c:v>742.47699999999998</c:v>
                </c:pt>
                <c:pt idx="2938">
                  <c:v>742.82500000000005</c:v>
                </c:pt>
                <c:pt idx="2939">
                  <c:v>743.12699999999995</c:v>
                </c:pt>
                <c:pt idx="2940">
                  <c:v>743.63300000000004</c:v>
                </c:pt>
                <c:pt idx="2941">
                  <c:v>743.779</c:v>
                </c:pt>
                <c:pt idx="2942">
                  <c:v>744.06799999999998</c:v>
                </c:pt>
                <c:pt idx="2943">
                  <c:v>744.62</c:v>
                </c:pt>
                <c:pt idx="2944">
                  <c:v>744.92100000000005</c:v>
                </c:pt>
                <c:pt idx="2945">
                  <c:v>745.05799999999999</c:v>
                </c:pt>
                <c:pt idx="2946">
                  <c:v>745.38400000000001</c:v>
                </c:pt>
                <c:pt idx="2947">
                  <c:v>745.69899999999996</c:v>
                </c:pt>
                <c:pt idx="2948">
                  <c:v>745.79100000000005</c:v>
                </c:pt>
                <c:pt idx="2949">
                  <c:v>746.09799999999996</c:v>
                </c:pt>
                <c:pt idx="2950">
                  <c:v>746.43399999999997</c:v>
                </c:pt>
                <c:pt idx="2951">
                  <c:v>746.59500000000003</c:v>
                </c:pt>
                <c:pt idx="2952">
                  <c:v>746.93600000000004</c:v>
                </c:pt>
                <c:pt idx="2953">
                  <c:v>747.3</c:v>
                </c:pt>
                <c:pt idx="2954">
                  <c:v>747.44899999999996</c:v>
                </c:pt>
                <c:pt idx="2955">
                  <c:v>747.79</c:v>
                </c:pt>
                <c:pt idx="2956">
                  <c:v>748.17600000000004</c:v>
                </c:pt>
                <c:pt idx="2957">
                  <c:v>748.46400000000006</c:v>
                </c:pt>
                <c:pt idx="2958">
                  <c:v>748.46100000000001</c:v>
                </c:pt>
                <c:pt idx="2959">
                  <c:v>748.57899999999995</c:v>
                </c:pt>
                <c:pt idx="2960">
                  <c:v>748.74699999999996</c:v>
                </c:pt>
                <c:pt idx="2961">
                  <c:v>749.06</c:v>
                </c:pt>
                <c:pt idx="2962">
                  <c:v>749.40499999999997</c:v>
                </c:pt>
                <c:pt idx="2963">
                  <c:v>749.63099999999997</c:v>
                </c:pt>
                <c:pt idx="2964">
                  <c:v>749.93600000000004</c:v>
                </c:pt>
                <c:pt idx="2965">
                  <c:v>749.94799999999998</c:v>
                </c:pt>
                <c:pt idx="2966">
                  <c:v>750.21500000000003</c:v>
                </c:pt>
                <c:pt idx="2967">
                  <c:v>750.54200000000003</c:v>
                </c:pt>
                <c:pt idx="2968">
                  <c:v>750.85799999999995</c:v>
                </c:pt>
                <c:pt idx="2969">
                  <c:v>750.96799999999996</c:v>
                </c:pt>
                <c:pt idx="2970">
                  <c:v>751.31</c:v>
                </c:pt>
                <c:pt idx="2971">
                  <c:v>751.44399999999996</c:v>
                </c:pt>
                <c:pt idx="2972">
                  <c:v>751.78700000000003</c:v>
                </c:pt>
                <c:pt idx="2973">
                  <c:v>752.298</c:v>
                </c:pt>
                <c:pt idx="2974">
                  <c:v>752.279</c:v>
                </c:pt>
                <c:pt idx="2975">
                  <c:v>752.755</c:v>
                </c:pt>
                <c:pt idx="2976">
                  <c:v>752.97699999999998</c:v>
                </c:pt>
                <c:pt idx="2977">
                  <c:v>753.45699999999999</c:v>
                </c:pt>
                <c:pt idx="2978">
                  <c:v>753.7</c:v>
                </c:pt>
                <c:pt idx="2979">
                  <c:v>753.71400000000006</c:v>
                </c:pt>
                <c:pt idx="2980">
                  <c:v>754.10500000000002</c:v>
                </c:pt>
                <c:pt idx="2981">
                  <c:v>754.25900000000001</c:v>
                </c:pt>
                <c:pt idx="2982">
                  <c:v>754.34100000000001</c:v>
                </c:pt>
                <c:pt idx="2983">
                  <c:v>754.42899999999997</c:v>
                </c:pt>
                <c:pt idx="2984">
                  <c:v>754.69399999999996</c:v>
                </c:pt>
                <c:pt idx="2985">
                  <c:v>754.822</c:v>
                </c:pt>
                <c:pt idx="2986">
                  <c:v>755.23800000000006</c:v>
                </c:pt>
                <c:pt idx="2987">
                  <c:v>755.58100000000002</c:v>
                </c:pt>
                <c:pt idx="2988">
                  <c:v>755.78800000000001</c:v>
                </c:pt>
                <c:pt idx="2989">
                  <c:v>756.25</c:v>
                </c:pt>
                <c:pt idx="2990">
                  <c:v>756.34400000000005</c:v>
                </c:pt>
                <c:pt idx="2991">
                  <c:v>756.601</c:v>
                </c:pt>
                <c:pt idx="2992">
                  <c:v>756.96</c:v>
                </c:pt>
                <c:pt idx="2993">
                  <c:v>757.33199999999999</c:v>
                </c:pt>
                <c:pt idx="2994">
                  <c:v>757.61</c:v>
                </c:pt>
                <c:pt idx="2995">
                  <c:v>758.03899999999999</c:v>
                </c:pt>
                <c:pt idx="2996">
                  <c:v>758.22500000000002</c:v>
                </c:pt>
                <c:pt idx="2997">
                  <c:v>758.42200000000003</c:v>
                </c:pt>
                <c:pt idx="2998">
                  <c:v>758.42</c:v>
                </c:pt>
                <c:pt idx="2999">
                  <c:v>758.89499999999998</c:v>
                </c:pt>
                <c:pt idx="3000">
                  <c:v>759.35400000000004</c:v>
                </c:pt>
                <c:pt idx="3001">
                  <c:v>759.31299999999999</c:v>
                </c:pt>
                <c:pt idx="3002">
                  <c:v>759.61599999999999</c:v>
                </c:pt>
                <c:pt idx="3003">
                  <c:v>760.01900000000001</c:v>
                </c:pt>
                <c:pt idx="3004">
                  <c:v>760.06500000000005</c:v>
                </c:pt>
                <c:pt idx="3005">
                  <c:v>760.38199999999995</c:v>
                </c:pt>
                <c:pt idx="3006">
                  <c:v>760.69500000000005</c:v>
                </c:pt>
                <c:pt idx="3007">
                  <c:v>761.08299999999997</c:v>
                </c:pt>
                <c:pt idx="3008">
                  <c:v>761.33699999999999</c:v>
                </c:pt>
                <c:pt idx="3009">
                  <c:v>761.62800000000004</c:v>
                </c:pt>
                <c:pt idx="3010">
                  <c:v>761.76800000000003</c:v>
                </c:pt>
                <c:pt idx="3011">
                  <c:v>761.99199999999996</c:v>
                </c:pt>
                <c:pt idx="3012">
                  <c:v>762.24699999999996</c:v>
                </c:pt>
                <c:pt idx="3013">
                  <c:v>762.50400000000002</c:v>
                </c:pt>
                <c:pt idx="3014">
                  <c:v>762.46</c:v>
                </c:pt>
                <c:pt idx="3015">
                  <c:v>762.79600000000005</c:v>
                </c:pt>
                <c:pt idx="3016">
                  <c:v>763.14599999999996</c:v>
                </c:pt>
                <c:pt idx="3017">
                  <c:v>763.32500000000005</c:v>
                </c:pt>
                <c:pt idx="3018">
                  <c:v>763.59699999999998</c:v>
                </c:pt>
                <c:pt idx="3019">
                  <c:v>763.86599999999999</c:v>
                </c:pt>
                <c:pt idx="3020">
                  <c:v>764.19399999999996</c:v>
                </c:pt>
                <c:pt idx="3021">
                  <c:v>764.54300000000001</c:v>
                </c:pt>
                <c:pt idx="3022">
                  <c:v>764.65200000000004</c:v>
                </c:pt>
                <c:pt idx="3023">
                  <c:v>764.75699999999995</c:v>
                </c:pt>
                <c:pt idx="3024">
                  <c:v>764.98900000000003</c:v>
                </c:pt>
                <c:pt idx="3025">
                  <c:v>765.49300000000005</c:v>
                </c:pt>
                <c:pt idx="3026">
                  <c:v>765.89599999999996</c:v>
                </c:pt>
                <c:pt idx="3027">
                  <c:v>766.23500000000001</c:v>
                </c:pt>
                <c:pt idx="3028">
                  <c:v>766.37400000000002</c:v>
                </c:pt>
                <c:pt idx="3029">
                  <c:v>766.61900000000003</c:v>
                </c:pt>
                <c:pt idx="3030">
                  <c:v>766.80200000000002</c:v>
                </c:pt>
                <c:pt idx="3031">
                  <c:v>767.21699999999998</c:v>
                </c:pt>
                <c:pt idx="3032">
                  <c:v>767.54399999999998</c:v>
                </c:pt>
                <c:pt idx="3033">
                  <c:v>767.46100000000001</c:v>
                </c:pt>
                <c:pt idx="3034">
                  <c:v>767.54700000000003</c:v>
                </c:pt>
                <c:pt idx="3035">
                  <c:v>767.88699999999994</c:v>
                </c:pt>
                <c:pt idx="3036">
                  <c:v>767.98400000000004</c:v>
                </c:pt>
                <c:pt idx="3037">
                  <c:v>768.33699999999999</c:v>
                </c:pt>
                <c:pt idx="3038">
                  <c:v>768.43700000000001</c:v>
                </c:pt>
                <c:pt idx="3039">
                  <c:v>769.25800000000004</c:v>
                </c:pt>
                <c:pt idx="3040">
                  <c:v>769.18299999999999</c:v>
                </c:pt>
                <c:pt idx="3041">
                  <c:v>769.77300000000002</c:v>
                </c:pt>
                <c:pt idx="3042">
                  <c:v>770.04100000000005</c:v>
                </c:pt>
                <c:pt idx="3043">
                  <c:v>770.11699999999996</c:v>
                </c:pt>
                <c:pt idx="3044">
                  <c:v>770.30399999999997</c:v>
                </c:pt>
                <c:pt idx="3045">
                  <c:v>770.56700000000001</c:v>
                </c:pt>
                <c:pt idx="3046">
                  <c:v>770.72699999999998</c:v>
                </c:pt>
                <c:pt idx="3047">
                  <c:v>770.96299999999997</c:v>
                </c:pt>
                <c:pt idx="3048">
                  <c:v>771.16099999999994</c:v>
                </c:pt>
                <c:pt idx="3049">
                  <c:v>771.34</c:v>
                </c:pt>
                <c:pt idx="3050">
                  <c:v>771.66200000000003</c:v>
                </c:pt>
                <c:pt idx="3051">
                  <c:v>772.08600000000001</c:v>
                </c:pt>
                <c:pt idx="3052">
                  <c:v>772.44899999999996</c:v>
                </c:pt>
                <c:pt idx="3053">
                  <c:v>772.79200000000003</c:v>
                </c:pt>
                <c:pt idx="3054">
                  <c:v>773.13599999999997</c:v>
                </c:pt>
                <c:pt idx="3055">
                  <c:v>773.327</c:v>
                </c:pt>
                <c:pt idx="3056">
                  <c:v>773.44799999999998</c:v>
                </c:pt>
                <c:pt idx="3057">
                  <c:v>773.79200000000003</c:v>
                </c:pt>
                <c:pt idx="3058">
                  <c:v>773.88900000000001</c:v>
                </c:pt>
                <c:pt idx="3059">
                  <c:v>774.125</c:v>
                </c:pt>
                <c:pt idx="3060">
                  <c:v>774.28899999999999</c:v>
                </c:pt>
                <c:pt idx="3061">
                  <c:v>774.42399999999998</c:v>
                </c:pt>
                <c:pt idx="3062">
                  <c:v>774.61300000000006</c:v>
                </c:pt>
                <c:pt idx="3063">
                  <c:v>775.14700000000005</c:v>
                </c:pt>
                <c:pt idx="3064">
                  <c:v>775.36500000000001</c:v>
                </c:pt>
                <c:pt idx="3065">
                  <c:v>775.62800000000004</c:v>
                </c:pt>
                <c:pt idx="3066">
                  <c:v>776.029</c:v>
                </c:pt>
                <c:pt idx="3067">
                  <c:v>776.30799999999999</c:v>
                </c:pt>
                <c:pt idx="3068">
                  <c:v>776.54200000000003</c:v>
                </c:pt>
                <c:pt idx="3069">
                  <c:v>776.67899999999997</c:v>
                </c:pt>
                <c:pt idx="3070">
                  <c:v>776.84</c:v>
                </c:pt>
                <c:pt idx="3071">
                  <c:v>777.12599999999998</c:v>
                </c:pt>
                <c:pt idx="3072">
                  <c:v>777.48400000000004</c:v>
                </c:pt>
                <c:pt idx="3073">
                  <c:v>777.70600000000002</c:v>
                </c:pt>
                <c:pt idx="3074">
                  <c:v>777.70299999999997</c:v>
                </c:pt>
                <c:pt idx="3075">
                  <c:v>777.83</c:v>
                </c:pt>
                <c:pt idx="3076">
                  <c:v>778.07899999999995</c:v>
                </c:pt>
                <c:pt idx="3077">
                  <c:v>778.26099999999997</c:v>
                </c:pt>
                <c:pt idx="3078">
                  <c:v>778.52499999999998</c:v>
                </c:pt>
                <c:pt idx="3079">
                  <c:v>778.59299999999996</c:v>
                </c:pt>
                <c:pt idx="3080">
                  <c:v>779.08299999999997</c:v>
                </c:pt>
                <c:pt idx="3081">
                  <c:v>779.76</c:v>
                </c:pt>
                <c:pt idx="3082">
                  <c:v>780.04899999999998</c:v>
                </c:pt>
                <c:pt idx="3083">
                  <c:v>780.16499999999996</c:v>
                </c:pt>
                <c:pt idx="3084">
                  <c:v>780.51400000000001</c:v>
                </c:pt>
                <c:pt idx="3085">
                  <c:v>780.65700000000004</c:v>
                </c:pt>
                <c:pt idx="3086">
                  <c:v>780.91099999999994</c:v>
                </c:pt>
                <c:pt idx="3087">
                  <c:v>780.98500000000001</c:v>
                </c:pt>
                <c:pt idx="3088">
                  <c:v>781.28899999999999</c:v>
                </c:pt>
                <c:pt idx="3089">
                  <c:v>781.56399999999996</c:v>
                </c:pt>
                <c:pt idx="3090">
                  <c:v>781.91499999999996</c:v>
                </c:pt>
                <c:pt idx="3091">
                  <c:v>781.779</c:v>
                </c:pt>
                <c:pt idx="3092">
                  <c:v>782.50900000000001</c:v>
                </c:pt>
                <c:pt idx="3093">
                  <c:v>782.77099999999996</c:v>
                </c:pt>
                <c:pt idx="3094">
                  <c:v>783</c:v>
                </c:pt>
                <c:pt idx="3095">
                  <c:v>783.322</c:v>
                </c:pt>
                <c:pt idx="3096">
                  <c:v>783.40300000000002</c:v>
                </c:pt>
                <c:pt idx="3097">
                  <c:v>783.82</c:v>
                </c:pt>
                <c:pt idx="3098">
                  <c:v>784.13300000000004</c:v>
                </c:pt>
                <c:pt idx="3099">
                  <c:v>784.31600000000003</c:v>
                </c:pt>
                <c:pt idx="3100">
                  <c:v>784.28700000000003</c:v>
                </c:pt>
                <c:pt idx="3101">
                  <c:v>784.58399999999995</c:v>
                </c:pt>
                <c:pt idx="3102">
                  <c:v>784.67600000000004</c:v>
                </c:pt>
                <c:pt idx="3103">
                  <c:v>784.83199999999999</c:v>
                </c:pt>
                <c:pt idx="3104">
                  <c:v>785.13699999999994</c:v>
                </c:pt>
                <c:pt idx="3105">
                  <c:v>785.80399999999997</c:v>
                </c:pt>
                <c:pt idx="3106">
                  <c:v>785.95600000000002</c:v>
                </c:pt>
                <c:pt idx="3107">
                  <c:v>786.20699999999999</c:v>
                </c:pt>
                <c:pt idx="3108">
                  <c:v>786.56899999999996</c:v>
                </c:pt>
                <c:pt idx="3109">
                  <c:v>787.04</c:v>
                </c:pt>
                <c:pt idx="3110">
                  <c:v>787.37400000000002</c:v>
                </c:pt>
                <c:pt idx="3111">
                  <c:v>787.46400000000006</c:v>
                </c:pt>
                <c:pt idx="3112">
                  <c:v>787.42100000000005</c:v>
                </c:pt>
                <c:pt idx="3113">
                  <c:v>787.83600000000001</c:v>
                </c:pt>
                <c:pt idx="3114">
                  <c:v>787.80700000000002</c:v>
                </c:pt>
                <c:pt idx="3115">
                  <c:v>787.94299999999998</c:v>
                </c:pt>
                <c:pt idx="3116">
                  <c:v>788.18</c:v>
                </c:pt>
                <c:pt idx="3117">
                  <c:v>788.54899999999998</c:v>
                </c:pt>
                <c:pt idx="3118">
                  <c:v>788.85400000000004</c:v>
                </c:pt>
                <c:pt idx="3119">
                  <c:v>789.23</c:v>
                </c:pt>
                <c:pt idx="3120">
                  <c:v>789.44</c:v>
                </c:pt>
                <c:pt idx="3121">
                  <c:v>789.93299999999999</c:v>
                </c:pt>
                <c:pt idx="3122">
                  <c:v>790.05899999999997</c:v>
                </c:pt>
                <c:pt idx="3123">
                  <c:v>790.57399999999996</c:v>
                </c:pt>
                <c:pt idx="3124">
                  <c:v>790.971</c:v>
                </c:pt>
                <c:pt idx="3125">
                  <c:v>791.14599999999996</c:v>
                </c:pt>
                <c:pt idx="3126">
                  <c:v>791.32500000000005</c:v>
                </c:pt>
                <c:pt idx="3127">
                  <c:v>791.48099999999999</c:v>
                </c:pt>
                <c:pt idx="3128">
                  <c:v>791.85799999999995</c:v>
                </c:pt>
                <c:pt idx="3129">
                  <c:v>792.11900000000003</c:v>
                </c:pt>
                <c:pt idx="3130">
                  <c:v>792.27800000000002</c:v>
                </c:pt>
                <c:pt idx="3131">
                  <c:v>792.43100000000004</c:v>
                </c:pt>
                <c:pt idx="3132">
                  <c:v>792.447</c:v>
                </c:pt>
                <c:pt idx="3133">
                  <c:v>792.65899999999999</c:v>
                </c:pt>
                <c:pt idx="3134">
                  <c:v>792.95100000000002</c:v>
                </c:pt>
                <c:pt idx="3135">
                  <c:v>793.45399999999995</c:v>
                </c:pt>
                <c:pt idx="3136">
                  <c:v>793.83199999999999</c:v>
                </c:pt>
                <c:pt idx="3137">
                  <c:v>793.94200000000001</c:v>
                </c:pt>
                <c:pt idx="3138">
                  <c:v>794.08199999999999</c:v>
                </c:pt>
                <c:pt idx="3139">
                  <c:v>794.5</c:v>
                </c:pt>
                <c:pt idx="3140">
                  <c:v>794.56700000000001</c:v>
                </c:pt>
                <c:pt idx="3141">
                  <c:v>794.86800000000005</c:v>
                </c:pt>
                <c:pt idx="3142">
                  <c:v>795.12300000000005</c:v>
                </c:pt>
                <c:pt idx="3143">
                  <c:v>795.54499999999996</c:v>
                </c:pt>
                <c:pt idx="3144">
                  <c:v>795.62800000000004</c:v>
                </c:pt>
                <c:pt idx="3145">
                  <c:v>795.61199999999997</c:v>
                </c:pt>
                <c:pt idx="3146">
                  <c:v>795.96900000000005</c:v>
                </c:pt>
                <c:pt idx="3147">
                  <c:v>796.17</c:v>
                </c:pt>
                <c:pt idx="3148">
                  <c:v>796.66600000000005</c:v>
                </c:pt>
                <c:pt idx="3149">
                  <c:v>796.976</c:v>
                </c:pt>
                <c:pt idx="3150">
                  <c:v>797.34299999999996</c:v>
                </c:pt>
                <c:pt idx="3151">
                  <c:v>797.66600000000005</c:v>
                </c:pt>
                <c:pt idx="3152">
                  <c:v>797.71199999999999</c:v>
                </c:pt>
                <c:pt idx="3153">
                  <c:v>798.06899999999996</c:v>
                </c:pt>
                <c:pt idx="3154">
                  <c:v>798.47500000000002</c:v>
                </c:pt>
                <c:pt idx="3155">
                  <c:v>798.71299999999997</c:v>
                </c:pt>
                <c:pt idx="3156">
                  <c:v>798.88900000000001</c:v>
                </c:pt>
                <c:pt idx="3157">
                  <c:v>799.10400000000004</c:v>
                </c:pt>
                <c:pt idx="3158">
                  <c:v>799.40800000000002</c:v>
                </c:pt>
                <c:pt idx="3159">
                  <c:v>799.63099999999997</c:v>
                </c:pt>
                <c:pt idx="3160">
                  <c:v>799.71799999999996</c:v>
                </c:pt>
                <c:pt idx="3161">
                  <c:v>800.053</c:v>
                </c:pt>
                <c:pt idx="3162">
                  <c:v>800.46199999999999</c:v>
                </c:pt>
                <c:pt idx="3163">
                  <c:v>800.62</c:v>
                </c:pt>
                <c:pt idx="3164">
                  <c:v>800.75199999999995</c:v>
                </c:pt>
                <c:pt idx="3165">
                  <c:v>801.19299999999998</c:v>
                </c:pt>
                <c:pt idx="3166">
                  <c:v>801.59799999999996</c:v>
                </c:pt>
                <c:pt idx="3167">
                  <c:v>801.80799999999999</c:v>
                </c:pt>
                <c:pt idx="3168">
                  <c:v>802.18399999999997</c:v>
                </c:pt>
                <c:pt idx="3169">
                  <c:v>802.34400000000005</c:v>
                </c:pt>
                <c:pt idx="3170">
                  <c:v>802.44100000000003</c:v>
                </c:pt>
                <c:pt idx="3171">
                  <c:v>802.75300000000004</c:v>
                </c:pt>
                <c:pt idx="3172">
                  <c:v>803.04300000000001</c:v>
                </c:pt>
                <c:pt idx="3173">
                  <c:v>803.38599999999997</c:v>
                </c:pt>
                <c:pt idx="3174">
                  <c:v>803.61300000000006</c:v>
                </c:pt>
                <c:pt idx="3175">
                  <c:v>803.81700000000001</c:v>
                </c:pt>
                <c:pt idx="3176">
                  <c:v>804.25599999999997</c:v>
                </c:pt>
                <c:pt idx="3177">
                  <c:v>804.52300000000002</c:v>
                </c:pt>
                <c:pt idx="3178">
                  <c:v>804.79600000000005</c:v>
                </c:pt>
                <c:pt idx="3179">
                  <c:v>805.07600000000002</c:v>
                </c:pt>
                <c:pt idx="3180">
                  <c:v>805.62900000000002</c:v>
                </c:pt>
                <c:pt idx="3181">
                  <c:v>805.45899999999995</c:v>
                </c:pt>
                <c:pt idx="3182">
                  <c:v>805.577</c:v>
                </c:pt>
                <c:pt idx="3183">
                  <c:v>805.94500000000005</c:v>
                </c:pt>
                <c:pt idx="3184">
                  <c:v>806.06100000000004</c:v>
                </c:pt>
                <c:pt idx="3185">
                  <c:v>806.35900000000004</c:v>
                </c:pt>
                <c:pt idx="3186">
                  <c:v>806.67200000000003</c:v>
                </c:pt>
                <c:pt idx="3187">
                  <c:v>806.86699999999996</c:v>
                </c:pt>
                <c:pt idx="3188">
                  <c:v>807.17600000000004</c:v>
                </c:pt>
                <c:pt idx="3189">
                  <c:v>807.48400000000004</c:v>
                </c:pt>
                <c:pt idx="3190">
                  <c:v>807.85799999999995</c:v>
                </c:pt>
                <c:pt idx="3191">
                  <c:v>807.97799999999995</c:v>
                </c:pt>
                <c:pt idx="3192">
                  <c:v>808.17899999999997</c:v>
                </c:pt>
                <c:pt idx="3193">
                  <c:v>808.53099999999995</c:v>
                </c:pt>
                <c:pt idx="3194">
                  <c:v>808.74099999999999</c:v>
                </c:pt>
                <c:pt idx="3195">
                  <c:v>809.08299999999997</c:v>
                </c:pt>
                <c:pt idx="3196">
                  <c:v>809.41600000000005</c:v>
                </c:pt>
                <c:pt idx="3197">
                  <c:v>809.56899999999996</c:v>
                </c:pt>
                <c:pt idx="3198">
                  <c:v>809.92</c:v>
                </c:pt>
                <c:pt idx="3199">
                  <c:v>810.22400000000005</c:v>
                </c:pt>
                <c:pt idx="3200">
                  <c:v>810.33600000000001</c:v>
                </c:pt>
                <c:pt idx="3201">
                  <c:v>810.81</c:v>
                </c:pt>
                <c:pt idx="3202">
                  <c:v>811.03800000000001</c:v>
                </c:pt>
                <c:pt idx="3203">
                  <c:v>811.18499999999995</c:v>
                </c:pt>
                <c:pt idx="3204">
                  <c:v>811.15300000000002</c:v>
                </c:pt>
                <c:pt idx="3205">
                  <c:v>811.29200000000003</c:v>
                </c:pt>
                <c:pt idx="3206">
                  <c:v>811.66700000000003</c:v>
                </c:pt>
                <c:pt idx="3207">
                  <c:v>811.91600000000005</c:v>
                </c:pt>
                <c:pt idx="3208">
                  <c:v>812.16800000000001</c:v>
                </c:pt>
                <c:pt idx="3209">
                  <c:v>812.58</c:v>
                </c:pt>
                <c:pt idx="3210">
                  <c:v>813.05399999999997</c:v>
                </c:pt>
                <c:pt idx="3211">
                  <c:v>813.12900000000002</c:v>
                </c:pt>
                <c:pt idx="3212">
                  <c:v>813.25300000000004</c:v>
                </c:pt>
                <c:pt idx="3213">
                  <c:v>813.83100000000002</c:v>
                </c:pt>
                <c:pt idx="3214">
                  <c:v>814.18799999999999</c:v>
                </c:pt>
                <c:pt idx="3215">
                  <c:v>814.46900000000005</c:v>
                </c:pt>
                <c:pt idx="3216">
                  <c:v>814.63400000000001</c:v>
                </c:pt>
                <c:pt idx="3217">
                  <c:v>814.35599999999999</c:v>
                </c:pt>
                <c:pt idx="3218">
                  <c:v>814.80700000000002</c:v>
                </c:pt>
                <c:pt idx="3219">
                  <c:v>815.23599999999999</c:v>
                </c:pt>
                <c:pt idx="3220">
                  <c:v>815.50900000000001</c:v>
                </c:pt>
                <c:pt idx="3221">
                  <c:v>815.67899999999997</c:v>
                </c:pt>
                <c:pt idx="3222">
                  <c:v>815.86699999999996</c:v>
                </c:pt>
                <c:pt idx="3223">
                  <c:v>816.12</c:v>
                </c:pt>
                <c:pt idx="3224">
                  <c:v>816.245</c:v>
                </c:pt>
                <c:pt idx="3225">
                  <c:v>816.71500000000003</c:v>
                </c:pt>
                <c:pt idx="3226">
                  <c:v>817.03499999999997</c:v>
                </c:pt>
                <c:pt idx="3227">
                  <c:v>817.25</c:v>
                </c:pt>
                <c:pt idx="3228">
                  <c:v>817.70100000000002</c:v>
                </c:pt>
                <c:pt idx="3229">
                  <c:v>817.89</c:v>
                </c:pt>
                <c:pt idx="3230">
                  <c:v>818.10199999999998</c:v>
                </c:pt>
                <c:pt idx="3231">
                  <c:v>818.50599999999997</c:v>
                </c:pt>
                <c:pt idx="3232">
                  <c:v>818.822</c:v>
                </c:pt>
                <c:pt idx="3233">
                  <c:v>819.00099999999998</c:v>
                </c:pt>
                <c:pt idx="3234">
                  <c:v>819.00400000000002</c:v>
                </c:pt>
                <c:pt idx="3235">
                  <c:v>819.17499999999995</c:v>
                </c:pt>
                <c:pt idx="3236">
                  <c:v>819.39099999999996</c:v>
                </c:pt>
                <c:pt idx="3237">
                  <c:v>819.75199999999995</c:v>
                </c:pt>
                <c:pt idx="3238">
                  <c:v>820.10199999999998</c:v>
                </c:pt>
                <c:pt idx="3239">
                  <c:v>820.29</c:v>
                </c:pt>
                <c:pt idx="3240">
                  <c:v>820.64400000000001</c:v>
                </c:pt>
                <c:pt idx="3241">
                  <c:v>820.85299999999995</c:v>
                </c:pt>
                <c:pt idx="3242">
                  <c:v>821.29499999999996</c:v>
                </c:pt>
                <c:pt idx="3243">
                  <c:v>821.73699999999997</c:v>
                </c:pt>
                <c:pt idx="3244">
                  <c:v>821.76700000000005</c:v>
                </c:pt>
                <c:pt idx="3245">
                  <c:v>821.94100000000003</c:v>
                </c:pt>
                <c:pt idx="3246">
                  <c:v>822.10799999999995</c:v>
                </c:pt>
                <c:pt idx="3247">
                  <c:v>822.13699999999994</c:v>
                </c:pt>
                <c:pt idx="3248">
                  <c:v>822.43100000000004</c:v>
                </c:pt>
                <c:pt idx="3249">
                  <c:v>822.84100000000001</c:v>
                </c:pt>
                <c:pt idx="3250">
                  <c:v>823.221</c:v>
                </c:pt>
                <c:pt idx="3251">
                  <c:v>823.56600000000003</c:v>
                </c:pt>
                <c:pt idx="3252">
                  <c:v>823.58100000000002</c:v>
                </c:pt>
                <c:pt idx="3253">
                  <c:v>823.91499999999996</c:v>
                </c:pt>
                <c:pt idx="3254">
                  <c:v>824.21299999999997</c:v>
                </c:pt>
                <c:pt idx="3255">
                  <c:v>824.30899999999997</c:v>
                </c:pt>
                <c:pt idx="3256">
                  <c:v>824.67899999999997</c:v>
                </c:pt>
                <c:pt idx="3257">
                  <c:v>824.99599999999998</c:v>
                </c:pt>
                <c:pt idx="3258">
                  <c:v>825.22699999999998</c:v>
                </c:pt>
                <c:pt idx="3259">
                  <c:v>825.35199999999998</c:v>
                </c:pt>
                <c:pt idx="3260">
                  <c:v>825.42100000000005</c:v>
                </c:pt>
                <c:pt idx="3261">
                  <c:v>825.75400000000002</c:v>
                </c:pt>
                <c:pt idx="3262">
                  <c:v>826.16700000000003</c:v>
                </c:pt>
                <c:pt idx="3263">
                  <c:v>826.44100000000003</c:v>
                </c:pt>
                <c:pt idx="3264">
                  <c:v>826.53399999999999</c:v>
                </c:pt>
                <c:pt idx="3265">
                  <c:v>827.04100000000005</c:v>
                </c:pt>
                <c:pt idx="3266">
                  <c:v>827.25300000000004</c:v>
                </c:pt>
                <c:pt idx="3267">
                  <c:v>827.65099999999995</c:v>
                </c:pt>
                <c:pt idx="3268">
                  <c:v>827.78099999999995</c:v>
                </c:pt>
                <c:pt idx="3269">
                  <c:v>828.13400000000001</c:v>
                </c:pt>
                <c:pt idx="3270">
                  <c:v>828.30600000000004</c:v>
                </c:pt>
                <c:pt idx="3271">
                  <c:v>828.71</c:v>
                </c:pt>
                <c:pt idx="3272">
                  <c:v>828.74599999999998</c:v>
                </c:pt>
                <c:pt idx="3273">
                  <c:v>828.86099999999999</c:v>
                </c:pt>
                <c:pt idx="3274">
                  <c:v>829.12699999999995</c:v>
                </c:pt>
                <c:pt idx="3275">
                  <c:v>829.44100000000003</c:v>
                </c:pt>
                <c:pt idx="3276">
                  <c:v>829.90700000000004</c:v>
                </c:pt>
                <c:pt idx="3277">
                  <c:v>830.01700000000005</c:v>
                </c:pt>
                <c:pt idx="3278">
                  <c:v>830.25400000000002</c:v>
                </c:pt>
                <c:pt idx="3279">
                  <c:v>830.69299999999998</c:v>
                </c:pt>
                <c:pt idx="3280">
                  <c:v>831.06100000000004</c:v>
                </c:pt>
                <c:pt idx="3281">
                  <c:v>831.18700000000001</c:v>
                </c:pt>
                <c:pt idx="3282">
                  <c:v>831.66300000000001</c:v>
                </c:pt>
                <c:pt idx="3283">
                  <c:v>831.66899999999998</c:v>
                </c:pt>
                <c:pt idx="3284">
                  <c:v>831.80600000000004</c:v>
                </c:pt>
                <c:pt idx="3285">
                  <c:v>832.17</c:v>
                </c:pt>
                <c:pt idx="3286">
                  <c:v>832.36900000000003</c:v>
                </c:pt>
                <c:pt idx="3287">
                  <c:v>832.57299999999998</c:v>
                </c:pt>
                <c:pt idx="3288">
                  <c:v>833.11199999999997</c:v>
                </c:pt>
                <c:pt idx="3289">
                  <c:v>833.11099999999999</c:v>
                </c:pt>
                <c:pt idx="3290">
                  <c:v>833.28399999999999</c:v>
                </c:pt>
                <c:pt idx="3291">
                  <c:v>833.46600000000001</c:v>
                </c:pt>
                <c:pt idx="3292">
                  <c:v>833.74400000000003</c:v>
                </c:pt>
                <c:pt idx="3293">
                  <c:v>833.98099999999999</c:v>
                </c:pt>
                <c:pt idx="3294">
                  <c:v>834.38599999999997</c:v>
                </c:pt>
                <c:pt idx="3295">
                  <c:v>834.86500000000001</c:v>
                </c:pt>
                <c:pt idx="3296">
                  <c:v>835.20100000000002</c:v>
                </c:pt>
                <c:pt idx="3297">
                  <c:v>835.17899999999997</c:v>
                </c:pt>
                <c:pt idx="3298">
                  <c:v>835.471</c:v>
                </c:pt>
                <c:pt idx="3299">
                  <c:v>835.70699999999999</c:v>
                </c:pt>
                <c:pt idx="3300">
                  <c:v>836.05499999999995</c:v>
                </c:pt>
                <c:pt idx="3301">
                  <c:v>836.10199999999998</c:v>
                </c:pt>
                <c:pt idx="3302">
                  <c:v>836.34900000000005</c:v>
                </c:pt>
                <c:pt idx="3303">
                  <c:v>836.73599999999999</c:v>
                </c:pt>
                <c:pt idx="3304">
                  <c:v>836.92100000000005</c:v>
                </c:pt>
                <c:pt idx="3305">
                  <c:v>837.28</c:v>
                </c:pt>
                <c:pt idx="3306">
                  <c:v>837.452</c:v>
                </c:pt>
                <c:pt idx="3307">
                  <c:v>837.72699999999998</c:v>
                </c:pt>
                <c:pt idx="3308">
                  <c:v>837.93399999999997</c:v>
                </c:pt>
                <c:pt idx="3309">
                  <c:v>838.32600000000002</c:v>
                </c:pt>
                <c:pt idx="3310">
                  <c:v>838.54200000000003</c:v>
                </c:pt>
                <c:pt idx="3311">
                  <c:v>838.65099999999995</c:v>
                </c:pt>
                <c:pt idx="3312">
                  <c:v>838.73199999999997</c:v>
                </c:pt>
                <c:pt idx="3313">
                  <c:v>839.34500000000003</c:v>
                </c:pt>
                <c:pt idx="3314">
                  <c:v>839.63599999999997</c:v>
                </c:pt>
                <c:pt idx="3315">
                  <c:v>840.19399999999996</c:v>
                </c:pt>
                <c:pt idx="3316">
                  <c:v>840.41700000000003</c:v>
                </c:pt>
                <c:pt idx="3317">
                  <c:v>840.67499999999995</c:v>
                </c:pt>
                <c:pt idx="3318">
                  <c:v>840.78</c:v>
                </c:pt>
                <c:pt idx="3319">
                  <c:v>841.07399999999996</c:v>
                </c:pt>
                <c:pt idx="3320">
                  <c:v>841.30399999999997</c:v>
                </c:pt>
                <c:pt idx="3321">
                  <c:v>841.48900000000003</c:v>
                </c:pt>
                <c:pt idx="3322">
                  <c:v>841.69399999999996</c:v>
                </c:pt>
                <c:pt idx="3323">
                  <c:v>841.89099999999996</c:v>
                </c:pt>
                <c:pt idx="3324">
                  <c:v>842.02200000000005</c:v>
                </c:pt>
                <c:pt idx="3325">
                  <c:v>842.23500000000001</c:v>
                </c:pt>
                <c:pt idx="3326">
                  <c:v>842.61199999999997</c:v>
                </c:pt>
                <c:pt idx="3327">
                  <c:v>842.86599999999999</c:v>
                </c:pt>
                <c:pt idx="3328">
                  <c:v>843.28</c:v>
                </c:pt>
                <c:pt idx="3329">
                  <c:v>843.62400000000002</c:v>
                </c:pt>
                <c:pt idx="3330">
                  <c:v>844.20600000000002</c:v>
                </c:pt>
                <c:pt idx="3331">
                  <c:v>844.178</c:v>
                </c:pt>
                <c:pt idx="3332">
                  <c:v>844.34900000000005</c:v>
                </c:pt>
                <c:pt idx="3333">
                  <c:v>844.53899999999999</c:v>
                </c:pt>
                <c:pt idx="3334">
                  <c:v>844.77300000000002</c:v>
                </c:pt>
                <c:pt idx="3335">
                  <c:v>845.01499999999999</c:v>
                </c:pt>
                <c:pt idx="3336">
                  <c:v>845.447</c:v>
                </c:pt>
                <c:pt idx="3337">
                  <c:v>845.89499999999998</c:v>
                </c:pt>
                <c:pt idx="3338">
                  <c:v>846.26499999999999</c:v>
                </c:pt>
                <c:pt idx="3339">
                  <c:v>846.19100000000003</c:v>
                </c:pt>
                <c:pt idx="3340">
                  <c:v>846.47199999999998</c:v>
                </c:pt>
                <c:pt idx="3341">
                  <c:v>846.56200000000001</c:v>
                </c:pt>
                <c:pt idx="3342">
                  <c:v>846.91300000000001</c:v>
                </c:pt>
                <c:pt idx="3343">
                  <c:v>847.07</c:v>
                </c:pt>
                <c:pt idx="3344">
                  <c:v>847.04700000000003</c:v>
                </c:pt>
                <c:pt idx="3345">
                  <c:v>846.93899999999996</c:v>
                </c:pt>
                <c:pt idx="3346">
                  <c:v>846.75900000000001</c:v>
                </c:pt>
                <c:pt idx="3347">
                  <c:v>846.77300000000002</c:v>
                </c:pt>
                <c:pt idx="3348">
                  <c:v>846.89800000000002</c:v>
                </c:pt>
                <c:pt idx="3349">
                  <c:v>847.14700000000005</c:v>
                </c:pt>
                <c:pt idx="3350">
                  <c:v>847.11599999999999</c:v>
                </c:pt>
                <c:pt idx="3351">
                  <c:v>847.20799999999997</c:v>
                </c:pt>
                <c:pt idx="3352">
                  <c:v>847.37</c:v>
                </c:pt>
                <c:pt idx="3353">
                  <c:v>847.33500000000004</c:v>
                </c:pt>
                <c:pt idx="3354">
                  <c:v>847.63599999999997</c:v>
                </c:pt>
                <c:pt idx="3355">
                  <c:v>847.74099999999999</c:v>
                </c:pt>
                <c:pt idx="3356">
                  <c:v>847.65499999999997</c:v>
                </c:pt>
                <c:pt idx="3357">
                  <c:v>847.83399999999995</c:v>
                </c:pt>
                <c:pt idx="3358">
                  <c:v>847.78700000000003</c:v>
                </c:pt>
                <c:pt idx="3359">
                  <c:v>847.97400000000005</c:v>
                </c:pt>
                <c:pt idx="3360">
                  <c:v>848.24800000000005</c:v>
                </c:pt>
                <c:pt idx="3361">
                  <c:v>848.56</c:v>
                </c:pt>
                <c:pt idx="3362">
                  <c:v>848.62099999999998</c:v>
                </c:pt>
                <c:pt idx="3363">
                  <c:v>848.80799999999999</c:v>
                </c:pt>
                <c:pt idx="3364">
                  <c:v>848.87800000000004</c:v>
                </c:pt>
                <c:pt idx="3365">
                  <c:v>848.97</c:v>
                </c:pt>
                <c:pt idx="3366">
                  <c:v>849.00800000000004</c:v>
                </c:pt>
                <c:pt idx="3367">
                  <c:v>849.17399999999998</c:v>
                </c:pt>
                <c:pt idx="3368">
                  <c:v>849.36099999999999</c:v>
                </c:pt>
                <c:pt idx="3369">
                  <c:v>849.58900000000006</c:v>
                </c:pt>
                <c:pt idx="3370">
                  <c:v>849.721</c:v>
                </c:pt>
                <c:pt idx="3371">
                  <c:v>849.85500000000002</c:v>
                </c:pt>
                <c:pt idx="3372">
                  <c:v>849.87800000000004</c:v>
                </c:pt>
                <c:pt idx="3373">
                  <c:v>849.90499999999997</c:v>
                </c:pt>
                <c:pt idx="3374">
                  <c:v>849.9</c:v>
                </c:pt>
                <c:pt idx="3375">
                  <c:v>850.03</c:v>
                </c:pt>
                <c:pt idx="3376">
                  <c:v>850.19100000000003</c:v>
                </c:pt>
                <c:pt idx="3377">
                  <c:v>850.32299999999998</c:v>
                </c:pt>
                <c:pt idx="3378">
                  <c:v>850.33600000000001</c:v>
                </c:pt>
                <c:pt idx="3379">
                  <c:v>850.16399999999999</c:v>
                </c:pt>
                <c:pt idx="3380">
                  <c:v>850.096</c:v>
                </c:pt>
                <c:pt idx="3381">
                  <c:v>850.06500000000005</c:v>
                </c:pt>
                <c:pt idx="3382">
                  <c:v>850.05499999999995</c:v>
                </c:pt>
                <c:pt idx="3383">
                  <c:v>849.98900000000003</c:v>
                </c:pt>
                <c:pt idx="3384">
                  <c:v>849.82600000000002</c:v>
                </c:pt>
                <c:pt idx="3385">
                  <c:v>849.79899999999998</c:v>
                </c:pt>
                <c:pt idx="3386">
                  <c:v>849.91</c:v>
                </c:pt>
                <c:pt idx="3387">
                  <c:v>849.9</c:v>
                </c:pt>
                <c:pt idx="3388">
                  <c:v>849.99</c:v>
                </c:pt>
                <c:pt idx="3389">
                  <c:v>850.03599999999994</c:v>
                </c:pt>
                <c:pt idx="3390">
                  <c:v>849.971</c:v>
                </c:pt>
                <c:pt idx="3391">
                  <c:v>849.86</c:v>
                </c:pt>
                <c:pt idx="3392">
                  <c:v>849.66499999999996</c:v>
                </c:pt>
                <c:pt idx="3393">
                  <c:v>849.702</c:v>
                </c:pt>
                <c:pt idx="3394">
                  <c:v>849.60599999999999</c:v>
                </c:pt>
                <c:pt idx="3395">
                  <c:v>849.58299999999997</c:v>
                </c:pt>
                <c:pt idx="3396">
                  <c:v>849.61699999999996</c:v>
                </c:pt>
                <c:pt idx="3397">
                  <c:v>849.68</c:v>
                </c:pt>
                <c:pt idx="3398">
                  <c:v>849.39400000000001</c:v>
                </c:pt>
                <c:pt idx="3399">
                  <c:v>849.06799999999998</c:v>
                </c:pt>
                <c:pt idx="3400">
                  <c:v>849.13699999999994</c:v>
                </c:pt>
                <c:pt idx="3401">
                  <c:v>849.05499999999995</c:v>
                </c:pt>
                <c:pt idx="3402">
                  <c:v>849.19899999999996</c:v>
                </c:pt>
                <c:pt idx="3403">
                  <c:v>848.875</c:v>
                </c:pt>
                <c:pt idx="3404">
                  <c:v>848.63900000000001</c:v>
                </c:pt>
                <c:pt idx="3405">
                  <c:v>848.44500000000005</c:v>
                </c:pt>
                <c:pt idx="3406">
                  <c:v>848.38</c:v>
                </c:pt>
                <c:pt idx="3407">
                  <c:v>848.23500000000001</c:v>
                </c:pt>
                <c:pt idx="3408">
                  <c:v>848.13499999999999</c:v>
                </c:pt>
                <c:pt idx="3409">
                  <c:v>848.01099999999997</c:v>
                </c:pt>
                <c:pt idx="3410">
                  <c:v>848.09199999999998</c:v>
                </c:pt>
                <c:pt idx="3411">
                  <c:v>848.04399999999998</c:v>
                </c:pt>
                <c:pt idx="3412">
                  <c:v>847.75300000000004</c:v>
                </c:pt>
                <c:pt idx="3413">
                  <c:v>847.61099999999999</c:v>
                </c:pt>
                <c:pt idx="3414">
                  <c:v>847.57</c:v>
                </c:pt>
                <c:pt idx="3415">
                  <c:v>847.49099999999999</c:v>
                </c:pt>
                <c:pt idx="3416">
                  <c:v>847.44200000000001</c:v>
                </c:pt>
                <c:pt idx="3417">
                  <c:v>847.40599999999995</c:v>
                </c:pt>
                <c:pt idx="3418">
                  <c:v>847.21100000000001</c:v>
                </c:pt>
                <c:pt idx="3419">
                  <c:v>847.17600000000004</c:v>
                </c:pt>
                <c:pt idx="3420">
                  <c:v>847.24099999999999</c:v>
                </c:pt>
                <c:pt idx="3421">
                  <c:v>847.07299999999998</c:v>
                </c:pt>
                <c:pt idx="3422">
                  <c:v>846.97299999999996</c:v>
                </c:pt>
                <c:pt idx="3423">
                  <c:v>846.99800000000005</c:v>
                </c:pt>
                <c:pt idx="3424">
                  <c:v>846.86400000000003</c:v>
                </c:pt>
                <c:pt idx="3425">
                  <c:v>846.70299999999997</c:v>
                </c:pt>
                <c:pt idx="3426">
                  <c:v>846.51199999999994</c:v>
                </c:pt>
                <c:pt idx="3427">
                  <c:v>846.31700000000001</c:v>
                </c:pt>
                <c:pt idx="3428">
                  <c:v>846.255</c:v>
                </c:pt>
                <c:pt idx="3429">
                  <c:v>846.35900000000004</c:v>
                </c:pt>
                <c:pt idx="3430">
                  <c:v>846.38599999999997</c:v>
                </c:pt>
                <c:pt idx="3431">
                  <c:v>846.36</c:v>
                </c:pt>
                <c:pt idx="3432">
                  <c:v>846.11199999999997</c:v>
                </c:pt>
                <c:pt idx="3433">
                  <c:v>845.97900000000004</c:v>
                </c:pt>
                <c:pt idx="3434">
                  <c:v>845.93600000000004</c:v>
                </c:pt>
                <c:pt idx="3435">
                  <c:v>846.02800000000002</c:v>
                </c:pt>
                <c:pt idx="3436">
                  <c:v>846.04100000000005</c:v>
                </c:pt>
                <c:pt idx="3437">
                  <c:v>846.06100000000004</c:v>
                </c:pt>
                <c:pt idx="3438">
                  <c:v>845.95100000000002</c:v>
                </c:pt>
                <c:pt idx="3439">
                  <c:v>845.69799999999998</c:v>
                </c:pt>
                <c:pt idx="3440">
                  <c:v>845.79</c:v>
                </c:pt>
                <c:pt idx="3441">
                  <c:v>845.59</c:v>
                </c:pt>
                <c:pt idx="3442">
                  <c:v>845.52300000000002</c:v>
                </c:pt>
                <c:pt idx="3443">
                  <c:v>845.38</c:v>
                </c:pt>
                <c:pt idx="3444">
                  <c:v>845.36400000000003</c:v>
                </c:pt>
                <c:pt idx="3445">
                  <c:v>845.51199999999994</c:v>
                </c:pt>
                <c:pt idx="3446">
                  <c:v>845.43700000000001</c:v>
                </c:pt>
                <c:pt idx="3447">
                  <c:v>845.428</c:v>
                </c:pt>
                <c:pt idx="3448">
                  <c:v>845.35599999999999</c:v>
                </c:pt>
                <c:pt idx="3449">
                  <c:v>845.05200000000002</c:v>
                </c:pt>
                <c:pt idx="3450">
                  <c:v>845.07799999999997</c:v>
                </c:pt>
                <c:pt idx="3451">
                  <c:v>845.053</c:v>
                </c:pt>
                <c:pt idx="3452">
                  <c:v>845.01</c:v>
                </c:pt>
                <c:pt idx="3453">
                  <c:v>844.85599999999999</c:v>
                </c:pt>
                <c:pt idx="3454">
                  <c:v>844.70699999999999</c:v>
                </c:pt>
                <c:pt idx="3455">
                  <c:v>844.69600000000003</c:v>
                </c:pt>
                <c:pt idx="3456">
                  <c:v>844.77</c:v>
                </c:pt>
                <c:pt idx="3457">
                  <c:v>844.73900000000003</c:v>
                </c:pt>
                <c:pt idx="3458">
                  <c:v>844.76199999999994</c:v>
                </c:pt>
                <c:pt idx="3459">
                  <c:v>844.673</c:v>
                </c:pt>
                <c:pt idx="3460">
                  <c:v>844.54100000000005</c:v>
                </c:pt>
                <c:pt idx="3461">
                  <c:v>844.56200000000001</c:v>
                </c:pt>
                <c:pt idx="3462">
                  <c:v>844.40300000000002</c:v>
                </c:pt>
                <c:pt idx="3463">
                  <c:v>844.20399999999995</c:v>
                </c:pt>
                <c:pt idx="3464">
                  <c:v>844.35299999999995</c:v>
                </c:pt>
                <c:pt idx="3465">
                  <c:v>844.25699999999995</c:v>
                </c:pt>
                <c:pt idx="3466">
                  <c:v>844.173</c:v>
                </c:pt>
                <c:pt idx="3467">
                  <c:v>844.07299999999998</c:v>
                </c:pt>
                <c:pt idx="3468">
                  <c:v>844.15499999999997</c:v>
                </c:pt>
                <c:pt idx="3469">
                  <c:v>843.88900000000001</c:v>
                </c:pt>
                <c:pt idx="3470">
                  <c:v>844.03</c:v>
                </c:pt>
                <c:pt idx="3471">
                  <c:v>843.94899999999996</c:v>
                </c:pt>
                <c:pt idx="3472">
                  <c:v>843.928</c:v>
                </c:pt>
                <c:pt idx="3473">
                  <c:v>843.97699999999998</c:v>
                </c:pt>
                <c:pt idx="3474">
                  <c:v>844.024</c:v>
                </c:pt>
                <c:pt idx="3475">
                  <c:v>843.84</c:v>
                </c:pt>
                <c:pt idx="3476">
                  <c:v>843.70799999999997</c:v>
                </c:pt>
                <c:pt idx="3477">
                  <c:v>843.62599999999998</c:v>
                </c:pt>
                <c:pt idx="3478">
                  <c:v>843.43200000000002</c:v>
                </c:pt>
                <c:pt idx="3479">
                  <c:v>843.46199999999999</c:v>
                </c:pt>
                <c:pt idx="3480">
                  <c:v>843.58900000000006</c:v>
                </c:pt>
                <c:pt idx="3481">
                  <c:v>843.59699999999998</c:v>
                </c:pt>
                <c:pt idx="3482">
                  <c:v>843.55899999999997</c:v>
                </c:pt>
                <c:pt idx="3483">
                  <c:v>843.09400000000005</c:v>
                </c:pt>
                <c:pt idx="3484">
                  <c:v>843.29499999999996</c:v>
                </c:pt>
                <c:pt idx="3485">
                  <c:v>843.26400000000001</c:v>
                </c:pt>
                <c:pt idx="3486">
                  <c:v>843.245</c:v>
                </c:pt>
                <c:pt idx="3487">
                  <c:v>843.27599999999995</c:v>
                </c:pt>
                <c:pt idx="3488">
                  <c:v>843.25900000000001</c:v>
                </c:pt>
                <c:pt idx="3489">
                  <c:v>843.17</c:v>
                </c:pt>
                <c:pt idx="3490">
                  <c:v>843.08799999999997</c:v>
                </c:pt>
                <c:pt idx="3491">
                  <c:v>843.053</c:v>
                </c:pt>
                <c:pt idx="3492">
                  <c:v>842.91600000000005</c:v>
                </c:pt>
                <c:pt idx="3493">
                  <c:v>842.85699999999997</c:v>
                </c:pt>
                <c:pt idx="3494">
                  <c:v>842.952</c:v>
                </c:pt>
                <c:pt idx="3495">
                  <c:v>842.93799999999999</c:v>
                </c:pt>
                <c:pt idx="3496">
                  <c:v>842.92499999999995</c:v>
                </c:pt>
                <c:pt idx="3497">
                  <c:v>842.87300000000005</c:v>
                </c:pt>
                <c:pt idx="3498">
                  <c:v>842.75400000000002</c:v>
                </c:pt>
                <c:pt idx="3499">
                  <c:v>842.78599999999994</c:v>
                </c:pt>
                <c:pt idx="3500">
                  <c:v>842.68200000000002</c:v>
                </c:pt>
                <c:pt idx="3501">
                  <c:v>842.774</c:v>
                </c:pt>
                <c:pt idx="3502">
                  <c:v>842.81500000000005</c:v>
                </c:pt>
                <c:pt idx="3503">
                  <c:v>842.9</c:v>
                </c:pt>
                <c:pt idx="3504">
                  <c:v>842.79300000000001</c:v>
                </c:pt>
                <c:pt idx="3505">
                  <c:v>842.75900000000001</c:v>
                </c:pt>
                <c:pt idx="3506">
                  <c:v>842.72</c:v>
                </c:pt>
                <c:pt idx="3507">
                  <c:v>842.62300000000005</c:v>
                </c:pt>
                <c:pt idx="3508">
                  <c:v>842.31399999999996</c:v>
                </c:pt>
                <c:pt idx="3509">
                  <c:v>842.44799999999998</c:v>
                </c:pt>
                <c:pt idx="3510">
                  <c:v>842.56700000000001</c:v>
                </c:pt>
                <c:pt idx="3511">
                  <c:v>842.76</c:v>
                </c:pt>
                <c:pt idx="3512">
                  <c:v>842.50199999999995</c:v>
                </c:pt>
                <c:pt idx="3513">
                  <c:v>842.51</c:v>
                </c:pt>
                <c:pt idx="3514">
                  <c:v>842.255</c:v>
                </c:pt>
                <c:pt idx="3515">
                  <c:v>842.16300000000001</c:v>
                </c:pt>
                <c:pt idx="3516">
                  <c:v>842.08399999999995</c:v>
                </c:pt>
                <c:pt idx="3517">
                  <c:v>842.07600000000002</c:v>
                </c:pt>
                <c:pt idx="3518">
                  <c:v>841.94600000000003</c:v>
                </c:pt>
                <c:pt idx="3519">
                  <c:v>842.077</c:v>
                </c:pt>
                <c:pt idx="3520">
                  <c:v>842.08199999999999</c:v>
                </c:pt>
                <c:pt idx="3521">
                  <c:v>842.28599999999994</c:v>
                </c:pt>
                <c:pt idx="3522">
                  <c:v>842.08399999999995</c:v>
                </c:pt>
                <c:pt idx="3523">
                  <c:v>841.89599999999996</c:v>
                </c:pt>
                <c:pt idx="3524">
                  <c:v>841.91099999999994</c:v>
                </c:pt>
                <c:pt idx="3525">
                  <c:v>841.81</c:v>
                </c:pt>
                <c:pt idx="3526">
                  <c:v>841.81899999999996</c:v>
                </c:pt>
                <c:pt idx="3527">
                  <c:v>841.74199999999996</c:v>
                </c:pt>
                <c:pt idx="3528">
                  <c:v>841.90800000000002</c:v>
                </c:pt>
                <c:pt idx="3529">
                  <c:v>841.78399999999999</c:v>
                </c:pt>
                <c:pt idx="3530">
                  <c:v>841.72400000000005</c:v>
                </c:pt>
                <c:pt idx="3531">
                  <c:v>841.74</c:v>
                </c:pt>
                <c:pt idx="3532">
                  <c:v>841.70299999999997</c:v>
                </c:pt>
                <c:pt idx="3533">
                  <c:v>841.81</c:v>
                </c:pt>
                <c:pt idx="3534">
                  <c:v>841.78800000000001</c:v>
                </c:pt>
                <c:pt idx="3535">
                  <c:v>841.76</c:v>
                </c:pt>
                <c:pt idx="3536">
                  <c:v>841.548</c:v>
                </c:pt>
                <c:pt idx="3537">
                  <c:v>841.44500000000005</c:v>
                </c:pt>
                <c:pt idx="3538">
                  <c:v>841.45</c:v>
                </c:pt>
                <c:pt idx="3539">
                  <c:v>841.45600000000002</c:v>
                </c:pt>
                <c:pt idx="3540">
                  <c:v>841.42</c:v>
                </c:pt>
                <c:pt idx="3541">
                  <c:v>841.38800000000003</c:v>
                </c:pt>
                <c:pt idx="3542">
                  <c:v>841.46699999999998</c:v>
                </c:pt>
                <c:pt idx="3543">
                  <c:v>841.28800000000001</c:v>
                </c:pt>
                <c:pt idx="3544">
                  <c:v>841.50800000000004</c:v>
                </c:pt>
                <c:pt idx="3545">
                  <c:v>841.42399999999998</c:v>
                </c:pt>
                <c:pt idx="3546">
                  <c:v>841.553</c:v>
                </c:pt>
                <c:pt idx="3547">
                  <c:v>841.21199999999999</c:v>
                </c:pt>
                <c:pt idx="3548">
                  <c:v>841.5</c:v>
                </c:pt>
                <c:pt idx="3549">
                  <c:v>841.399</c:v>
                </c:pt>
                <c:pt idx="3550">
                  <c:v>841.51900000000001</c:v>
                </c:pt>
                <c:pt idx="3551">
                  <c:v>841.33600000000001</c:v>
                </c:pt>
                <c:pt idx="3552">
                  <c:v>841.37400000000002</c:v>
                </c:pt>
                <c:pt idx="3553">
                  <c:v>841.15200000000004</c:v>
                </c:pt>
                <c:pt idx="3554">
                  <c:v>841.11800000000005</c:v>
                </c:pt>
                <c:pt idx="3555">
                  <c:v>841.40499999999997</c:v>
                </c:pt>
                <c:pt idx="3556">
                  <c:v>841.42399999999998</c:v>
                </c:pt>
                <c:pt idx="3557">
                  <c:v>841.423</c:v>
                </c:pt>
                <c:pt idx="3558">
                  <c:v>841.44500000000005</c:v>
                </c:pt>
                <c:pt idx="3559">
                  <c:v>841.35</c:v>
                </c:pt>
                <c:pt idx="3560">
                  <c:v>841.24</c:v>
                </c:pt>
                <c:pt idx="3561">
                  <c:v>841.226</c:v>
                </c:pt>
                <c:pt idx="3562">
                  <c:v>840.93200000000002</c:v>
                </c:pt>
                <c:pt idx="3563">
                  <c:v>840.98099999999999</c:v>
                </c:pt>
                <c:pt idx="3564">
                  <c:v>840.95899999999995</c:v>
                </c:pt>
                <c:pt idx="3565">
                  <c:v>841.16700000000003</c:v>
                </c:pt>
                <c:pt idx="3566">
                  <c:v>840.98900000000003</c:v>
                </c:pt>
                <c:pt idx="3567">
                  <c:v>840.76</c:v>
                </c:pt>
                <c:pt idx="3568">
                  <c:v>840.80899999999997</c:v>
                </c:pt>
                <c:pt idx="3569">
                  <c:v>841.07600000000002</c:v>
                </c:pt>
                <c:pt idx="3570">
                  <c:v>841.19</c:v>
                </c:pt>
                <c:pt idx="3571">
                  <c:v>840.99400000000003</c:v>
                </c:pt>
                <c:pt idx="3572">
                  <c:v>841.05200000000002</c:v>
                </c:pt>
                <c:pt idx="3573">
                  <c:v>840.91</c:v>
                </c:pt>
                <c:pt idx="3574">
                  <c:v>840.92</c:v>
                </c:pt>
                <c:pt idx="3575">
                  <c:v>841.05100000000004</c:v>
                </c:pt>
                <c:pt idx="3576">
                  <c:v>840.97199999999998</c:v>
                </c:pt>
                <c:pt idx="3577">
                  <c:v>840.721</c:v>
                </c:pt>
                <c:pt idx="3578">
                  <c:v>840.90499999999997</c:v>
                </c:pt>
                <c:pt idx="3579">
                  <c:v>840.73</c:v>
                </c:pt>
                <c:pt idx="3580">
                  <c:v>840.80499999999995</c:v>
                </c:pt>
                <c:pt idx="3581">
                  <c:v>840.80600000000004</c:v>
                </c:pt>
                <c:pt idx="3582">
                  <c:v>840.55399999999997</c:v>
                </c:pt>
                <c:pt idx="3583">
                  <c:v>840.35799999999995</c:v>
                </c:pt>
                <c:pt idx="3584">
                  <c:v>840.38499999999999</c:v>
                </c:pt>
                <c:pt idx="3585">
                  <c:v>840.53099999999995</c:v>
                </c:pt>
                <c:pt idx="3586">
                  <c:v>840.37900000000002</c:v>
                </c:pt>
                <c:pt idx="3587">
                  <c:v>840.52300000000002</c:v>
                </c:pt>
                <c:pt idx="3588">
                  <c:v>840.452</c:v>
                </c:pt>
                <c:pt idx="3589">
                  <c:v>840.577</c:v>
                </c:pt>
                <c:pt idx="3590">
                  <c:v>840.43899999999996</c:v>
                </c:pt>
                <c:pt idx="3591">
                  <c:v>840.36099999999999</c:v>
                </c:pt>
                <c:pt idx="3592">
                  <c:v>840.38900000000001</c:v>
                </c:pt>
                <c:pt idx="3593">
                  <c:v>840.26800000000003</c:v>
                </c:pt>
                <c:pt idx="3594">
                  <c:v>840.25199999999995</c:v>
                </c:pt>
                <c:pt idx="3595">
                  <c:v>840.52200000000005</c:v>
                </c:pt>
                <c:pt idx="3596">
                  <c:v>840.48</c:v>
                </c:pt>
                <c:pt idx="3597">
                  <c:v>840.64300000000003</c:v>
                </c:pt>
                <c:pt idx="3598">
                  <c:v>840.45100000000002</c:v>
                </c:pt>
                <c:pt idx="3599">
                  <c:v>840.46</c:v>
                </c:pt>
                <c:pt idx="3600">
                  <c:v>840.48500000000001</c:v>
                </c:pt>
                <c:pt idx="3601">
                  <c:v>840.37099999999998</c:v>
                </c:pt>
                <c:pt idx="3602">
                  <c:v>840.279</c:v>
                </c:pt>
                <c:pt idx="3603">
                  <c:v>840.28300000000002</c:v>
                </c:pt>
                <c:pt idx="3604">
                  <c:v>839.98299999999995</c:v>
                </c:pt>
                <c:pt idx="3605">
                  <c:v>839.88300000000004</c:v>
                </c:pt>
                <c:pt idx="3606">
                  <c:v>839.84400000000005</c:v>
                </c:pt>
                <c:pt idx="3607">
                  <c:v>840.07600000000002</c:v>
                </c:pt>
                <c:pt idx="3608">
                  <c:v>840.24800000000005</c:v>
                </c:pt>
                <c:pt idx="3609">
                  <c:v>840.09400000000005</c:v>
                </c:pt>
                <c:pt idx="3610">
                  <c:v>840.15200000000004</c:v>
                </c:pt>
                <c:pt idx="3611">
                  <c:v>840.1</c:v>
                </c:pt>
                <c:pt idx="3612">
                  <c:v>840.12699999999995</c:v>
                </c:pt>
                <c:pt idx="3613">
                  <c:v>840.14400000000001</c:v>
                </c:pt>
                <c:pt idx="3614">
                  <c:v>840.26</c:v>
                </c:pt>
                <c:pt idx="3615">
                  <c:v>840.13</c:v>
                </c:pt>
                <c:pt idx="3616">
                  <c:v>840.01</c:v>
                </c:pt>
                <c:pt idx="3617">
                  <c:v>839.89</c:v>
                </c:pt>
                <c:pt idx="3618">
                  <c:v>839.98800000000006</c:v>
                </c:pt>
                <c:pt idx="3619">
                  <c:v>840.02499999999998</c:v>
                </c:pt>
                <c:pt idx="3620">
                  <c:v>839.98500000000001</c:v>
                </c:pt>
                <c:pt idx="3621">
                  <c:v>840.11900000000003</c:v>
                </c:pt>
                <c:pt idx="3622">
                  <c:v>840.298</c:v>
                </c:pt>
                <c:pt idx="3623">
                  <c:v>840.29100000000005</c:v>
                </c:pt>
                <c:pt idx="3624">
                  <c:v>840.10900000000004</c:v>
                </c:pt>
                <c:pt idx="3625">
                  <c:v>840.12199999999996</c:v>
                </c:pt>
                <c:pt idx="3626">
                  <c:v>840.03899999999999</c:v>
                </c:pt>
                <c:pt idx="3627">
                  <c:v>839.91700000000003</c:v>
                </c:pt>
                <c:pt idx="3628">
                  <c:v>840.05799999999999</c:v>
                </c:pt>
                <c:pt idx="3629">
                  <c:v>840.05399999999997</c:v>
                </c:pt>
                <c:pt idx="3630">
                  <c:v>840.09100000000001</c:v>
                </c:pt>
                <c:pt idx="3631">
                  <c:v>840.048</c:v>
                </c:pt>
                <c:pt idx="3632">
                  <c:v>839.70399999999995</c:v>
                </c:pt>
                <c:pt idx="3633">
                  <c:v>839.7</c:v>
                </c:pt>
                <c:pt idx="3634">
                  <c:v>839.72</c:v>
                </c:pt>
                <c:pt idx="3635">
                  <c:v>839.827</c:v>
                </c:pt>
                <c:pt idx="3636">
                  <c:v>839.61900000000003</c:v>
                </c:pt>
                <c:pt idx="3637">
                  <c:v>839.75400000000002</c:v>
                </c:pt>
                <c:pt idx="3638">
                  <c:v>839.76</c:v>
                </c:pt>
                <c:pt idx="3639">
                  <c:v>839.82399999999996</c:v>
                </c:pt>
                <c:pt idx="3640">
                  <c:v>839.822</c:v>
                </c:pt>
              </c:numCache>
            </c:numRef>
          </c:xVal>
          <c:yVal>
            <c:numRef>
              <c:f>'TG (2)'!$I$3:$I$3643</c:f>
              <c:numCache>
                <c:formatCode>General</c:formatCode>
                <c:ptCount val="3641"/>
                <c:pt idx="0">
                  <c:v>100</c:v>
                </c:pt>
                <c:pt idx="1">
                  <c:v>99.952689324459826</c:v>
                </c:pt>
                <c:pt idx="2">
                  <c:v>99.950991760645778</c:v>
                </c:pt>
                <c:pt idx="3">
                  <c:v>99.947635862433572</c:v>
                </c:pt>
                <c:pt idx="4">
                  <c:v>99.902026317017985</c:v>
                </c:pt>
                <c:pt idx="5">
                  <c:v>99.919479840769938</c:v>
                </c:pt>
                <c:pt idx="6">
                  <c:v>99.889073477159556</c:v>
                </c:pt>
                <c:pt idx="7">
                  <c:v>99.867119269514035</c:v>
                </c:pt>
                <c:pt idx="8">
                  <c:v>99.881769673186511</c:v>
                </c:pt>
                <c:pt idx="9">
                  <c:v>99.836712905903653</c:v>
                </c:pt>
                <c:pt idx="10">
                  <c:v>99.840108033531735</c:v>
                </c:pt>
                <c:pt idx="11">
                  <c:v>99.832761433832303</c:v>
                </c:pt>
                <c:pt idx="12">
                  <c:v>99.791695368036656</c:v>
                </c:pt>
                <c:pt idx="13">
                  <c:v>99.809701669921353</c:v>
                </c:pt>
                <c:pt idx="14">
                  <c:v>99.77704496436418</c:v>
                </c:pt>
                <c:pt idx="15">
                  <c:v>99.759591440612212</c:v>
                </c:pt>
                <c:pt idx="16">
                  <c:v>99.769145586532019</c:v>
                </c:pt>
                <c:pt idx="17">
                  <c:v>99.723536041116432</c:v>
                </c:pt>
                <c:pt idx="18">
                  <c:v>99.731435418948593</c:v>
                </c:pt>
                <c:pt idx="19">
                  <c:v>99.719627364771497</c:v>
                </c:pt>
                <c:pt idx="20">
                  <c:v>99.683575531586229</c:v>
                </c:pt>
                <c:pt idx="21">
                  <c:v>99.701029055338196</c:v>
                </c:pt>
                <c:pt idx="22">
                  <c:v>99.665565663391007</c:v>
                </c:pt>
                <c:pt idx="23">
                  <c:v>99.65486673178988</c:v>
                </c:pt>
                <c:pt idx="24">
                  <c:v>99.66331532144423</c:v>
                </c:pt>
                <c:pt idx="25">
                  <c:v>99.621653681789454</c:v>
                </c:pt>
                <c:pt idx="26">
                  <c:v>99.632908957833834</c:v>
                </c:pt>
                <c:pt idx="27">
                  <c:v>99.618258554161372</c:v>
                </c:pt>
                <c:pt idx="28">
                  <c:v>99.589549754365009</c:v>
                </c:pt>
                <c:pt idx="29">
                  <c:v>99.608151630108836</c:v>
                </c:pt>
                <c:pt idx="30">
                  <c:v>99.573793794427104</c:v>
                </c:pt>
                <c:pt idx="31">
                  <c:v>99.568187554268107</c:v>
                </c:pt>
                <c:pt idx="32">
                  <c:v>99.573241016294361</c:v>
                </c:pt>
                <c:pt idx="33">
                  <c:v>99.534386063029629</c:v>
                </c:pt>
                <c:pt idx="34">
                  <c:v>99.547891681020772</c:v>
                </c:pt>
                <c:pt idx="35">
                  <c:v>99.531579376639584</c:v>
                </c:pt>
                <c:pt idx="36">
                  <c:v>99.506822048914586</c:v>
                </c:pt>
                <c:pt idx="37">
                  <c:v>99.523130786985234</c:v>
                </c:pt>
                <c:pt idx="38">
                  <c:v>99.487118183215856</c:v>
                </c:pt>
                <c:pt idx="39">
                  <c:v>99.484272267409963</c:v>
                </c:pt>
                <c:pt idx="40">
                  <c:v>99.485417053091282</c:v>
                </c:pt>
                <c:pt idx="41">
                  <c:v>99.448812441773299</c:v>
                </c:pt>
                <c:pt idx="42">
                  <c:v>99.465121179843948</c:v>
                </c:pt>
                <c:pt idx="43">
                  <c:v>99.443166972198441</c:v>
                </c:pt>
                <c:pt idx="44">
                  <c:v>99.424051547737761</c:v>
                </c:pt>
                <c:pt idx="45">
                  <c:v>99.439807507675681</c:v>
                </c:pt>
                <c:pt idx="46">
                  <c:v>99.405453238304474</c:v>
                </c:pt>
                <c:pt idx="47">
                  <c:v>99.409953922198014</c:v>
                </c:pt>
                <c:pt idx="48">
                  <c:v>99.407703580251251</c:v>
                </c:pt>
                <c:pt idx="49">
                  <c:v>99.375046874694078</c:v>
                </c:pt>
                <c:pt idx="50">
                  <c:v>99.392500398446046</c:v>
                </c:pt>
                <c:pt idx="51">
                  <c:v>99.369440634535096</c:v>
                </c:pt>
                <c:pt idx="52">
                  <c:v>99.356487794676667</c:v>
                </c:pt>
                <c:pt idx="53">
                  <c:v>99.369440634535096</c:v>
                </c:pt>
                <c:pt idx="54">
                  <c:v>99.334530020720635</c:v>
                </c:pt>
                <c:pt idx="55">
                  <c:v>99.34239016913692</c:v>
                </c:pt>
                <c:pt idx="56">
                  <c:v>99.336231150845208</c:v>
                </c:pt>
                <c:pt idx="57">
                  <c:v>99.30752235104886</c:v>
                </c:pt>
                <c:pt idx="58">
                  <c:v>99.324383867252237</c:v>
                </c:pt>
                <c:pt idx="59">
                  <c:v>99.297925409402637</c:v>
                </c:pt>
                <c:pt idx="60">
                  <c:v>99.288367697172305</c:v>
                </c:pt>
                <c:pt idx="61">
                  <c:v>99.29847818753538</c:v>
                </c:pt>
                <c:pt idx="62">
                  <c:v>99.26471592571275</c:v>
                </c:pt>
                <c:pt idx="63">
                  <c:v>99.275967635446605</c:v>
                </c:pt>
                <c:pt idx="64">
                  <c:v>99.266413489526812</c:v>
                </c:pt>
                <c:pt idx="65">
                  <c:v>99.241613366075399</c:v>
                </c:pt>
                <c:pt idx="66">
                  <c:v>99.259066889827366</c:v>
                </c:pt>
                <c:pt idx="67">
                  <c:v>99.232611998288306</c:v>
                </c:pt>
                <c:pt idx="68">
                  <c:v>99.22925253376556</c:v>
                </c:pt>
                <c:pt idx="69">
                  <c:v>99.237112682181845</c:v>
                </c:pt>
                <c:pt idx="70">
                  <c:v>99.205047984173291</c:v>
                </c:pt>
                <c:pt idx="71">
                  <c:v>99.218553602164434</c:v>
                </c:pt>
                <c:pt idx="72">
                  <c:v>99.207298326120053</c:v>
                </c:pt>
                <c:pt idx="73">
                  <c:v>99.187041682288594</c:v>
                </c:pt>
                <c:pt idx="74">
                  <c:v>99.203903198491972</c:v>
                </c:pt>
                <c:pt idx="75">
                  <c:v>99.175194398695623</c:v>
                </c:pt>
                <c:pt idx="76">
                  <c:v>99.174641620562895</c:v>
                </c:pt>
                <c:pt idx="77">
                  <c:v>99.179142304456434</c:v>
                </c:pt>
                <c:pt idx="78">
                  <c:v>99.149288718978767</c:v>
                </c:pt>
                <c:pt idx="79">
                  <c:v>99.163939122651229</c:v>
                </c:pt>
                <c:pt idx="80">
                  <c:v>99.148735940846038</c:v>
                </c:pt>
                <c:pt idx="81">
                  <c:v>99.130729638961341</c:v>
                </c:pt>
                <c:pt idx="82">
                  <c:v>99.144235256952513</c:v>
                </c:pt>
                <c:pt idx="83">
                  <c:v>99.117224020970198</c:v>
                </c:pt>
                <c:pt idx="84">
                  <c:v>99.122830261129181</c:v>
                </c:pt>
                <c:pt idx="85">
                  <c:v>99.125676176935073</c:v>
                </c:pt>
                <c:pt idx="86">
                  <c:v>99.096928147722863</c:v>
                </c:pt>
                <c:pt idx="87">
                  <c:v>99.113276115209374</c:v>
                </c:pt>
                <c:pt idx="88">
                  <c:v>99.096928147722863</c:v>
                </c:pt>
                <c:pt idx="89">
                  <c:v>99.084567315413025</c:v>
                </c:pt>
                <c:pt idx="90">
                  <c:v>99.098625711536897</c:v>
                </c:pt>
                <c:pt idx="91">
                  <c:v>99.070469689873278</c:v>
                </c:pt>
                <c:pt idx="92">
                  <c:v>99.076667937580879</c:v>
                </c:pt>
                <c:pt idx="93">
                  <c:v>99.074970373766817</c:v>
                </c:pt>
                <c:pt idx="94">
                  <c:v>99.050762257864008</c:v>
                </c:pt>
                <c:pt idx="95">
                  <c:v>99.067113791661072</c:v>
                </c:pt>
                <c:pt idx="96">
                  <c:v>99.047959137784531</c:v>
                </c:pt>
                <c:pt idx="97">
                  <c:v>99.039510548130167</c:v>
                </c:pt>
                <c:pt idx="98">
                  <c:v>99.050762257864008</c:v>
                </c:pt>
                <c:pt idx="99">
                  <c:v>99.023201810059518</c:v>
                </c:pt>
                <c:pt idx="100">
                  <c:v>99.031650399713868</c:v>
                </c:pt>
                <c:pt idx="101">
                  <c:v>99.027149715820329</c:v>
                </c:pt>
                <c:pt idx="102">
                  <c:v>99.002902370501644</c:v>
                </c:pt>
                <c:pt idx="103">
                  <c:v>99.019803116120883</c:v>
                </c:pt>
                <c:pt idx="104">
                  <c:v>99.000099250422153</c:v>
                </c:pt>
                <c:pt idx="105">
                  <c:v>98.997296130342662</c:v>
                </c:pt>
                <c:pt idx="106">
                  <c:v>99.007998628254327</c:v>
                </c:pt>
                <c:pt idx="107">
                  <c:v>98.980948162856151</c:v>
                </c:pt>
                <c:pt idx="108">
                  <c:v>98.991097882635074</c:v>
                </c:pt>
                <c:pt idx="109">
                  <c:v>98.984343290484233</c:v>
                </c:pt>
                <c:pt idx="110">
                  <c:v>98.966336988599551</c:v>
                </c:pt>
                <c:pt idx="111">
                  <c:v>98.981540170404742</c:v>
                </c:pt>
                <c:pt idx="112">
                  <c:v>98.959582396448695</c:v>
                </c:pt>
                <c:pt idx="113">
                  <c:v>98.958990388900105</c:v>
                </c:pt>
                <c:pt idx="114">
                  <c:v>98.965192202918232</c:v>
                </c:pt>
                <c:pt idx="115">
                  <c:v>98.940431308882694</c:v>
                </c:pt>
                <c:pt idx="116">
                  <c:v>98.952831370608394</c:v>
                </c:pt>
                <c:pt idx="117">
                  <c:v>98.943234428962185</c:v>
                </c:pt>
                <c:pt idx="118">
                  <c:v>98.927478469024265</c:v>
                </c:pt>
                <c:pt idx="119">
                  <c:v>98.942128872696728</c:v>
                </c:pt>
                <c:pt idx="120">
                  <c:v>98.920174665051221</c:v>
                </c:pt>
                <c:pt idx="121">
                  <c:v>98.921832999449393</c:v>
                </c:pt>
                <c:pt idx="122">
                  <c:v>98.926372912758808</c:v>
                </c:pt>
                <c:pt idx="123">
                  <c:v>98.902129133750663</c:v>
                </c:pt>
                <c:pt idx="124">
                  <c:v>98.91622675929041</c:v>
                </c:pt>
                <c:pt idx="125">
                  <c:v>98.904418705113301</c:v>
                </c:pt>
                <c:pt idx="126">
                  <c:v>98.89257142152033</c:v>
                </c:pt>
                <c:pt idx="127">
                  <c:v>98.906669047060063</c:v>
                </c:pt>
                <c:pt idx="128">
                  <c:v>98.883566487422712</c:v>
                </c:pt>
                <c:pt idx="129">
                  <c:v>98.888070737626791</c:v>
                </c:pt>
                <c:pt idx="130">
                  <c:v>98.889768301440824</c:v>
                </c:pt>
                <c:pt idx="131">
                  <c:v>98.868363305617507</c:v>
                </c:pt>
                <c:pt idx="132">
                  <c:v>98.883013709289997</c:v>
                </c:pt>
                <c:pt idx="133">
                  <c:v>98.868916083750236</c:v>
                </c:pt>
                <c:pt idx="134">
                  <c:v>98.8604674940959</c:v>
                </c:pt>
                <c:pt idx="135">
                  <c:v>98.872314777688857</c:v>
                </c:pt>
                <c:pt idx="136">
                  <c:v>98.849804225600096</c:v>
                </c:pt>
                <c:pt idx="137">
                  <c:v>98.855966810202361</c:v>
                </c:pt>
                <c:pt idx="138">
                  <c:v>98.855414032069632</c:v>
                </c:pt>
                <c:pt idx="139">
                  <c:v>98.835706600060348</c:v>
                </c:pt>
                <c:pt idx="140">
                  <c:v>98.850357003732825</c:v>
                </c:pt>
                <c:pt idx="141">
                  <c:v>98.835153821927619</c:v>
                </c:pt>
                <c:pt idx="142">
                  <c:v>98.829508352352775</c:v>
                </c:pt>
                <c:pt idx="143">
                  <c:v>98.839654505821159</c:v>
                </c:pt>
                <c:pt idx="144">
                  <c:v>98.817700298175666</c:v>
                </c:pt>
                <c:pt idx="145">
                  <c:v>98.826152454140555</c:v>
                </c:pt>
                <c:pt idx="146">
                  <c:v>98.82275376020192</c:v>
                </c:pt>
                <c:pt idx="147">
                  <c:v>98.806445022131271</c:v>
                </c:pt>
                <c:pt idx="148">
                  <c:v>98.820503418255157</c:v>
                </c:pt>
                <c:pt idx="149">
                  <c:v>98.804194680184509</c:v>
                </c:pt>
                <c:pt idx="150">
                  <c:v>98.801944338237746</c:v>
                </c:pt>
                <c:pt idx="151">
                  <c:v>98.809800920343491</c:v>
                </c:pt>
                <c:pt idx="152">
                  <c:v>98.788991498379318</c:v>
                </c:pt>
                <c:pt idx="153">
                  <c:v>98.799101988742365</c:v>
                </c:pt>
                <c:pt idx="154">
                  <c:v>98.792939404140128</c:v>
                </c:pt>
                <c:pt idx="155">
                  <c:v>98.778841778600381</c:v>
                </c:pt>
                <c:pt idx="156">
                  <c:v>98.792347396591524</c:v>
                </c:pt>
                <c:pt idx="157">
                  <c:v>98.774341094706841</c:v>
                </c:pt>
                <c:pt idx="158">
                  <c:v>98.774341094706841</c:v>
                </c:pt>
                <c:pt idx="159">
                  <c:v>98.780542908724954</c:v>
                </c:pt>
                <c:pt idx="160">
                  <c:v>98.760282698582969</c:v>
                </c:pt>
                <c:pt idx="161">
                  <c:v>98.77153797462735</c:v>
                </c:pt>
                <c:pt idx="162">
                  <c:v>98.763638596795175</c:v>
                </c:pt>
                <c:pt idx="163">
                  <c:v>98.752386887061334</c:v>
                </c:pt>
                <c:pt idx="164">
                  <c:v>98.765339726919748</c:v>
                </c:pt>
                <c:pt idx="165">
                  <c:v>98.746777080591812</c:v>
                </c:pt>
                <c:pt idx="166">
                  <c:v>98.749583766981843</c:v>
                </c:pt>
                <c:pt idx="167">
                  <c:v>98.753531672742639</c:v>
                </c:pt>
                <c:pt idx="168">
                  <c:v>98.734380585176638</c:v>
                </c:pt>
                <c:pt idx="169">
                  <c:v>98.747329858724541</c:v>
                </c:pt>
                <c:pt idx="170">
                  <c:v>98.737183705256143</c:v>
                </c:pt>
                <c:pt idx="171">
                  <c:v>98.728731549291254</c:v>
                </c:pt>
                <c:pt idx="172">
                  <c:v>98.740578832884225</c:v>
                </c:pt>
                <c:pt idx="173">
                  <c:v>98.721427745318209</c:v>
                </c:pt>
                <c:pt idx="174">
                  <c:v>98.725928429211748</c:v>
                </c:pt>
                <c:pt idx="175">
                  <c:v>98.727073214893068</c:v>
                </c:pt>
                <c:pt idx="176">
                  <c:v>98.710172469273829</c:v>
                </c:pt>
                <c:pt idx="177">
                  <c:v>98.722572530999528</c:v>
                </c:pt>
                <c:pt idx="178">
                  <c:v>98.711278025539286</c:v>
                </c:pt>
                <c:pt idx="179">
                  <c:v>98.705119007247561</c:v>
                </c:pt>
                <c:pt idx="180">
                  <c:v>98.715225931300083</c:v>
                </c:pt>
                <c:pt idx="181">
                  <c:v>98.696666851282671</c:v>
                </c:pt>
                <c:pt idx="182">
                  <c:v>98.703417877122973</c:v>
                </c:pt>
                <c:pt idx="183">
                  <c:v>98.702273091441668</c:v>
                </c:pt>
                <c:pt idx="184">
                  <c:v>98.687069909636477</c:v>
                </c:pt>
                <c:pt idx="185">
                  <c:v>98.70057552762762</c:v>
                </c:pt>
                <c:pt idx="186">
                  <c:v>98.687661917185068</c:v>
                </c:pt>
                <c:pt idx="187">
                  <c:v>98.684266789556972</c:v>
                </c:pt>
                <c:pt idx="188">
                  <c:v>98.692718945521861</c:v>
                </c:pt>
                <c:pt idx="189">
                  <c:v>98.674712643637164</c:v>
                </c:pt>
                <c:pt idx="190">
                  <c:v>98.683161233291528</c:v>
                </c:pt>
                <c:pt idx="191">
                  <c:v>98.679766105663433</c:v>
                </c:pt>
                <c:pt idx="192">
                  <c:v>98.666813265805004</c:v>
                </c:pt>
                <c:pt idx="193">
                  <c:v>98.679213327530718</c:v>
                </c:pt>
                <c:pt idx="194">
                  <c:v>98.66511570199097</c:v>
                </c:pt>
                <c:pt idx="195">
                  <c:v>98.664562923858242</c:v>
                </c:pt>
                <c:pt idx="196">
                  <c:v>98.670761171565829</c:v>
                </c:pt>
                <c:pt idx="197">
                  <c:v>98.652754869681132</c:v>
                </c:pt>
                <c:pt idx="198">
                  <c:v>98.66175980377875</c:v>
                </c:pt>
                <c:pt idx="199">
                  <c:v>98.656663546026081</c:v>
                </c:pt>
                <c:pt idx="200">
                  <c:v>98.64600384384083</c:v>
                </c:pt>
                <c:pt idx="201">
                  <c:v>98.6578083317074</c:v>
                </c:pt>
                <c:pt idx="202">
                  <c:v>98.643753501894054</c:v>
                </c:pt>
                <c:pt idx="203">
                  <c:v>98.644859058159497</c:v>
                </c:pt>
                <c:pt idx="204">
                  <c:v>98.649912520185765</c:v>
                </c:pt>
                <c:pt idx="205">
                  <c:v>98.633051003982388</c:v>
                </c:pt>
                <c:pt idx="206">
                  <c:v>98.643157928034924</c:v>
                </c:pt>
                <c:pt idx="207">
                  <c:v>98.636406902194622</c:v>
                </c:pt>
                <c:pt idx="208">
                  <c:v>98.627401968097004</c:v>
                </c:pt>
                <c:pt idx="209">
                  <c:v>98.639210022274113</c:v>
                </c:pt>
                <c:pt idx="210">
                  <c:v>98.623454062336194</c:v>
                </c:pt>
                <c:pt idx="211">
                  <c:v>98.62684918996429</c:v>
                </c:pt>
                <c:pt idx="212">
                  <c:v>98.629655876354306</c:v>
                </c:pt>
                <c:pt idx="213">
                  <c:v>98.614452694549101</c:v>
                </c:pt>
                <c:pt idx="214">
                  <c:v>98.624598848017513</c:v>
                </c:pt>
                <c:pt idx="215">
                  <c:v>98.616150258363149</c:v>
                </c:pt>
                <c:pt idx="216">
                  <c:v>98.609948444345036</c:v>
                </c:pt>
                <c:pt idx="217">
                  <c:v>98.620098164123959</c:v>
                </c:pt>
                <c:pt idx="218">
                  <c:v>98.60434220418604</c:v>
                </c:pt>
                <c:pt idx="219">
                  <c:v>98.608250880530974</c:v>
                </c:pt>
                <c:pt idx="220">
                  <c:v>98.609948444345036</c:v>
                </c:pt>
                <c:pt idx="221">
                  <c:v>98.59589004822115</c:v>
                </c:pt>
                <c:pt idx="222">
                  <c:v>98.607145324265531</c:v>
                </c:pt>
                <c:pt idx="223">
                  <c:v>98.596995604486608</c:v>
                </c:pt>
                <c:pt idx="224">
                  <c:v>98.593047698725783</c:v>
                </c:pt>
                <c:pt idx="225">
                  <c:v>98.602091862239277</c:v>
                </c:pt>
                <c:pt idx="226">
                  <c:v>98.586888680434086</c:v>
                </c:pt>
                <c:pt idx="227">
                  <c:v>98.593047698725783</c:v>
                </c:pt>
                <c:pt idx="228">
                  <c:v>98.593047698725783</c:v>
                </c:pt>
                <c:pt idx="229">
                  <c:v>98.581239644548688</c:v>
                </c:pt>
                <c:pt idx="230">
                  <c:v>98.592494920593069</c:v>
                </c:pt>
                <c:pt idx="231">
                  <c:v>98.581239644548688</c:v>
                </c:pt>
                <c:pt idx="232">
                  <c:v>98.57954208073464</c:v>
                </c:pt>
                <c:pt idx="233">
                  <c:v>98.586888680434086</c:v>
                </c:pt>
                <c:pt idx="234">
                  <c:v>98.57223827676161</c:v>
                </c:pt>
                <c:pt idx="235">
                  <c:v>98.580094858867369</c:v>
                </c:pt>
                <c:pt idx="236">
                  <c:v>98.577844516920592</c:v>
                </c:pt>
                <c:pt idx="237">
                  <c:v>98.567734026557545</c:v>
                </c:pt>
                <c:pt idx="238">
                  <c:v>98.578989302601926</c:v>
                </c:pt>
                <c:pt idx="239">
                  <c:v>98.567181248424816</c:v>
                </c:pt>
                <c:pt idx="240">
                  <c:v>98.567181248424816</c:v>
                </c:pt>
                <c:pt idx="241">
                  <c:v>98.573343833027067</c:v>
                </c:pt>
                <c:pt idx="242">
                  <c:v>98.559838215035896</c:v>
                </c:pt>
                <c:pt idx="243">
                  <c:v>98.56828680469026</c:v>
                </c:pt>
                <c:pt idx="244">
                  <c:v>98.564338898929435</c:v>
                </c:pt>
                <c:pt idx="245">
                  <c:v>98.5558903092751</c:v>
                </c:pt>
                <c:pt idx="246">
                  <c:v>98.566589240876226</c:v>
                </c:pt>
                <c:pt idx="247">
                  <c:v>98.554784753009642</c:v>
                </c:pt>
                <c:pt idx="248">
                  <c:v>98.55648231682369</c:v>
                </c:pt>
                <c:pt idx="249">
                  <c:v>98.560390993168625</c:v>
                </c:pt>
                <c:pt idx="250">
                  <c:v>98.547477382726072</c:v>
                </c:pt>
                <c:pt idx="251">
                  <c:v>98.55648231682369</c:v>
                </c:pt>
                <c:pt idx="252">
                  <c:v>98.551386059071007</c:v>
                </c:pt>
                <c:pt idx="253">
                  <c:v>98.544635033230705</c:v>
                </c:pt>
                <c:pt idx="254">
                  <c:v>98.554784753009642</c:v>
                </c:pt>
                <c:pt idx="255">
                  <c:v>98.541831913151213</c:v>
                </c:pt>
                <c:pt idx="256">
                  <c:v>98.545779818912024</c:v>
                </c:pt>
                <c:pt idx="257">
                  <c:v>98.54858293899153</c:v>
                </c:pt>
                <c:pt idx="258">
                  <c:v>98.536182877265816</c:v>
                </c:pt>
                <c:pt idx="259">
                  <c:v>98.546332597044753</c:v>
                </c:pt>
                <c:pt idx="260">
                  <c:v>98.539028793071722</c:v>
                </c:pt>
                <c:pt idx="261">
                  <c:v>98.534524542867644</c:v>
                </c:pt>
                <c:pt idx="262">
                  <c:v>98.542976698832533</c:v>
                </c:pt>
                <c:pt idx="263">
                  <c:v>98.530023858974104</c:v>
                </c:pt>
                <c:pt idx="264">
                  <c:v>98.534524542867644</c:v>
                </c:pt>
                <c:pt idx="265">
                  <c:v>98.535077321000358</c:v>
                </c:pt>
                <c:pt idx="266">
                  <c:v>98.524378389399232</c:v>
                </c:pt>
                <c:pt idx="267">
                  <c:v>98.533932535319053</c:v>
                </c:pt>
                <c:pt idx="268">
                  <c:v>98.52493116753196</c:v>
                </c:pt>
                <c:pt idx="269">
                  <c:v>98.521571703009215</c:v>
                </c:pt>
                <c:pt idx="270">
                  <c:v>98.528879073292785</c:v>
                </c:pt>
                <c:pt idx="271">
                  <c:v>98.515926233434357</c:v>
                </c:pt>
                <c:pt idx="272">
                  <c:v>98.521571703009215</c:v>
                </c:pt>
                <c:pt idx="273">
                  <c:v>98.519874139195167</c:v>
                </c:pt>
                <c:pt idx="274">
                  <c:v>98.509727985726769</c:v>
                </c:pt>
                <c:pt idx="275">
                  <c:v>98.519321361062453</c:v>
                </c:pt>
                <c:pt idx="276">
                  <c:v>98.509175207594041</c:v>
                </c:pt>
                <c:pt idx="277">
                  <c:v>98.508066085018058</c:v>
                </c:pt>
                <c:pt idx="278">
                  <c:v>98.513123113354865</c:v>
                </c:pt>
                <c:pt idx="279">
                  <c:v>98.499617495363708</c:v>
                </c:pt>
                <c:pt idx="280">
                  <c:v>98.50636852120401</c:v>
                </c:pt>
                <c:pt idx="281">
                  <c:v>98.502973393575928</c:v>
                </c:pt>
                <c:pt idx="282">
                  <c:v>98.49397202578885</c:v>
                </c:pt>
                <c:pt idx="283">
                  <c:v>98.501867837310485</c:v>
                </c:pt>
                <c:pt idx="284">
                  <c:v>98.492270895664262</c:v>
                </c:pt>
                <c:pt idx="285">
                  <c:v>98.491165339398819</c:v>
                </c:pt>
                <c:pt idx="286">
                  <c:v>98.495669589602912</c:v>
                </c:pt>
                <c:pt idx="287">
                  <c:v>98.483269527877198</c:v>
                </c:pt>
                <c:pt idx="288">
                  <c:v>98.488362219319328</c:v>
                </c:pt>
                <c:pt idx="289">
                  <c:v>98.483861535425802</c:v>
                </c:pt>
                <c:pt idx="290">
                  <c:v>98.475409379460899</c:v>
                </c:pt>
                <c:pt idx="291">
                  <c:v>98.482716749744455</c:v>
                </c:pt>
                <c:pt idx="292">
                  <c:v>98.472014251832817</c:v>
                </c:pt>
                <c:pt idx="293">
                  <c:v>98.472014251832817</c:v>
                </c:pt>
                <c:pt idx="294">
                  <c:v>98.474817371912309</c:v>
                </c:pt>
                <c:pt idx="295">
                  <c:v>98.462456539602471</c:v>
                </c:pt>
                <c:pt idx="296">
                  <c:v>98.468066346071993</c:v>
                </c:pt>
                <c:pt idx="297">
                  <c:v>98.461903761469756</c:v>
                </c:pt>
                <c:pt idx="298">
                  <c:v>98.454560728080835</c:v>
                </c:pt>
                <c:pt idx="299">
                  <c:v>98.460206197655708</c:v>
                </c:pt>
                <c:pt idx="300">
                  <c:v>98.448954487921853</c:v>
                </c:pt>
                <c:pt idx="301">
                  <c:v>98.449507266054582</c:v>
                </c:pt>
                <c:pt idx="302">
                  <c:v>98.45006004418731</c:v>
                </c:pt>
                <c:pt idx="303">
                  <c:v>98.437659982461597</c:v>
                </c:pt>
                <c:pt idx="304">
                  <c:v>98.443858230169184</c:v>
                </c:pt>
                <c:pt idx="305">
                  <c:v>98.436554426196153</c:v>
                </c:pt>
                <c:pt idx="306">
                  <c:v>98.430352612178041</c:v>
                </c:pt>
                <c:pt idx="307">
                  <c:v>98.434856862382105</c:v>
                </c:pt>
                <c:pt idx="308">
                  <c:v>98.423048808204996</c:v>
                </c:pt>
                <c:pt idx="309">
                  <c:v>98.423601586337725</c:v>
                </c:pt>
                <c:pt idx="310">
                  <c:v>98.422496030072267</c:v>
                </c:pt>
                <c:pt idx="311">
                  <c:v>98.410095968346567</c:v>
                </c:pt>
                <c:pt idx="312">
                  <c:v>98.41570220850555</c:v>
                </c:pt>
                <c:pt idx="313">
                  <c:v>98.407292848267076</c:v>
                </c:pt>
                <c:pt idx="314">
                  <c:v>98.402196590514407</c:v>
                </c:pt>
                <c:pt idx="315">
                  <c:v>98.405595284453028</c:v>
                </c:pt>
                <c:pt idx="316">
                  <c:v>98.3926424445946</c:v>
                </c:pt>
                <c:pt idx="317">
                  <c:v>98.394340008408648</c:v>
                </c:pt>
                <c:pt idx="318">
                  <c:v>98.390944880780566</c:v>
                </c:pt>
                <c:pt idx="319">
                  <c:v>98.379689604736171</c:v>
                </c:pt>
                <c:pt idx="320">
                  <c:v>98.384743066762439</c:v>
                </c:pt>
                <c:pt idx="321">
                  <c:v>98.374044135161313</c:v>
                </c:pt>
                <c:pt idx="322">
                  <c:v>98.370684670638568</c:v>
                </c:pt>
                <c:pt idx="323">
                  <c:v>98.372382234452601</c:v>
                </c:pt>
                <c:pt idx="324">
                  <c:v>98.358840953356122</c:v>
                </c:pt>
                <c:pt idx="325">
                  <c:v>98.36053851717017</c:v>
                </c:pt>
                <c:pt idx="326">
                  <c:v>98.355481488833362</c:v>
                </c:pt>
                <c:pt idx="327">
                  <c:v>98.345335335364979</c:v>
                </c:pt>
                <c:pt idx="328">
                  <c:v>98.349283241125789</c:v>
                </c:pt>
                <c:pt idx="329">
                  <c:v>98.338580743214138</c:v>
                </c:pt>
                <c:pt idx="330">
                  <c:v>98.334632837453313</c:v>
                </c:pt>
                <c:pt idx="331">
                  <c:v>98.335224845001918</c:v>
                </c:pt>
                <c:pt idx="332">
                  <c:v>98.32112721946217</c:v>
                </c:pt>
                <c:pt idx="333">
                  <c:v>98.323377561408932</c:v>
                </c:pt>
                <c:pt idx="334">
                  <c:v>98.316073757435902</c:v>
                </c:pt>
                <c:pt idx="335">
                  <c:v>98.306516045205555</c:v>
                </c:pt>
                <c:pt idx="336">
                  <c:v>98.309319165285061</c:v>
                </c:pt>
                <c:pt idx="337">
                  <c:v>98.297471881692076</c:v>
                </c:pt>
                <c:pt idx="338">
                  <c:v>98.294115983479855</c:v>
                </c:pt>
                <c:pt idx="339">
                  <c:v>98.292971197798536</c:v>
                </c:pt>
                <c:pt idx="340">
                  <c:v>98.278912801674664</c:v>
                </c:pt>
                <c:pt idx="341">
                  <c:v>98.281163143621427</c:v>
                </c:pt>
                <c:pt idx="342">
                  <c:v>98.273267332099806</c:v>
                </c:pt>
                <c:pt idx="343">
                  <c:v>98.263709619869459</c:v>
                </c:pt>
                <c:pt idx="344">
                  <c:v>98.265407183683507</c:v>
                </c:pt>
                <c:pt idx="345">
                  <c:v>98.252454343825079</c:v>
                </c:pt>
                <c:pt idx="346">
                  <c:v>98.249651223745587</c:v>
                </c:pt>
                <c:pt idx="347">
                  <c:v>98.246808874250206</c:v>
                </c:pt>
                <c:pt idx="348">
                  <c:v>98.233303256259063</c:v>
                </c:pt>
                <c:pt idx="349">
                  <c:v>98.235553598205826</c:v>
                </c:pt>
                <c:pt idx="350">
                  <c:v>98.225999452286032</c:v>
                </c:pt>
                <c:pt idx="351">
                  <c:v>98.217547296321143</c:v>
                </c:pt>
                <c:pt idx="352">
                  <c:v>98.217547296321143</c:v>
                </c:pt>
                <c:pt idx="353">
                  <c:v>98.204041678329986</c:v>
                </c:pt>
                <c:pt idx="354">
                  <c:v>98.202344114515952</c:v>
                </c:pt>
                <c:pt idx="355">
                  <c:v>98.197290652489684</c:v>
                </c:pt>
                <c:pt idx="356">
                  <c:v>98.184337812631256</c:v>
                </c:pt>
                <c:pt idx="357">
                  <c:v>98.185443368896713</c:v>
                </c:pt>
                <c:pt idx="358">
                  <c:v>98.174740870985048</c:v>
                </c:pt>
                <c:pt idx="359">
                  <c:v>98.167437067012017</c:v>
                </c:pt>
                <c:pt idx="360">
                  <c:v>98.166331510746573</c:v>
                </c:pt>
                <c:pt idx="361">
                  <c:v>98.152786663339526</c:v>
                </c:pt>
                <c:pt idx="362">
                  <c:v>98.151128328941368</c:v>
                </c:pt>
                <c:pt idx="363">
                  <c:v>98.144373736790527</c:v>
                </c:pt>
                <c:pt idx="364">
                  <c:v>98.131973675064827</c:v>
                </c:pt>
                <c:pt idx="365">
                  <c:v>98.133082797640796</c:v>
                </c:pt>
                <c:pt idx="366">
                  <c:v>98.120169187198243</c:v>
                </c:pt>
                <c:pt idx="367">
                  <c:v>98.113967373180131</c:v>
                </c:pt>
                <c:pt idx="368">
                  <c:v>98.111717031233368</c:v>
                </c:pt>
                <c:pt idx="369">
                  <c:v>98.097066627560878</c:v>
                </c:pt>
                <c:pt idx="370">
                  <c:v>98.096513849428163</c:v>
                </c:pt>
                <c:pt idx="371">
                  <c:v>98.088618037906542</c:v>
                </c:pt>
                <c:pt idx="372">
                  <c:v>98.076809983729433</c:v>
                </c:pt>
                <c:pt idx="373">
                  <c:v>98.076809983729433</c:v>
                </c:pt>
                <c:pt idx="374">
                  <c:v>98.064409922003719</c:v>
                </c:pt>
                <c:pt idx="375">
                  <c:v>98.058211674296146</c:v>
                </c:pt>
                <c:pt idx="376">
                  <c:v>98.054260202224782</c:v>
                </c:pt>
                <c:pt idx="377">
                  <c:v>98.039096249835453</c:v>
                </c:pt>
                <c:pt idx="378">
                  <c:v>98.039096249835453</c:v>
                </c:pt>
                <c:pt idx="379">
                  <c:v>98.029502874499784</c:v>
                </c:pt>
                <c:pt idx="380">
                  <c:v>98.018800376588132</c:v>
                </c:pt>
                <c:pt idx="381">
                  <c:v>98.017694820322689</c:v>
                </c:pt>
                <c:pt idx="382">
                  <c:v>98.004189202331531</c:v>
                </c:pt>
                <c:pt idx="383">
                  <c:v>97.999096510889387</c:v>
                </c:pt>
                <c:pt idx="384">
                  <c:v>97.994039482552594</c:v>
                </c:pt>
                <c:pt idx="385">
                  <c:v>97.979389078880132</c:v>
                </c:pt>
                <c:pt idx="386">
                  <c:v>97.978836300747403</c:v>
                </c:pt>
                <c:pt idx="387">
                  <c:v>97.968690147279005</c:v>
                </c:pt>
                <c:pt idx="388">
                  <c:v>97.958026878783215</c:v>
                </c:pt>
                <c:pt idx="389">
                  <c:v>97.956329314969167</c:v>
                </c:pt>
                <c:pt idx="390">
                  <c:v>97.94223168942942</c:v>
                </c:pt>
                <c:pt idx="391">
                  <c:v>97.937731005535895</c:v>
                </c:pt>
                <c:pt idx="392">
                  <c:v>97.931529191517768</c:v>
                </c:pt>
                <c:pt idx="393">
                  <c:v>97.917470795393882</c:v>
                </c:pt>
                <c:pt idx="394">
                  <c:v>97.916326009712563</c:v>
                </c:pt>
                <c:pt idx="395">
                  <c:v>97.905070733668182</c:v>
                </c:pt>
                <c:pt idx="396">
                  <c:v>97.895516587748375</c:v>
                </c:pt>
                <c:pt idx="397">
                  <c:v>97.892713467668884</c:v>
                </c:pt>
                <c:pt idx="398">
                  <c:v>97.878615842129136</c:v>
                </c:pt>
                <c:pt idx="399">
                  <c:v>97.874664370057786</c:v>
                </c:pt>
                <c:pt idx="400">
                  <c:v>97.867913344217484</c:v>
                </c:pt>
                <c:pt idx="401">
                  <c:v>97.854407726226327</c:v>
                </c:pt>
                <c:pt idx="402">
                  <c:v>97.852710162412265</c:v>
                </c:pt>
                <c:pt idx="403">
                  <c:v>97.840349330102455</c:v>
                </c:pt>
                <c:pt idx="404">
                  <c:v>97.831347962315377</c:v>
                </c:pt>
                <c:pt idx="405">
                  <c:v>97.827949268376742</c:v>
                </c:pt>
                <c:pt idx="406">
                  <c:v>97.813298864704279</c:v>
                </c:pt>
                <c:pt idx="407">
                  <c:v>97.80939018835933</c:v>
                </c:pt>
                <c:pt idx="408">
                  <c:v>97.801494376837709</c:v>
                </c:pt>
                <c:pt idx="409">
                  <c:v>97.788541536979281</c:v>
                </c:pt>
                <c:pt idx="410">
                  <c:v>97.786843973165233</c:v>
                </c:pt>
                <c:pt idx="411">
                  <c:v>97.774483140855395</c:v>
                </c:pt>
                <c:pt idx="412">
                  <c:v>97.766030984890506</c:v>
                </c:pt>
                <c:pt idx="413">
                  <c:v>97.761530300996967</c:v>
                </c:pt>
                <c:pt idx="414">
                  <c:v>97.746879897324504</c:v>
                </c:pt>
                <c:pt idx="415">
                  <c:v>97.743523999112284</c:v>
                </c:pt>
                <c:pt idx="416">
                  <c:v>97.73447983559879</c:v>
                </c:pt>
                <c:pt idx="417">
                  <c:v>97.722119003288967</c:v>
                </c:pt>
                <c:pt idx="418">
                  <c:v>97.719315883209461</c:v>
                </c:pt>
                <c:pt idx="419">
                  <c:v>97.706363043351047</c:v>
                </c:pt>
                <c:pt idx="420">
                  <c:v>97.698467231829412</c:v>
                </c:pt>
                <c:pt idx="421">
                  <c:v>97.693410203492618</c:v>
                </c:pt>
                <c:pt idx="422">
                  <c:v>97.678759799820142</c:v>
                </c:pt>
                <c:pt idx="423">
                  <c:v>97.675956679740651</c:v>
                </c:pt>
                <c:pt idx="424">
                  <c:v>97.665806959961714</c:v>
                </c:pt>
                <c:pt idx="425">
                  <c:v>97.654002472095129</c:v>
                </c:pt>
                <c:pt idx="426">
                  <c:v>97.651156556289237</c:v>
                </c:pt>
                <c:pt idx="427">
                  <c:v>97.637654504608619</c:v>
                </c:pt>
                <c:pt idx="428">
                  <c:v>97.630899912457778</c:v>
                </c:pt>
                <c:pt idx="429">
                  <c:v>97.624701664750191</c:v>
                </c:pt>
                <c:pt idx="430">
                  <c:v>97.610643268626319</c:v>
                </c:pt>
                <c:pt idx="431">
                  <c:v>97.607248140998223</c:v>
                </c:pt>
                <c:pt idx="432">
                  <c:v>97.596584872502447</c:v>
                </c:pt>
                <c:pt idx="433">
                  <c:v>97.585290367042191</c:v>
                </c:pt>
                <c:pt idx="434">
                  <c:v>97.581934468829971</c:v>
                </c:pt>
                <c:pt idx="435">
                  <c:v>97.567836843290223</c:v>
                </c:pt>
                <c:pt idx="436">
                  <c:v>97.562230603131226</c:v>
                </c:pt>
                <c:pt idx="437">
                  <c:v>97.554884003431795</c:v>
                </c:pt>
                <c:pt idx="438">
                  <c:v>97.541378385440652</c:v>
                </c:pt>
                <c:pt idx="439">
                  <c:v>97.538022487228432</c:v>
                </c:pt>
                <c:pt idx="440">
                  <c:v>97.526767211184037</c:v>
                </c:pt>
                <c:pt idx="441">
                  <c:v>97.516621057715639</c:v>
                </c:pt>
                <c:pt idx="442">
                  <c:v>97.512116807511575</c:v>
                </c:pt>
                <c:pt idx="443">
                  <c:v>97.498611189520417</c:v>
                </c:pt>
                <c:pt idx="444">
                  <c:v>97.492965719945545</c:v>
                </c:pt>
                <c:pt idx="445">
                  <c:v>97.4851091378398</c:v>
                </c:pt>
                <c:pt idx="446">
                  <c:v>97.471564290432781</c:v>
                </c:pt>
                <c:pt idx="447">
                  <c:v>97.468204825910007</c:v>
                </c:pt>
                <c:pt idx="448">
                  <c:v>97.456400338043451</c:v>
                </c:pt>
                <c:pt idx="449">
                  <c:v>97.446803396397243</c:v>
                </c:pt>
                <c:pt idx="450">
                  <c:v>97.442302712503704</c:v>
                </c:pt>
                <c:pt idx="451">
                  <c:v>97.427652308831242</c:v>
                </c:pt>
                <c:pt idx="452">
                  <c:v>97.422595280494434</c:v>
                </c:pt>
                <c:pt idx="453">
                  <c:v>97.41414669084007</c:v>
                </c:pt>
                <c:pt idx="454">
                  <c:v>97.401785858530246</c:v>
                </c:pt>
                <c:pt idx="455">
                  <c:v>97.397837952769422</c:v>
                </c:pt>
                <c:pt idx="456">
                  <c:v>97.385437891043708</c:v>
                </c:pt>
                <c:pt idx="457">
                  <c:v>97.376985735078833</c:v>
                </c:pt>
                <c:pt idx="458">
                  <c:v>97.37137949491985</c:v>
                </c:pt>
                <c:pt idx="459">
                  <c:v>97.356729091247374</c:v>
                </c:pt>
                <c:pt idx="460">
                  <c:v>97.352228407353834</c:v>
                </c:pt>
                <c:pt idx="461">
                  <c:v>97.342670695123488</c:v>
                </c:pt>
                <c:pt idx="462">
                  <c:v>97.330270633397788</c:v>
                </c:pt>
                <c:pt idx="463">
                  <c:v>97.326875505769706</c:v>
                </c:pt>
                <c:pt idx="464">
                  <c:v>97.313922665911278</c:v>
                </c:pt>
                <c:pt idx="465">
                  <c:v>97.306066083805518</c:v>
                </c:pt>
                <c:pt idx="466">
                  <c:v>97.299864269787392</c:v>
                </c:pt>
                <c:pt idx="467">
                  <c:v>97.28580587366352</c:v>
                </c:pt>
                <c:pt idx="468">
                  <c:v>97.281305189769981</c:v>
                </c:pt>
                <c:pt idx="469">
                  <c:v>97.271155469991058</c:v>
                </c:pt>
                <c:pt idx="470">
                  <c:v>97.259903760257188</c:v>
                </c:pt>
                <c:pt idx="471">
                  <c:v>97.255952288185853</c:v>
                </c:pt>
                <c:pt idx="472">
                  <c:v>97.24244667019471</c:v>
                </c:pt>
                <c:pt idx="473">
                  <c:v>97.235142866221665</c:v>
                </c:pt>
                <c:pt idx="474">
                  <c:v>97.228349044654962</c:v>
                </c:pt>
                <c:pt idx="475">
                  <c:v>97.21484699297433</c:v>
                </c:pt>
                <c:pt idx="476">
                  <c:v>97.210342742770266</c:v>
                </c:pt>
                <c:pt idx="477">
                  <c:v>97.200235818717729</c:v>
                </c:pt>
                <c:pt idx="478">
                  <c:v>97.188941313257487</c:v>
                </c:pt>
                <c:pt idx="479">
                  <c:v>97.18388428492068</c:v>
                </c:pt>
                <c:pt idx="480">
                  <c:v>97.170382233240076</c:v>
                </c:pt>
                <c:pt idx="481">
                  <c:v>97.164733197354664</c:v>
                </c:pt>
                <c:pt idx="482">
                  <c:v>97.156876615248905</c:v>
                </c:pt>
                <c:pt idx="483">
                  <c:v>97.143923775390491</c:v>
                </c:pt>
                <c:pt idx="484">
                  <c:v>97.139423091496951</c:v>
                </c:pt>
                <c:pt idx="485">
                  <c:v>97.127575807903966</c:v>
                </c:pt>
                <c:pt idx="486">
                  <c:v>97.117465317540905</c:v>
                </c:pt>
                <c:pt idx="487">
                  <c:v>97.112964633647366</c:v>
                </c:pt>
                <c:pt idx="488">
                  <c:v>97.098867008107632</c:v>
                </c:pt>
                <c:pt idx="489">
                  <c:v>97.092665194089506</c:v>
                </c:pt>
                <c:pt idx="490">
                  <c:v>97.084808611983746</c:v>
                </c:pt>
                <c:pt idx="491">
                  <c:v>97.071302993992589</c:v>
                </c:pt>
                <c:pt idx="492">
                  <c:v>97.06680231009905</c:v>
                </c:pt>
                <c:pt idx="493">
                  <c:v>97.054955026506065</c:v>
                </c:pt>
                <c:pt idx="494">
                  <c:v>97.045397314275732</c:v>
                </c:pt>
                <c:pt idx="495">
                  <c:v>97.039751844700874</c:v>
                </c:pt>
                <c:pt idx="496">
                  <c:v>97.026246226709716</c:v>
                </c:pt>
                <c:pt idx="497">
                  <c:v>97.020639986550734</c:v>
                </c:pt>
                <c:pt idx="498">
                  <c:v>97.01159582303724</c:v>
                </c:pt>
                <c:pt idx="499">
                  <c:v>96.999787768860131</c:v>
                </c:pt>
                <c:pt idx="500">
                  <c:v>96.995287084966591</c:v>
                </c:pt>
                <c:pt idx="501">
                  <c:v>96.982887023240892</c:v>
                </c:pt>
                <c:pt idx="502">
                  <c:v>96.974477663002418</c:v>
                </c:pt>
                <c:pt idx="503">
                  <c:v>96.968275848984291</c:v>
                </c:pt>
                <c:pt idx="504">
                  <c:v>96.954770230993148</c:v>
                </c:pt>
                <c:pt idx="505">
                  <c:v>96.94912476141829</c:v>
                </c:pt>
                <c:pt idx="506">
                  <c:v>96.939567049187943</c:v>
                </c:pt>
                <c:pt idx="507">
                  <c:v>96.927719765594972</c:v>
                </c:pt>
                <c:pt idx="508">
                  <c:v>96.922113525435975</c:v>
                </c:pt>
                <c:pt idx="509">
                  <c:v>96.909713463710276</c:v>
                </c:pt>
                <c:pt idx="510">
                  <c:v>96.901817652188655</c:v>
                </c:pt>
                <c:pt idx="511">
                  <c:v>96.894510281905085</c:v>
                </c:pt>
                <c:pt idx="512">
                  <c:v>96.881557442046656</c:v>
                </c:pt>
                <c:pt idx="513">
                  <c:v>96.876503980020402</c:v>
                </c:pt>
                <c:pt idx="514">
                  <c:v>96.865801482108736</c:v>
                </c:pt>
                <c:pt idx="515">
                  <c:v>96.854549772374881</c:v>
                </c:pt>
                <c:pt idx="516">
                  <c:v>96.849453514622212</c:v>
                </c:pt>
                <c:pt idx="517">
                  <c:v>96.836539904179659</c:v>
                </c:pt>
                <c:pt idx="518">
                  <c:v>96.829196870790753</c:v>
                </c:pt>
                <c:pt idx="519">
                  <c:v>96.821889500507197</c:v>
                </c:pt>
                <c:pt idx="520">
                  <c:v>96.808387448826565</c:v>
                </c:pt>
                <c:pt idx="521">
                  <c:v>96.80329119107391</c:v>
                </c:pt>
                <c:pt idx="522">
                  <c:v>96.791483136896801</c:v>
                </c:pt>
                <c:pt idx="523">
                  <c:v>96.780784205295674</c:v>
                </c:pt>
                <c:pt idx="524">
                  <c:v>96.774582391277548</c:v>
                </c:pt>
                <c:pt idx="525">
                  <c:v>96.761629551419119</c:v>
                </c:pt>
                <c:pt idx="526">
                  <c:v>96.754325747446089</c:v>
                </c:pt>
                <c:pt idx="527">
                  <c:v>96.7458735914812</c:v>
                </c:pt>
                <c:pt idx="528">
                  <c:v>96.732367973490057</c:v>
                </c:pt>
                <c:pt idx="529">
                  <c:v>96.727314511463788</c:v>
                </c:pt>
                <c:pt idx="530">
                  <c:v>96.715467227870818</c:v>
                </c:pt>
                <c:pt idx="531">
                  <c:v>96.705360303818281</c:v>
                </c:pt>
                <c:pt idx="532">
                  <c:v>96.69860571166744</c:v>
                </c:pt>
                <c:pt idx="533">
                  <c:v>96.685060864260407</c:v>
                </c:pt>
                <c:pt idx="534">
                  <c:v>96.678309838420105</c:v>
                </c:pt>
                <c:pt idx="535">
                  <c:v>96.669304904322487</c:v>
                </c:pt>
                <c:pt idx="536">
                  <c:v>96.656352064464059</c:v>
                </c:pt>
                <c:pt idx="537">
                  <c:v>96.650153816756472</c:v>
                </c:pt>
                <c:pt idx="538">
                  <c:v>96.638898540712091</c:v>
                </c:pt>
                <c:pt idx="539">
                  <c:v>96.628199609110965</c:v>
                </c:pt>
                <c:pt idx="540">
                  <c:v>96.621445016960124</c:v>
                </c:pt>
                <c:pt idx="541">
                  <c:v>96.607386620836252</c:v>
                </c:pt>
                <c:pt idx="542">
                  <c:v>96.600635594995936</c:v>
                </c:pt>
                <c:pt idx="543">
                  <c:v>96.590485875217013</c:v>
                </c:pt>
                <c:pt idx="544">
                  <c:v>96.577533035358584</c:v>
                </c:pt>
                <c:pt idx="545">
                  <c:v>96.571374017066873</c:v>
                </c:pt>
                <c:pt idx="546">
                  <c:v>96.558973955341159</c:v>
                </c:pt>
                <c:pt idx="547">
                  <c:v>96.548824235562236</c:v>
                </c:pt>
                <c:pt idx="548">
                  <c:v>96.541520431589205</c:v>
                </c:pt>
                <c:pt idx="549">
                  <c:v>96.527422806049444</c:v>
                </c:pt>
                <c:pt idx="550">
                  <c:v>96.520668213898603</c:v>
                </c:pt>
                <c:pt idx="551">
                  <c:v>96.509416504164761</c:v>
                </c:pt>
                <c:pt idx="552">
                  <c:v>96.497608449987652</c:v>
                </c:pt>
                <c:pt idx="553">
                  <c:v>96.490853857836797</c:v>
                </c:pt>
                <c:pt idx="554">
                  <c:v>96.477351806156193</c:v>
                </c:pt>
                <c:pt idx="555">
                  <c:v>96.467754864509985</c:v>
                </c:pt>
                <c:pt idx="556">
                  <c:v>96.459302708545096</c:v>
                </c:pt>
                <c:pt idx="557">
                  <c:v>96.445244312421224</c:v>
                </c:pt>
                <c:pt idx="558">
                  <c:v>96.438493286580922</c:v>
                </c:pt>
                <c:pt idx="559">
                  <c:v>96.427238010536527</c:v>
                </c:pt>
                <c:pt idx="560">
                  <c:v>96.415390726943556</c:v>
                </c:pt>
                <c:pt idx="561">
                  <c:v>96.408086922970497</c:v>
                </c:pt>
                <c:pt idx="562">
                  <c:v>96.394028526846625</c:v>
                </c:pt>
                <c:pt idx="563">
                  <c:v>96.38498436333316</c:v>
                </c:pt>
                <c:pt idx="564">
                  <c:v>96.375982995546067</c:v>
                </c:pt>
                <c:pt idx="565">
                  <c:v>96.361924599422196</c:v>
                </c:pt>
                <c:pt idx="566">
                  <c:v>96.35461722913864</c:v>
                </c:pt>
                <c:pt idx="567">
                  <c:v>96.342220733723465</c:v>
                </c:pt>
                <c:pt idx="568">
                  <c:v>96.330965457679085</c:v>
                </c:pt>
                <c:pt idx="569">
                  <c:v>96.323618857979639</c:v>
                </c:pt>
                <c:pt idx="570">
                  <c:v>96.309560461855753</c:v>
                </c:pt>
                <c:pt idx="571">
                  <c:v>96.30000631593596</c:v>
                </c:pt>
                <c:pt idx="572">
                  <c:v>96.290409374289752</c:v>
                </c:pt>
                <c:pt idx="573">
                  <c:v>96.27635097816588</c:v>
                </c:pt>
                <c:pt idx="574">
                  <c:v>96.269047174192835</c:v>
                </c:pt>
                <c:pt idx="575">
                  <c:v>96.256094334334406</c:v>
                </c:pt>
                <c:pt idx="576">
                  <c:v>96.244247050741421</c:v>
                </c:pt>
                <c:pt idx="577">
                  <c:v>96.235794894776546</c:v>
                </c:pt>
                <c:pt idx="578">
                  <c:v>96.2217400649632</c:v>
                </c:pt>
                <c:pt idx="579">
                  <c:v>96.212182352732867</c:v>
                </c:pt>
                <c:pt idx="580">
                  <c:v>96.200887847272611</c:v>
                </c:pt>
                <c:pt idx="581">
                  <c:v>96.187382229281454</c:v>
                </c:pt>
                <c:pt idx="582">
                  <c:v>96.179525647175694</c:v>
                </c:pt>
                <c:pt idx="583">
                  <c:v>96.165980799768676</c:v>
                </c:pt>
                <c:pt idx="584">
                  <c:v>96.154725523724295</c:v>
                </c:pt>
                <c:pt idx="585">
                  <c:v>96.145720589626677</c:v>
                </c:pt>
                <c:pt idx="586">
                  <c:v>96.131112981680616</c:v>
                </c:pt>
                <c:pt idx="587">
                  <c:v>96.121516040034422</c:v>
                </c:pt>
                <c:pt idx="588">
                  <c:v>96.110813542122756</c:v>
                </c:pt>
                <c:pt idx="589">
                  <c:v>96.096202367866141</c:v>
                </c:pt>
                <c:pt idx="590">
                  <c:v>96.08830655634452</c:v>
                </c:pt>
                <c:pt idx="591">
                  <c:v>96.074248160220648</c:v>
                </c:pt>
                <c:pt idx="592">
                  <c:v>96.062953654760392</c:v>
                </c:pt>
                <c:pt idx="593">
                  <c:v>96.052843164397316</c:v>
                </c:pt>
                <c:pt idx="594">
                  <c:v>96.038192760724854</c:v>
                </c:pt>
                <c:pt idx="595">
                  <c:v>96.029191392937776</c:v>
                </c:pt>
                <c:pt idx="596">
                  <c:v>96.016791331212076</c:v>
                </c:pt>
                <c:pt idx="597">
                  <c:v>96.003285713220919</c:v>
                </c:pt>
                <c:pt idx="598">
                  <c:v>95.993728000990586</c:v>
                </c:pt>
                <c:pt idx="599">
                  <c:v>95.97907759731811</c:v>
                </c:pt>
                <c:pt idx="600">
                  <c:v>95.96727310945154</c:v>
                </c:pt>
                <c:pt idx="601">
                  <c:v>95.956570611539874</c:v>
                </c:pt>
                <c:pt idx="602">
                  <c:v>95.941367429734683</c:v>
                </c:pt>
                <c:pt idx="603">
                  <c:v>95.93180971750435</c:v>
                </c:pt>
                <c:pt idx="604">
                  <c:v>95.918856877645922</c:v>
                </c:pt>
                <c:pt idx="605">
                  <c:v>95.904759252106174</c:v>
                </c:pt>
                <c:pt idx="606">
                  <c:v>95.895205106186367</c:v>
                </c:pt>
                <c:pt idx="607">
                  <c:v>95.880554702513905</c:v>
                </c:pt>
                <c:pt idx="608">
                  <c:v>95.868746648336796</c:v>
                </c:pt>
                <c:pt idx="609">
                  <c:v>95.856899364743811</c:v>
                </c:pt>
                <c:pt idx="610">
                  <c:v>95.841696182938605</c:v>
                </c:pt>
                <c:pt idx="611">
                  <c:v>95.831589258886069</c:v>
                </c:pt>
                <c:pt idx="612">
                  <c:v>95.817491633346336</c:v>
                </c:pt>
                <c:pt idx="613">
                  <c:v>95.803986015355179</c:v>
                </c:pt>
                <c:pt idx="614">
                  <c:v>95.793283517443527</c:v>
                </c:pt>
                <c:pt idx="615">
                  <c:v>95.777527557505593</c:v>
                </c:pt>
                <c:pt idx="616">
                  <c:v>95.766272281461227</c:v>
                </c:pt>
                <c:pt idx="617">
                  <c:v>95.753319441602798</c:v>
                </c:pt>
                <c:pt idx="618">
                  <c:v>95.738116259797593</c:v>
                </c:pt>
                <c:pt idx="619">
                  <c:v>95.727417328196481</c:v>
                </c:pt>
                <c:pt idx="620">
                  <c:v>95.712806153939866</c:v>
                </c:pt>
                <c:pt idx="621">
                  <c:v>95.698708528400118</c:v>
                </c:pt>
                <c:pt idx="622">
                  <c:v>95.688006030488467</c:v>
                </c:pt>
                <c:pt idx="623">
                  <c:v>95.671144514285103</c:v>
                </c:pt>
                <c:pt idx="624">
                  <c:v>95.659297230692118</c:v>
                </c:pt>
                <c:pt idx="625">
                  <c:v>95.645791612700961</c:v>
                </c:pt>
                <c:pt idx="626">
                  <c:v>95.63058843089577</c:v>
                </c:pt>
                <c:pt idx="627">
                  <c:v>95.619336721161915</c:v>
                </c:pt>
                <c:pt idx="628">
                  <c:v>95.603577194913456</c:v>
                </c:pt>
                <c:pt idx="629">
                  <c:v>95.590075143232838</c:v>
                </c:pt>
                <c:pt idx="630">
                  <c:v>95.578227859639867</c:v>
                </c:pt>
                <c:pt idx="631">
                  <c:v>95.561327114020628</c:v>
                </c:pt>
                <c:pt idx="632">
                  <c:v>95.549519059843519</c:v>
                </c:pt>
                <c:pt idx="633">
                  <c:v>95.534868656171042</c:v>
                </c:pt>
                <c:pt idx="634">
                  <c:v>95.519665474365851</c:v>
                </c:pt>
                <c:pt idx="635">
                  <c:v>95.507857420188742</c:v>
                </c:pt>
                <c:pt idx="636">
                  <c:v>95.491548682118093</c:v>
                </c:pt>
                <c:pt idx="637">
                  <c:v>95.476898278445617</c:v>
                </c:pt>
                <c:pt idx="638">
                  <c:v>95.464498216719917</c:v>
                </c:pt>
                <c:pt idx="639">
                  <c:v>95.447044692967935</c:v>
                </c:pt>
                <c:pt idx="640">
                  <c:v>95.434683860658112</c:v>
                </c:pt>
                <c:pt idx="641">
                  <c:v>95.420033456985635</c:v>
                </c:pt>
                <c:pt idx="642">
                  <c:v>95.403685489499125</c:v>
                </c:pt>
                <c:pt idx="643">
                  <c:v>95.391877435322016</c:v>
                </c:pt>
                <c:pt idx="644">
                  <c:v>95.374976689702777</c:v>
                </c:pt>
                <c:pt idx="645">
                  <c:v>95.360918293578905</c:v>
                </c:pt>
                <c:pt idx="646">
                  <c:v>95.347412675587748</c:v>
                </c:pt>
                <c:pt idx="647">
                  <c:v>95.32995915183578</c:v>
                </c:pt>
                <c:pt idx="648">
                  <c:v>95.317006311977366</c:v>
                </c:pt>
                <c:pt idx="649">
                  <c:v>95.301250352039432</c:v>
                </c:pt>
                <c:pt idx="650">
                  <c:v>95.284902384552908</c:v>
                </c:pt>
                <c:pt idx="651">
                  <c:v>95.271949544694479</c:v>
                </c:pt>
                <c:pt idx="652">
                  <c:v>95.253943242809797</c:v>
                </c:pt>
                <c:pt idx="653">
                  <c:v>95.239884846685925</c:v>
                </c:pt>
                <c:pt idx="654">
                  <c:v>95.22468166488072</c:v>
                </c:pt>
                <c:pt idx="655">
                  <c:v>95.207780919261481</c:v>
                </c:pt>
                <c:pt idx="656">
                  <c:v>95.193722523137609</c:v>
                </c:pt>
                <c:pt idx="657">
                  <c:v>95.177374555651085</c:v>
                </c:pt>
                <c:pt idx="658">
                  <c:v>95.16106581758045</c:v>
                </c:pt>
                <c:pt idx="659">
                  <c:v>95.146968192040688</c:v>
                </c:pt>
                <c:pt idx="660">
                  <c:v>95.128409112023277</c:v>
                </c:pt>
                <c:pt idx="661">
                  <c:v>95.113758708350801</c:v>
                </c:pt>
                <c:pt idx="662">
                  <c:v>95.098002748412881</c:v>
                </c:pt>
                <c:pt idx="663">
                  <c:v>95.080549224660913</c:v>
                </c:pt>
                <c:pt idx="664">
                  <c:v>95.066490828537042</c:v>
                </c:pt>
                <c:pt idx="665">
                  <c:v>95.048445297236469</c:v>
                </c:pt>
                <c:pt idx="666">
                  <c:v>95.032136559165821</c:v>
                </c:pt>
                <c:pt idx="667">
                  <c:v>95.018038933626087</c:v>
                </c:pt>
                <c:pt idx="668">
                  <c:v>94.998923509165408</c:v>
                </c:pt>
                <c:pt idx="669">
                  <c:v>94.984273105492932</c:v>
                </c:pt>
                <c:pt idx="670">
                  <c:v>94.967372359873679</c:v>
                </c:pt>
                <c:pt idx="671">
                  <c:v>94.948813279856267</c:v>
                </c:pt>
                <c:pt idx="672">
                  <c:v>94.934162876183805</c:v>
                </c:pt>
                <c:pt idx="673">
                  <c:v>94.916156574299109</c:v>
                </c:pt>
                <c:pt idx="674">
                  <c:v>94.899255828679856</c:v>
                </c:pt>
                <c:pt idx="675">
                  <c:v>94.884052646874665</c:v>
                </c:pt>
                <c:pt idx="676">
                  <c:v>94.864937222413985</c:v>
                </c:pt>
                <c:pt idx="677">
                  <c:v>94.849734040608809</c:v>
                </c:pt>
                <c:pt idx="678">
                  <c:v>94.832833294989555</c:v>
                </c:pt>
                <c:pt idx="679">
                  <c:v>94.814234985556268</c:v>
                </c:pt>
                <c:pt idx="680">
                  <c:v>94.799031803751063</c:v>
                </c:pt>
                <c:pt idx="681">
                  <c:v>94.779919945600938</c:v>
                </c:pt>
                <c:pt idx="682">
                  <c:v>94.76246642184897</c:v>
                </c:pt>
                <c:pt idx="683">
                  <c:v>94.74611488805192</c:v>
                </c:pt>
                <c:pt idx="684">
                  <c:v>94.727003029901766</c:v>
                </c:pt>
                <c:pt idx="685">
                  <c:v>94.711207840547985</c:v>
                </c:pt>
                <c:pt idx="686">
                  <c:v>94.693201538663288</c:v>
                </c:pt>
                <c:pt idx="687">
                  <c:v>94.674050451097273</c:v>
                </c:pt>
                <c:pt idx="688">
                  <c:v>94.658847269292082</c:v>
                </c:pt>
                <c:pt idx="689">
                  <c:v>94.639139837282798</c:v>
                </c:pt>
                <c:pt idx="690">
                  <c:v>94.621725542946706</c:v>
                </c:pt>
                <c:pt idx="691">
                  <c:v>94.604824797327467</c:v>
                </c:pt>
                <c:pt idx="692">
                  <c:v>94.583976145947403</c:v>
                </c:pt>
                <c:pt idx="693">
                  <c:v>94.568220186009484</c:v>
                </c:pt>
                <c:pt idx="694">
                  <c:v>94.549065532132943</c:v>
                </c:pt>
                <c:pt idx="695">
                  <c:v>94.530506452115532</c:v>
                </c:pt>
                <c:pt idx="696">
                  <c:v>94.513605706496278</c:v>
                </c:pt>
                <c:pt idx="697">
                  <c:v>94.493349062664819</c:v>
                </c:pt>
                <c:pt idx="698">
                  <c:v>94.475895538912852</c:v>
                </c:pt>
                <c:pt idx="699">
                  <c:v>94.457293663169025</c:v>
                </c:pt>
                <c:pt idx="700">
                  <c:v>94.437037019337581</c:v>
                </c:pt>
                <c:pt idx="701">
                  <c:v>94.420728281266932</c:v>
                </c:pt>
                <c:pt idx="702">
                  <c:v>94.401024415568187</c:v>
                </c:pt>
                <c:pt idx="703">
                  <c:v>94.381869761691647</c:v>
                </c:pt>
                <c:pt idx="704">
                  <c:v>94.364416237939679</c:v>
                </c:pt>
                <c:pt idx="705">
                  <c:v>94.343014808426901</c:v>
                </c:pt>
                <c:pt idx="706">
                  <c:v>94.325008506542204</c:v>
                </c:pt>
                <c:pt idx="707">
                  <c:v>94.306998638346968</c:v>
                </c:pt>
                <c:pt idx="708">
                  <c:v>94.286149986966933</c:v>
                </c:pt>
                <c:pt idx="709">
                  <c:v>94.268696463214965</c:v>
                </c:pt>
                <c:pt idx="710">
                  <c:v>94.248436253072967</c:v>
                </c:pt>
                <c:pt idx="711">
                  <c:v>94.228732387374222</c:v>
                </c:pt>
                <c:pt idx="712">
                  <c:v>94.210726085489526</c:v>
                </c:pt>
                <c:pt idx="713">
                  <c:v>94.189321089666223</c:v>
                </c:pt>
                <c:pt idx="714">
                  <c:v>94.170762009648783</c:v>
                </c:pt>
                <c:pt idx="715">
                  <c:v>94.151610922082781</c:v>
                </c:pt>
                <c:pt idx="716">
                  <c:v>94.130209492570017</c:v>
                </c:pt>
                <c:pt idx="717">
                  <c:v>94.112199624374782</c:v>
                </c:pt>
                <c:pt idx="718">
                  <c:v>94.091350972994718</c:v>
                </c:pt>
                <c:pt idx="719">
                  <c:v>94.071647107295988</c:v>
                </c:pt>
                <c:pt idx="720">
                  <c:v>94.053084460968037</c:v>
                </c:pt>
                <c:pt idx="721">
                  <c:v>94.030577475189801</c:v>
                </c:pt>
                <c:pt idx="722">
                  <c:v>94.011979165756514</c:v>
                </c:pt>
                <c:pt idx="723">
                  <c:v>93.991718955614516</c:v>
                </c:pt>
                <c:pt idx="724">
                  <c:v>93.969764747969023</c:v>
                </c:pt>
                <c:pt idx="725">
                  <c:v>93.951758446084327</c:v>
                </c:pt>
                <c:pt idx="726">
                  <c:v>93.92980067212828</c:v>
                </c:pt>
                <c:pt idx="727">
                  <c:v>93.91009680642955</c:v>
                </c:pt>
                <c:pt idx="728">
                  <c:v>93.89039294073082</c:v>
                </c:pt>
                <c:pt idx="729">
                  <c:v>93.867843159226169</c:v>
                </c:pt>
                <c:pt idx="730">
                  <c:v>93.848731301076043</c:v>
                </c:pt>
                <c:pt idx="731">
                  <c:v>93.827326305252711</c:v>
                </c:pt>
                <c:pt idx="732">
                  <c:v>93.805924875739947</c:v>
                </c:pt>
                <c:pt idx="733">
                  <c:v>93.786773788173917</c:v>
                </c:pt>
                <c:pt idx="734">
                  <c:v>93.764263236085171</c:v>
                </c:pt>
                <c:pt idx="735">
                  <c:v>93.744006592253697</c:v>
                </c:pt>
                <c:pt idx="736">
                  <c:v>93.723749948422238</c:v>
                </c:pt>
                <c:pt idx="737">
                  <c:v>93.700647388784873</c:v>
                </c:pt>
                <c:pt idx="738">
                  <c:v>93.680943523086142</c:v>
                </c:pt>
                <c:pt idx="739">
                  <c:v>93.658985749130096</c:v>
                </c:pt>
                <c:pt idx="740">
                  <c:v>93.637031541484589</c:v>
                </c:pt>
                <c:pt idx="741">
                  <c:v>93.617324109475319</c:v>
                </c:pt>
                <c:pt idx="742">
                  <c:v>93.594225116148493</c:v>
                </c:pt>
                <c:pt idx="743">
                  <c:v>93.57341569418432</c:v>
                </c:pt>
                <c:pt idx="744">
                  <c:v>93.552563476493717</c:v>
                </c:pt>
                <c:pt idx="745">
                  <c:v>93.528950934450037</c:v>
                </c:pt>
                <c:pt idx="746">
                  <c:v>93.509243502440768</c:v>
                </c:pt>
                <c:pt idx="747">
                  <c:v>93.486144509113942</c:v>
                </c:pt>
                <c:pt idx="748">
                  <c:v>93.464186735157909</c:v>
                </c:pt>
                <c:pt idx="749">
                  <c:v>93.443930091326436</c:v>
                </c:pt>
                <c:pt idx="750">
                  <c:v>93.419721975423627</c:v>
                </c:pt>
                <c:pt idx="751">
                  <c:v>93.398320545910849</c:v>
                </c:pt>
                <c:pt idx="752">
                  <c:v>93.376915550087531</c:v>
                </c:pt>
                <c:pt idx="753">
                  <c:v>93.353263778627976</c:v>
                </c:pt>
                <c:pt idx="754">
                  <c:v>93.333007134796517</c:v>
                </c:pt>
                <c:pt idx="755">
                  <c:v>93.309943804575042</c:v>
                </c:pt>
                <c:pt idx="756">
                  <c:v>93.286844811248201</c:v>
                </c:pt>
                <c:pt idx="757">
                  <c:v>93.266031822973488</c:v>
                </c:pt>
                <c:pt idx="758">
                  <c:v>93.241827273381205</c:v>
                </c:pt>
                <c:pt idx="759">
                  <c:v>93.219277491876568</c:v>
                </c:pt>
                <c:pt idx="760">
                  <c:v>93.196217727965632</c:v>
                </c:pt>
                <c:pt idx="761">
                  <c:v>93.170864826381489</c:v>
                </c:pt>
                <c:pt idx="762">
                  <c:v>93.150604616239491</c:v>
                </c:pt>
                <c:pt idx="763">
                  <c:v>93.127505622912665</c:v>
                </c:pt>
                <c:pt idx="764">
                  <c:v>93.104995070823904</c:v>
                </c:pt>
                <c:pt idx="765">
                  <c:v>93.084185648859702</c:v>
                </c:pt>
                <c:pt idx="766">
                  <c:v>93.062231441214209</c:v>
                </c:pt>
                <c:pt idx="767">
                  <c:v>93.038576103444129</c:v>
                </c:pt>
                <c:pt idx="768">
                  <c:v>93.014920765674034</c:v>
                </c:pt>
                <c:pt idx="769">
                  <c:v>92.990163437949022</c:v>
                </c:pt>
                <c:pt idx="770">
                  <c:v>92.968758442125718</c:v>
                </c:pt>
                <c:pt idx="771">
                  <c:v>92.94400111440072</c:v>
                </c:pt>
                <c:pt idx="772">
                  <c:v>92.920898554763355</c:v>
                </c:pt>
                <c:pt idx="773">
                  <c:v>92.897838790852404</c:v>
                </c:pt>
                <c:pt idx="774">
                  <c:v>92.873038667401005</c:v>
                </c:pt>
                <c:pt idx="775">
                  <c:v>92.850531681622755</c:v>
                </c:pt>
                <c:pt idx="776">
                  <c:v>92.826323565719946</c:v>
                </c:pt>
                <c:pt idx="777">
                  <c:v>92.802115449817151</c:v>
                </c:pt>
                <c:pt idx="778">
                  <c:v>92.779608464038915</c:v>
                </c:pt>
                <c:pt idx="779">
                  <c:v>92.754808340587502</c:v>
                </c:pt>
                <c:pt idx="780">
                  <c:v>92.730603790995218</c:v>
                </c:pt>
                <c:pt idx="781">
                  <c:v>92.707540460773743</c:v>
                </c:pt>
                <c:pt idx="782">
                  <c:v>92.682740337322329</c:v>
                </c:pt>
                <c:pt idx="783">
                  <c:v>92.659680573411379</c:v>
                </c:pt>
                <c:pt idx="784">
                  <c:v>92.634919679375855</c:v>
                </c:pt>
                <c:pt idx="785">
                  <c:v>92.610123122234981</c:v>
                </c:pt>
                <c:pt idx="786">
                  <c:v>92.587612570146206</c:v>
                </c:pt>
                <c:pt idx="787">
                  <c:v>92.562259668562078</c:v>
                </c:pt>
                <c:pt idx="788">
                  <c:v>92.538055118969794</c:v>
                </c:pt>
                <c:pt idx="789">
                  <c:v>92.51443901061559</c:v>
                </c:pt>
                <c:pt idx="790">
                  <c:v>92.488536897209272</c:v>
                </c:pt>
                <c:pt idx="791">
                  <c:v>92.465434337571907</c:v>
                </c:pt>
                <c:pt idx="792">
                  <c:v>92.440673443536369</c:v>
                </c:pt>
                <c:pt idx="793">
                  <c:v>92.41532410826278</c:v>
                </c:pt>
                <c:pt idx="794">
                  <c:v>92.391707999908562</c:v>
                </c:pt>
                <c:pt idx="795">
                  <c:v>92.365210312643114</c:v>
                </c:pt>
                <c:pt idx="796">
                  <c:v>92.341597770599421</c:v>
                </c:pt>
                <c:pt idx="797">
                  <c:v>92.317389654696612</c:v>
                </c:pt>
                <c:pt idx="798">
                  <c:v>92.291483974979755</c:v>
                </c:pt>
                <c:pt idx="799">
                  <c:v>92.267832203520214</c:v>
                </c:pt>
                <c:pt idx="800">
                  <c:v>92.242479301936086</c:v>
                </c:pt>
                <c:pt idx="801">
                  <c:v>92.217165629767834</c:v>
                </c:pt>
                <c:pt idx="802">
                  <c:v>92.19296108017555</c:v>
                </c:pt>
                <c:pt idx="803">
                  <c:v>92.167055400458679</c:v>
                </c:pt>
                <c:pt idx="804">
                  <c:v>92.142850850866424</c:v>
                </c:pt>
                <c:pt idx="805">
                  <c:v>92.117497949282296</c:v>
                </c:pt>
                <c:pt idx="806">
                  <c:v>92.09103949143271</c:v>
                </c:pt>
                <c:pt idx="807">
                  <c:v>92.067426949389016</c:v>
                </c:pt>
                <c:pt idx="808">
                  <c:v>92.040929262123569</c:v>
                </c:pt>
                <c:pt idx="809">
                  <c:v>92.015615589955317</c:v>
                </c:pt>
                <c:pt idx="810">
                  <c:v>91.990854695919793</c:v>
                </c:pt>
                <c:pt idx="811">
                  <c:v>91.963807796832143</c:v>
                </c:pt>
                <c:pt idx="812">
                  <c:v>91.939599680929334</c:v>
                </c:pt>
                <c:pt idx="813">
                  <c:v>91.913694001212477</c:v>
                </c:pt>
                <c:pt idx="814">
                  <c:v>91.88723910967343</c:v>
                </c:pt>
                <c:pt idx="815">
                  <c:v>91.863030993770622</c:v>
                </c:pt>
                <c:pt idx="816">
                  <c:v>91.836572535921036</c:v>
                </c:pt>
                <c:pt idx="817">
                  <c:v>91.811262430063323</c:v>
                </c:pt>
                <c:pt idx="818">
                  <c:v>91.785909528479195</c:v>
                </c:pt>
                <c:pt idx="819">
                  <c:v>91.75889829249688</c:v>
                </c:pt>
                <c:pt idx="820">
                  <c:v>91.734098169045481</c:v>
                </c:pt>
                <c:pt idx="821">
                  <c:v>91.707643277506435</c:v>
                </c:pt>
                <c:pt idx="822">
                  <c:v>91.681184819656849</c:v>
                </c:pt>
                <c:pt idx="823">
                  <c:v>91.656423925621311</c:v>
                </c:pt>
                <c:pt idx="824">
                  <c:v>91.629412689639011</c:v>
                </c:pt>
                <c:pt idx="825">
                  <c:v>91.603510576232679</c:v>
                </c:pt>
                <c:pt idx="826">
                  <c:v>91.578157674648565</c:v>
                </c:pt>
                <c:pt idx="827">
                  <c:v>91.550593660533536</c:v>
                </c:pt>
                <c:pt idx="828">
                  <c:v>91.525793537082137</c:v>
                </c:pt>
                <c:pt idx="829">
                  <c:v>91.498785867410362</c:v>
                </c:pt>
                <c:pt idx="830">
                  <c:v>91.471774631428048</c:v>
                </c:pt>
                <c:pt idx="831">
                  <c:v>91.446421729843919</c:v>
                </c:pt>
                <c:pt idx="832">
                  <c:v>91.419410493861619</c:v>
                </c:pt>
                <c:pt idx="833">
                  <c:v>91.393508380455287</c:v>
                </c:pt>
                <c:pt idx="834">
                  <c:v>91.367602700738431</c:v>
                </c:pt>
                <c:pt idx="835">
                  <c:v>91.33999945720754</c:v>
                </c:pt>
                <c:pt idx="836">
                  <c:v>91.315242129482527</c:v>
                </c:pt>
                <c:pt idx="837">
                  <c:v>91.287678115367527</c:v>
                </c:pt>
                <c:pt idx="838">
                  <c:v>91.260627649969322</c:v>
                </c:pt>
                <c:pt idx="839">
                  <c:v>91.23472197025248</c:v>
                </c:pt>
                <c:pt idx="840">
                  <c:v>91.207157956137451</c:v>
                </c:pt>
                <c:pt idx="841">
                  <c:v>91.181808620863862</c:v>
                </c:pt>
                <c:pt idx="842">
                  <c:v>91.155350163014276</c:v>
                </c:pt>
                <c:pt idx="843">
                  <c:v>91.127194141350657</c:v>
                </c:pt>
                <c:pt idx="844">
                  <c:v>91.102433247315119</c:v>
                </c:pt>
                <c:pt idx="845">
                  <c:v>91.074833570094754</c:v>
                </c:pt>
                <c:pt idx="846">
                  <c:v>91.047822334112453</c:v>
                </c:pt>
                <c:pt idx="847">
                  <c:v>91.021916654395582</c:v>
                </c:pt>
                <c:pt idx="848">
                  <c:v>90.994352640280567</c:v>
                </c:pt>
                <c:pt idx="849">
                  <c:v>90.967894182430982</c:v>
                </c:pt>
                <c:pt idx="850">
                  <c:v>90.941439290891935</c:v>
                </c:pt>
                <c:pt idx="851">
                  <c:v>90.913283269228302</c:v>
                </c:pt>
                <c:pt idx="852">
                  <c:v>90.887930367644174</c:v>
                </c:pt>
                <c:pt idx="853">
                  <c:v>90.859774345980554</c:v>
                </c:pt>
                <c:pt idx="854">
                  <c:v>90.833315888130969</c:v>
                </c:pt>
                <c:pt idx="855">
                  <c:v>90.806860996591922</c:v>
                </c:pt>
                <c:pt idx="856">
                  <c:v>90.778152196795574</c:v>
                </c:pt>
                <c:pt idx="857">
                  <c:v>90.752246517078717</c:v>
                </c:pt>
                <c:pt idx="858">
                  <c:v>90.725235281096417</c:v>
                </c:pt>
                <c:pt idx="859">
                  <c:v>90.697079259432783</c:v>
                </c:pt>
                <c:pt idx="860">
                  <c:v>90.671729924159209</c:v>
                </c:pt>
                <c:pt idx="861">
                  <c:v>90.643613131911451</c:v>
                </c:pt>
                <c:pt idx="862">
                  <c:v>90.61600988838056</c:v>
                </c:pt>
                <c:pt idx="863">
                  <c:v>90.590104208663675</c:v>
                </c:pt>
                <c:pt idx="864">
                  <c:v>90.56194818700007</c:v>
                </c:pt>
                <c:pt idx="865">
                  <c:v>90.535493295461023</c:v>
                </c:pt>
                <c:pt idx="866">
                  <c:v>90.507929281345994</c:v>
                </c:pt>
                <c:pt idx="867">
                  <c:v>90.48032603781509</c:v>
                </c:pt>
                <c:pt idx="868">
                  <c:v>90.453867579965518</c:v>
                </c:pt>
                <c:pt idx="869">
                  <c:v>90.425711558301884</c:v>
                </c:pt>
                <c:pt idx="870">
                  <c:v>90.398703888630109</c:v>
                </c:pt>
                <c:pt idx="871">
                  <c:v>90.371653423231947</c:v>
                </c:pt>
                <c:pt idx="872">
                  <c:v>90.34353663098419</c:v>
                </c:pt>
                <c:pt idx="873">
                  <c:v>90.317038943718742</c:v>
                </c:pt>
                <c:pt idx="874">
                  <c:v>90.289474929603713</c:v>
                </c:pt>
                <c:pt idx="875">
                  <c:v>90.261318907940094</c:v>
                </c:pt>
                <c:pt idx="876">
                  <c:v>90.234311238268319</c:v>
                </c:pt>
                <c:pt idx="877">
                  <c:v>90.206155216604685</c:v>
                </c:pt>
                <c:pt idx="878">
                  <c:v>90.179143980622385</c:v>
                </c:pt>
                <c:pt idx="879">
                  <c:v>90.15154073709148</c:v>
                </c:pt>
                <c:pt idx="880">
                  <c:v>90.122831937295132</c:v>
                </c:pt>
                <c:pt idx="881">
                  <c:v>90.0963770457561</c:v>
                </c:pt>
                <c:pt idx="882">
                  <c:v>90.068221024092466</c:v>
                </c:pt>
                <c:pt idx="883">
                  <c:v>90.040065002428847</c:v>
                </c:pt>
                <c:pt idx="884">
                  <c:v>90.013053766446532</c:v>
                </c:pt>
                <c:pt idx="885">
                  <c:v>89.984344966650184</c:v>
                </c:pt>
                <c:pt idx="886">
                  <c:v>89.956741723119279</c:v>
                </c:pt>
                <c:pt idx="887">
                  <c:v>89.929138479588374</c:v>
                </c:pt>
                <c:pt idx="888">
                  <c:v>89.90042967979204</c:v>
                </c:pt>
                <c:pt idx="889">
                  <c:v>89.87397478825298</c:v>
                </c:pt>
                <c:pt idx="890">
                  <c:v>89.84581876658936</c:v>
                </c:pt>
                <c:pt idx="891">
                  <c:v>89.817701974341603</c:v>
                </c:pt>
                <c:pt idx="892">
                  <c:v>89.790651508943427</c:v>
                </c:pt>
                <c:pt idx="893">
                  <c:v>89.761942709147078</c:v>
                </c:pt>
                <c:pt idx="894">
                  <c:v>89.734382261342589</c:v>
                </c:pt>
                <c:pt idx="895">
                  <c:v>89.706226239678969</c:v>
                </c:pt>
                <c:pt idx="896">
                  <c:v>89.677517439882621</c:v>
                </c:pt>
                <c:pt idx="897">
                  <c:v>89.650466974484445</c:v>
                </c:pt>
                <c:pt idx="898">
                  <c:v>89.621205396555368</c:v>
                </c:pt>
                <c:pt idx="899">
                  <c:v>89.593602153024463</c:v>
                </c:pt>
                <c:pt idx="900">
                  <c:v>89.566038138909448</c:v>
                </c:pt>
                <c:pt idx="901">
                  <c:v>89.537329339113086</c:v>
                </c:pt>
                <c:pt idx="902">
                  <c:v>89.50972966189272</c:v>
                </c:pt>
                <c:pt idx="903">
                  <c:v>89.481573640229101</c:v>
                </c:pt>
                <c:pt idx="904">
                  <c:v>89.452312062300038</c:v>
                </c:pt>
                <c:pt idx="905">
                  <c:v>89.425261596901848</c:v>
                </c:pt>
                <c:pt idx="906">
                  <c:v>89.3965527971055</c:v>
                </c:pt>
                <c:pt idx="907">
                  <c:v>89.36839677544188</c:v>
                </c:pt>
                <c:pt idx="908">
                  <c:v>89.340832761326851</c:v>
                </c:pt>
                <c:pt idx="909">
                  <c:v>89.311531953981898</c:v>
                </c:pt>
                <c:pt idx="910">
                  <c:v>89.284524284310137</c:v>
                </c:pt>
                <c:pt idx="911">
                  <c:v>89.255815484513775</c:v>
                </c:pt>
                <c:pt idx="912">
                  <c:v>89.227106684717427</c:v>
                </c:pt>
                <c:pt idx="913">
                  <c:v>89.199503441186536</c:v>
                </c:pt>
                <c:pt idx="914">
                  <c:v>89.170241863257459</c:v>
                </c:pt>
                <c:pt idx="915">
                  <c:v>89.142638619726554</c:v>
                </c:pt>
                <c:pt idx="916">
                  <c:v>89.114521827478796</c:v>
                </c:pt>
                <c:pt idx="917">
                  <c:v>89.085773798266587</c:v>
                </c:pt>
                <c:pt idx="918">
                  <c:v>89.058213350462097</c:v>
                </c:pt>
                <c:pt idx="919">
                  <c:v>89.029504550665735</c:v>
                </c:pt>
                <c:pt idx="920">
                  <c:v>89.000795750869386</c:v>
                </c:pt>
                <c:pt idx="921">
                  <c:v>88.973192507338496</c:v>
                </c:pt>
                <c:pt idx="922">
                  <c:v>88.943930929409419</c:v>
                </c:pt>
                <c:pt idx="923">
                  <c:v>88.915774907745799</c:v>
                </c:pt>
                <c:pt idx="924">
                  <c:v>88.888171664214894</c:v>
                </c:pt>
                <c:pt idx="925">
                  <c:v>88.858910086285832</c:v>
                </c:pt>
                <c:pt idx="926">
                  <c:v>88.831306842754913</c:v>
                </c:pt>
                <c:pt idx="927">
                  <c:v>88.80260160926909</c:v>
                </c:pt>
                <c:pt idx="928">
                  <c:v>88.773892809472741</c:v>
                </c:pt>
                <c:pt idx="929">
                  <c:v>88.746289565941851</c:v>
                </c:pt>
                <c:pt idx="930">
                  <c:v>88.717027988012774</c:v>
                </c:pt>
                <c:pt idx="931">
                  <c:v>88.688871966349154</c:v>
                </c:pt>
                <c:pt idx="932">
                  <c:v>88.660715944685535</c:v>
                </c:pt>
                <c:pt idx="933">
                  <c:v>88.631454366756458</c:v>
                </c:pt>
                <c:pt idx="934">
                  <c:v>88.603851123225553</c:v>
                </c:pt>
                <c:pt idx="935">
                  <c:v>88.575142323429219</c:v>
                </c:pt>
                <c:pt idx="936">
                  <c:v>88.545884311810667</c:v>
                </c:pt>
                <c:pt idx="937">
                  <c:v>88.518281068279776</c:v>
                </c:pt>
                <c:pt idx="938">
                  <c:v>88.488466712217971</c:v>
                </c:pt>
                <c:pt idx="939">
                  <c:v>88.460310690554351</c:v>
                </c:pt>
                <c:pt idx="940">
                  <c:v>88.431601890757989</c:v>
                </c:pt>
                <c:pt idx="941">
                  <c:v>88.402893090961641</c:v>
                </c:pt>
                <c:pt idx="942">
                  <c:v>88.374737069298021</c:v>
                </c:pt>
                <c:pt idx="943">
                  <c:v>88.345436261953068</c:v>
                </c:pt>
                <c:pt idx="944">
                  <c:v>88.317319469705311</c:v>
                </c:pt>
                <c:pt idx="945">
                  <c:v>88.288610669908977</c:v>
                </c:pt>
                <c:pt idx="946">
                  <c:v>88.259309862564024</c:v>
                </c:pt>
                <c:pt idx="947">
                  <c:v>88.231157407210929</c:v>
                </c:pt>
                <c:pt idx="948">
                  <c:v>88.202448607414581</c:v>
                </c:pt>
                <c:pt idx="949">
                  <c:v>88.173187029485518</c:v>
                </c:pt>
                <c:pt idx="950">
                  <c:v>88.145031007821899</c:v>
                </c:pt>
                <c:pt idx="951">
                  <c:v>88.115177422344217</c:v>
                </c:pt>
                <c:pt idx="952">
                  <c:v>88.08706063009646</c:v>
                </c:pt>
                <c:pt idx="953">
                  <c:v>88.058312600884236</c:v>
                </c:pt>
                <c:pt idx="954">
                  <c:v>88.029051022955159</c:v>
                </c:pt>
                <c:pt idx="955">
                  <c:v>88.000895001291539</c:v>
                </c:pt>
                <c:pt idx="956">
                  <c:v>87.971633423362476</c:v>
                </c:pt>
                <c:pt idx="957">
                  <c:v>87.942332616017524</c:v>
                </c:pt>
                <c:pt idx="958">
                  <c:v>87.914219390080305</c:v>
                </c:pt>
                <c:pt idx="959">
                  <c:v>87.884365804602638</c:v>
                </c:pt>
                <c:pt idx="960">
                  <c:v>87.855657004806275</c:v>
                </c:pt>
                <c:pt idx="961">
                  <c:v>87.826948205009927</c:v>
                </c:pt>
                <c:pt idx="962">
                  <c:v>87.797647397664988</c:v>
                </c:pt>
                <c:pt idx="963">
                  <c:v>87.76893859786864</c:v>
                </c:pt>
                <c:pt idx="964">
                  <c:v>87.740229798072292</c:v>
                </c:pt>
                <c:pt idx="965">
                  <c:v>87.710415442010486</c:v>
                </c:pt>
                <c:pt idx="966">
                  <c:v>87.682259420346867</c:v>
                </c:pt>
                <c:pt idx="967">
                  <c:v>87.652405834869214</c:v>
                </c:pt>
                <c:pt idx="968">
                  <c:v>87.623697035072851</c:v>
                </c:pt>
                <c:pt idx="969">
                  <c:v>87.594435457143774</c:v>
                </c:pt>
                <c:pt idx="970">
                  <c:v>87.564581871666107</c:v>
                </c:pt>
                <c:pt idx="971">
                  <c:v>87.536425850002473</c:v>
                </c:pt>
                <c:pt idx="972">
                  <c:v>87.506611493940682</c:v>
                </c:pt>
                <c:pt idx="973">
                  <c:v>87.477310686595729</c:v>
                </c:pt>
                <c:pt idx="974">
                  <c:v>87.44860545310992</c:v>
                </c:pt>
                <c:pt idx="975">
                  <c:v>87.418751867632253</c:v>
                </c:pt>
                <c:pt idx="976">
                  <c:v>87.390043067835904</c:v>
                </c:pt>
                <c:pt idx="977">
                  <c:v>87.361334268039542</c:v>
                </c:pt>
                <c:pt idx="978">
                  <c:v>87.33092790442916</c:v>
                </c:pt>
                <c:pt idx="979">
                  <c:v>87.302219104632812</c:v>
                </c:pt>
                <c:pt idx="980">
                  <c:v>87.272957526703735</c:v>
                </c:pt>
                <c:pt idx="981">
                  <c:v>87.243103941226067</c:v>
                </c:pt>
                <c:pt idx="982">
                  <c:v>87.214395141429719</c:v>
                </c:pt>
                <c:pt idx="983">
                  <c:v>87.184580785367913</c:v>
                </c:pt>
                <c:pt idx="984">
                  <c:v>87.155832756155689</c:v>
                </c:pt>
                <c:pt idx="985">
                  <c:v>87.127123956359341</c:v>
                </c:pt>
                <c:pt idx="986">
                  <c:v>87.096717592748945</c:v>
                </c:pt>
                <c:pt idx="987">
                  <c:v>87.068008792952597</c:v>
                </c:pt>
                <c:pt idx="988">
                  <c:v>87.038194436890805</c:v>
                </c:pt>
                <c:pt idx="989">
                  <c:v>87.008893629545852</c:v>
                </c:pt>
                <c:pt idx="990">
                  <c:v>86.980184829749518</c:v>
                </c:pt>
                <c:pt idx="991">
                  <c:v>86.950374039998252</c:v>
                </c:pt>
                <c:pt idx="992">
                  <c:v>86.921073232653285</c:v>
                </c:pt>
                <c:pt idx="993">
                  <c:v>86.891258876591493</c:v>
                </c:pt>
                <c:pt idx="994">
                  <c:v>86.861958069246555</c:v>
                </c:pt>
                <c:pt idx="995">
                  <c:v>86.832696491317478</c:v>
                </c:pt>
                <c:pt idx="996">
                  <c:v>86.80284290583981</c:v>
                </c:pt>
                <c:pt idx="997">
                  <c:v>86.773581327910748</c:v>
                </c:pt>
                <c:pt idx="998">
                  <c:v>86.744872528114385</c:v>
                </c:pt>
                <c:pt idx="999">
                  <c:v>86.714466164503989</c:v>
                </c:pt>
                <c:pt idx="1000">
                  <c:v>86.684612579026322</c:v>
                </c:pt>
                <c:pt idx="1001">
                  <c:v>86.655351001097245</c:v>
                </c:pt>
                <c:pt idx="1002">
                  <c:v>86.625497415619577</c:v>
                </c:pt>
                <c:pt idx="1003">
                  <c:v>86.5962358376905</c:v>
                </c:pt>
                <c:pt idx="1004">
                  <c:v>86.566382252212833</c:v>
                </c:pt>
                <c:pt idx="1005">
                  <c:v>86.536567896151027</c:v>
                </c:pt>
                <c:pt idx="1006">
                  <c:v>86.507267088806088</c:v>
                </c:pt>
                <c:pt idx="1007">
                  <c:v>86.476860725195706</c:v>
                </c:pt>
                <c:pt idx="1008">
                  <c:v>86.447599147266629</c:v>
                </c:pt>
                <c:pt idx="1009">
                  <c:v>86.417192783656233</c:v>
                </c:pt>
                <c:pt idx="1010">
                  <c:v>86.386786420045837</c:v>
                </c:pt>
                <c:pt idx="1011">
                  <c:v>86.35752484211676</c:v>
                </c:pt>
                <c:pt idx="1012">
                  <c:v>86.327118478506364</c:v>
                </c:pt>
                <c:pt idx="1013">
                  <c:v>86.297304122444558</c:v>
                </c:pt>
                <c:pt idx="1014">
                  <c:v>86.267450536966905</c:v>
                </c:pt>
                <c:pt idx="1015">
                  <c:v>86.23649139522378</c:v>
                </c:pt>
                <c:pt idx="1016">
                  <c:v>86.206637809746098</c:v>
                </c:pt>
                <c:pt idx="1017">
                  <c:v>86.176231446135716</c:v>
                </c:pt>
                <c:pt idx="1018">
                  <c:v>86.14582508252532</c:v>
                </c:pt>
                <c:pt idx="1019">
                  <c:v>86.116010726463514</c:v>
                </c:pt>
                <c:pt idx="1020">
                  <c:v>86.084459577171799</c:v>
                </c:pt>
                <c:pt idx="1021">
                  <c:v>86.054645221110007</c:v>
                </c:pt>
                <c:pt idx="1022">
                  <c:v>86.024238857499611</c:v>
                </c:pt>
                <c:pt idx="1023">
                  <c:v>85.993279715756501</c:v>
                </c:pt>
                <c:pt idx="1024">
                  <c:v>85.963426130278833</c:v>
                </c:pt>
                <c:pt idx="1025">
                  <c:v>85.932466988535708</c:v>
                </c:pt>
                <c:pt idx="1026">
                  <c:v>85.901507846792583</c:v>
                </c:pt>
                <c:pt idx="1027">
                  <c:v>85.871101483182187</c:v>
                </c:pt>
                <c:pt idx="1028">
                  <c:v>85.839589563306347</c:v>
                </c:pt>
                <c:pt idx="1029">
                  <c:v>85.809735977828666</c:v>
                </c:pt>
                <c:pt idx="1030">
                  <c:v>85.778776836085555</c:v>
                </c:pt>
                <c:pt idx="1031">
                  <c:v>85.747817694342444</c:v>
                </c:pt>
                <c:pt idx="1032">
                  <c:v>85.716858552599334</c:v>
                </c:pt>
                <c:pt idx="1033">
                  <c:v>85.685856615129794</c:v>
                </c:pt>
                <c:pt idx="1034">
                  <c:v>85.654897473386683</c:v>
                </c:pt>
                <c:pt idx="1035">
                  <c:v>85.623938331643558</c:v>
                </c:pt>
                <c:pt idx="1036">
                  <c:v>85.592426411767718</c:v>
                </c:pt>
                <c:pt idx="1037">
                  <c:v>85.561467270024593</c:v>
                </c:pt>
                <c:pt idx="1038">
                  <c:v>85.529916120732878</c:v>
                </c:pt>
                <c:pt idx="1039">
                  <c:v>85.498956978989753</c:v>
                </c:pt>
                <c:pt idx="1040">
                  <c:v>85.467997837246642</c:v>
                </c:pt>
                <c:pt idx="1041">
                  <c:v>85.436485917370803</c:v>
                </c:pt>
                <c:pt idx="1042">
                  <c:v>85.404934768079087</c:v>
                </c:pt>
                <c:pt idx="1043">
                  <c:v>85.373975626335962</c:v>
                </c:pt>
                <c:pt idx="1044">
                  <c:v>85.341871698911518</c:v>
                </c:pt>
                <c:pt idx="1045">
                  <c:v>85.310912557168407</c:v>
                </c:pt>
                <c:pt idx="1046">
                  <c:v>85.279397070982029</c:v>
                </c:pt>
                <c:pt idx="1047">
                  <c:v>85.247293143557584</c:v>
                </c:pt>
                <c:pt idx="1048">
                  <c:v>85.215781223681745</c:v>
                </c:pt>
                <c:pt idx="1049">
                  <c:v>85.18423007439003</c:v>
                </c:pt>
                <c:pt idx="1050">
                  <c:v>85.15271815451419</c:v>
                </c:pt>
                <c:pt idx="1051">
                  <c:v>85.121206234638336</c:v>
                </c:pt>
                <c:pt idx="1052">
                  <c:v>85.089102307213906</c:v>
                </c:pt>
                <c:pt idx="1053">
                  <c:v>85.058143165470796</c:v>
                </c:pt>
                <c:pt idx="1054">
                  <c:v>85.025486459913608</c:v>
                </c:pt>
                <c:pt idx="1055">
                  <c:v>84.993378966178639</c:v>
                </c:pt>
                <c:pt idx="1056">
                  <c:v>84.961867046302814</c:v>
                </c:pt>
                <c:pt idx="1057">
                  <c:v>84.929210340745627</c:v>
                </c:pt>
                <c:pt idx="1058">
                  <c:v>84.897698420869787</c:v>
                </c:pt>
                <c:pt idx="1059">
                  <c:v>84.865594493445357</c:v>
                </c:pt>
                <c:pt idx="1060">
                  <c:v>84.832937787888184</c:v>
                </c:pt>
                <c:pt idx="1061">
                  <c:v>84.801425868012345</c:v>
                </c:pt>
                <c:pt idx="1062">
                  <c:v>84.768216384322457</c:v>
                </c:pt>
                <c:pt idx="1063">
                  <c:v>84.736108890587474</c:v>
                </c:pt>
                <c:pt idx="1064">
                  <c:v>84.704557741295773</c:v>
                </c:pt>
                <c:pt idx="1065">
                  <c:v>84.671348257605871</c:v>
                </c:pt>
                <c:pt idx="1066">
                  <c:v>84.639283559597317</c:v>
                </c:pt>
                <c:pt idx="1067">
                  <c:v>84.606626854040144</c:v>
                </c:pt>
                <c:pt idx="1068">
                  <c:v>84.573970148482985</c:v>
                </c:pt>
                <c:pt idx="1069">
                  <c:v>84.541862654748016</c:v>
                </c:pt>
                <c:pt idx="1070">
                  <c:v>84.508653171058128</c:v>
                </c:pt>
                <c:pt idx="1071">
                  <c:v>84.475996465500955</c:v>
                </c:pt>
                <c:pt idx="1072">
                  <c:v>84.443339759943797</c:v>
                </c:pt>
                <c:pt idx="1073">
                  <c:v>84.409577498121195</c:v>
                </c:pt>
                <c:pt idx="1074">
                  <c:v>84.377473570696736</c:v>
                </c:pt>
                <c:pt idx="1075">
                  <c:v>84.344260520696324</c:v>
                </c:pt>
                <c:pt idx="1076">
                  <c:v>84.310498258873707</c:v>
                </c:pt>
                <c:pt idx="1077">
                  <c:v>84.278394331449263</c:v>
                </c:pt>
                <c:pt idx="1078">
                  <c:v>84.244592840210771</c:v>
                </c:pt>
                <c:pt idx="1079">
                  <c:v>84.211975364069488</c:v>
                </c:pt>
                <c:pt idx="1080">
                  <c:v>84.178170306520471</c:v>
                </c:pt>
                <c:pt idx="1081">
                  <c:v>84.144408044697855</c:v>
                </c:pt>
                <c:pt idx="1082">
                  <c:v>84.111751339140696</c:v>
                </c:pt>
                <c:pt idx="1083">
                  <c:v>84.077949847902204</c:v>
                </c:pt>
                <c:pt idx="1084">
                  <c:v>84.044184019769062</c:v>
                </c:pt>
                <c:pt idx="1085">
                  <c:v>84.011527314211889</c:v>
                </c:pt>
                <c:pt idx="1086">
                  <c:v>83.977173044840697</c:v>
                </c:pt>
                <c:pt idx="1087">
                  <c:v>83.943963561150809</c:v>
                </c:pt>
                <c:pt idx="1088">
                  <c:v>83.910197733017654</c:v>
                </c:pt>
                <c:pt idx="1089">
                  <c:v>83.875843463646447</c:v>
                </c:pt>
                <c:pt idx="1090">
                  <c:v>83.842633979956545</c:v>
                </c:pt>
                <c:pt idx="1091">
                  <c:v>83.808279710585339</c:v>
                </c:pt>
                <c:pt idx="1092">
                  <c:v>83.773961104319469</c:v>
                </c:pt>
                <c:pt idx="1093">
                  <c:v>83.740712391213705</c:v>
                </c:pt>
                <c:pt idx="1094">
                  <c:v>83.705844573125646</c:v>
                </c:pt>
                <c:pt idx="1095">
                  <c:v>83.671490303754453</c:v>
                </c:pt>
                <c:pt idx="1096">
                  <c:v>83.637132468072693</c:v>
                </c:pt>
                <c:pt idx="1097">
                  <c:v>83.602817428117362</c:v>
                </c:pt>
                <c:pt idx="1098">
                  <c:v>83.568463158746141</c:v>
                </c:pt>
                <c:pt idx="1099">
                  <c:v>83.533552544931695</c:v>
                </c:pt>
                <c:pt idx="1100">
                  <c:v>83.498645497427745</c:v>
                </c:pt>
                <c:pt idx="1101">
                  <c:v>83.463738449923824</c:v>
                </c:pt>
                <c:pt idx="1102">
                  <c:v>83.428827836109349</c:v>
                </c:pt>
                <c:pt idx="1103">
                  <c:v>83.393920788605399</c:v>
                </c:pt>
                <c:pt idx="1104">
                  <c:v>83.359013741101478</c:v>
                </c:pt>
                <c:pt idx="1105">
                  <c:v>83.323550349154289</c:v>
                </c:pt>
                <c:pt idx="1106">
                  <c:v>83.288643301650353</c:v>
                </c:pt>
                <c:pt idx="1107">
                  <c:v>83.253736254146418</c:v>
                </c:pt>
                <c:pt idx="1108">
                  <c:v>83.218276428509768</c:v>
                </c:pt>
                <c:pt idx="1109">
                  <c:v>83.182260258429835</c:v>
                </c:pt>
                <c:pt idx="1110">
                  <c:v>83.146761203377309</c:v>
                </c:pt>
                <c:pt idx="1111">
                  <c:v>83.11129781143012</c:v>
                </c:pt>
                <c:pt idx="1112">
                  <c:v>83.075837985793456</c:v>
                </c:pt>
                <c:pt idx="1113">
                  <c:v>83.039825382024077</c:v>
                </c:pt>
                <c:pt idx="1114">
                  <c:v>83.004322760661026</c:v>
                </c:pt>
                <c:pt idx="1115">
                  <c:v>82.967757378758904</c:v>
                </c:pt>
                <c:pt idx="1116">
                  <c:v>82.932254757395853</c:v>
                </c:pt>
                <c:pt idx="1117">
                  <c:v>82.89624215362646</c:v>
                </c:pt>
                <c:pt idx="1118">
                  <c:v>82.859637542308491</c:v>
                </c:pt>
                <c:pt idx="1119">
                  <c:v>82.823621372228558</c:v>
                </c:pt>
                <c:pt idx="1120">
                  <c:v>82.787016760910575</c:v>
                </c:pt>
                <c:pt idx="1121">
                  <c:v>82.750408583282081</c:v>
                </c:pt>
                <c:pt idx="1122">
                  <c:v>82.714395979512688</c:v>
                </c:pt>
                <c:pt idx="1123">
                  <c:v>82.677238590061989</c:v>
                </c:pt>
                <c:pt idx="1124">
                  <c:v>82.640630412433481</c:v>
                </c:pt>
                <c:pt idx="1125">
                  <c:v>82.604065030531359</c:v>
                </c:pt>
                <c:pt idx="1126">
                  <c:v>82.566904074770122</c:v>
                </c:pt>
                <c:pt idx="1127">
                  <c:v>82.529746685319424</c:v>
                </c:pt>
                <c:pt idx="1128">
                  <c:v>82.492585729558186</c:v>
                </c:pt>
                <c:pt idx="1129">
                  <c:v>82.455428340107488</c:v>
                </c:pt>
                <c:pt idx="1130">
                  <c:v>82.418820162478966</c:v>
                </c:pt>
                <c:pt idx="1131">
                  <c:v>82.380557216762824</c:v>
                </c:pt>
                <c:pt idx="1132">
                  <c:v>82.343396261001573</c:v>
                </c:pt>
                <c:pt idx="1133">
                  <c:v>82.306238871550875</c:v>
                </c:pt>
                <c:pt idx="1134">
                  <c:v>82.268485908241047</c:v>
                </c:pt>
                <c:pt idx="1135">
                  <c:v>82.231328518790349</c:v>
                </c:pt>
                <c:pt idx="1136">
                  <c:v>82.193614784896369</c:v>
                </c:pt>
                <c:pt idx="1137">
                  <c:v>82.155351839180227</c:v>
                </c:pt>
                <c:pt idx="1138">
                  <c:v>82.11819088341899</c:v>
                </c:pt>
                <c:pt idx="1139">
                  <c:v>82.079335930154244</c:v>
                </c:pt>
                <c:pt idx="1140">
                  <c:v>82.041069418127549</c:v>
                </c:pt>
                <c:pt idx="1141">
                  <c:v>82.003320021128246</c:v>
                </c:pt>
                <c:pt idx="1142">
                  <c:v>81.965053509101566</c:v>
                </c:pt>
                <c:pt idx="1143">
                  <c:v>81.927343341518139</c:v>
                </c:pt>
                <c:pt idx="1144">
                  <c:v>81.888484821942853</c:v>
                </c:pt>
                <c:pt idx="1145">
                  <c:v>81.849629868678107</c:v>
                </c:pt>
                <c:pt idx="1146">
                  <c:v>81.811363356651412</c:v>
                </c:pt>
                <c:pt idx="1147">
                  <c:v>81.773057615208856</c:v>
                </c:pt>
                <c:pt idx="1148">
                  <c:v>81.733649883811395</c:v>
                </c:pt>
                <c:pt idx="1149">
                  <c:v>81.6953833717847</c:v>
                </c:pt>
                <c:pt idx="1150">
                  <c:v>81.655975640387226</c:v>
                </c:pt>
                <c:pt idx="1151">
                  <c:v>81.61711712081194</c:v>
                </c:pt>
                <c:pt idx="1152">
                  <c:v>81.578262167547194</c:v>
                </c:pt>
                <c:pt idx="1153">
                  <c:v>81.53885086983918</c:v>
                </c:pt>
                <c:pt idx="1154">
                  <c:v>81.500031579679785</c:v>
                </c:pt>
                <c:pt idx="1155">
                  <c:v>81.46062384828231</c:v>
                </c:pt>
                <c:pt idx="1156">
                  <c:v>81.421212550574296</c:v>
                </c:pt>
                <c:pt idx="1157">
                  <c:v>81.381804819176836</c:v>
                </c:pt>
                <c:pt idx="1158">
                  <c:v>81.341801513920217</c:v>
                </c:pt>
                <c:pt idx="1159">
                  <c:v>81.302390216212217</c:v>
                </c:pt>
                <c:pt idx="1160">
                  <c:v>81.262429706682013</c:v>
                </c:pt>
                <c:pt idx="1161">
                  <c:v>81.223018408973999</c:v>
                </c:pt>
                <c:pt idx="1162">
                  <c:v>81.183054333133285</c:v>
                </c:pt>
                <c:pt idx="1163">
                  <c:v>81.142501816054491</c:v>
                </c:pt>
                <c:pt idx="1164">
                  <c:v>81.102537740213748</c:v>
                </c:pt>
                <c:pt idx="1165">
                  <c:v>81.062573664373033</c:v>
                </c:pt>
                <c:pt idx="1166">
                  <c:v>81.022021147294225</c:v>
                </c:pt>
                <c:pt idx="1167">
                  <c:v>80.982057071453497</c:v>
                </c:pt>
                <c:pt idx="1168">
                  <c:v>80.941540217480039</c:v>
                </c:pt>
                <c:pt idx="1169">
                  <c:v>80.900987700401245</c:v>
                </c:pt>
                <c:pt idx="1170">
                  <c:v>80.860470846427788</c:v>
                </c:pt>
                <c:pt idx="1171">
                  <c:v>80.81936198490574</c:v>
                </c:pt>
                <c:pt idx="1172">
                  <c:v>80.779397909064997</c:v>
                </c:pt>
                <c:pt idx="1173">
                  <c:v>80.738292613853474</c:v>
                </c:pt>
                <c:pt idx="1174">
                  <c:v>80.697183752331441</c:v>
                </c:pt>
                <c:pt idx="1175">
                  <c:v>80.656666898357969</c:v>
                </c:pt>
                <c:pt idx="1176">
                  <c:v>80.615008825013732</c:v>
                </c:pt>
                <c:pt idx="1177">
                  <c:v>80.574452741624398</c:v>
                </c:pt>
                <c:pt idx="1178">
                  <c:v>80.53334388010235</c:v>
                </c:pt>
                <c:pt idx="1179">
                  <c:v>80.491129462314845</c:v>
                </c:pt>
                <c:pt idx="1180">
                  <c:v>80.450024167103322</c:v>
                </c:pt>
                <c:pt idx="1181">
                  <c:v>80.40895453499715</c:v>
                </c:pt>
                <c:pt idx="1182">
                  <c:v>80.367292895342374</c:v>
                </c:pt>
                <c:pt idx="1183">
                  <c:v>80.326184033820326</c:v>
                </c:pt>
                <c:pt idx="1184">
                  <c:v>80.283930386616959</c:v>
                </c:pt>
                <c:pt idx="1185">
                  <c:v>80.242272313272707</c:v>
                </c:pt>
                <c:pt idx="1186">
                  <c:v>80.200610673617931</c:v>
                </c:pt>
                <c:pt idx="1187">
                  <c:v>80.15784347769771</c:v>
                </c:pt>
                <c:pt idx="1188">
                  <c:v>80.116181838042934</c:v>
                </c:pt>
                <c:pt idx="1189">
                  <c:v>80.074523764698696</c:v>
                </c:pt>
                <c:pt idx="1190">
                  <c:v>80.032309346911191</c:v>
                </c:pt>
                <c:pt idx="1191">
                  <c:v>79.990647707256414</c:v>
                </c:pt>
                <c:pt idx="1192">
                  <c:v>79.947841281920319</c:v>
                </c:pt>
                <c:pt idx="1193">
                  <c:v>79.905626864132813</c:v>
                </c:pt>
                <c:pt idx="1194">
                  <c:v>79.863416012655833</c:v>
                </c:pt>
                <c:pt idx="1195">
                  <c:v>79.821162365452466</c:v>
                </c:pt>
                <c:pt idx="1196">
                  <c:v>79.778947947664975</c:v>
                </c:pt>
                <c:pt idx="1197">
                  <c:v>79.736733529877469</c:v>
                </c:pt>
                <c:pt idx="1198">
                  <c:v>79.693927104541373</c:v>
                </c:pt>
                <c:pt idx="1199">
                  <c:v>79.651716253064393</c:v>
                </c:pt>
                <c:pt idx="1200">
                  <c:v>79.608909827728297</c:v>
                </c:pt>
                <c:pt idx="1201">
                  <c:v>79.566695409940806</c:v>
                </c:pt>
                <c:pt idx="1202">
                  <c:v>79.5244809921533</c:v>
                </c:pt>
                <c:pt idx="1203">
                  <c:v>79.481674566817205</c:v>
                </c:pt>
                <c:pt idx="1204">
                  <c:v>79.439460149029699</c:v>
                </c:pt>
                <c:pt idx="1205">
                  <c:v>79.396657290004129</c:v>
                </c:pt>
                <c:pt idx="1206">
                  <c:v>79.353890094083908</c:v>
                </c:pt>
                <c:pt idx="1207">
                  <c:v>79.311675676296417</c:v>
                </c:pt>
                <c:pt idx="1208">
                  <c:v>79.268869250960321</c:v>
                </c:pt>
                <c:pt idx="1209">
                  <c:v>79.226654833172816</c:v>
                </c:pt>
                <c:pt idx="1210">
                  <c:v>79.18384840783672</c:v>
                </c:pt>
                <c:pt idx="1211">
                  <c:v>79.141084778227025</c:v>
                </c:pt>
                <c:pt idx="1212">
                  <c:v>79.09887036043952</c:v>
                </c:pt>
                <c:pt idx="1213">
                  <c:v>79.056063935103424</c:v>
                </c:pt>
                <c:pt idx="1214">
                  <c:v>79.013257509767314</c:v>
                </c:pt>
                <c:pt idx="1215">
                  <c:v>78.971043091979823</c:v>
                </c:pt>
                <c:pt idx="1216">
                  <c:v>78.928275896059603</c:v>
                </c:pt>
                <c:pt idx="1217">
                  <c:v>78.886025815166761</c:v>
                </c:pt>
                <c:pt idx="1218">
                  <c:v>78.843258619246527</c:v>
                </c:pt>
                <c:pt idx="1219">
                  <c:v>78.800452193910431</c:v>
                </c:pt>
                <c:pt idx="1220">
                  <c:v>78.758790554255668</c:v>
                </c:pt>
                <c:pt idx="1221">
                  <c:v>78.716023358335434</c:v>
                </c:pt>
                <c:pt idx="1222">
                  <c:v>78.673216932999338</c:v>
                </c:pt>
                <c:pt idx="1223">
                  <c:v>78.631006081522372</c:v>
                </c:pt>
                <c:pt idx="1224">
                  <c:v>78.588199656186262</c:v>
                </c:pt>
                <c:pt idx="1225">
                  <c:v>78.545985238398757</c:v>
                </c:pt>
                <c:pt idx="1226">
                  <c:v>78.503770820611265</c:v>
                </c:pt>
                <c:pt idx="1227">
                  <c:v>78.46155640282376</c:v>
                </c:pt>
                <c:pt idx="1228">
                  <c:v>78.419306321930932</c:v>
                </c:pt>
                <c:pt idx="1229">
                  <c:v>78.377091904143427</c:v>
                </c:pt>
                <c:pt idx="1230">
                  <c:v>78.334877486355921</c:v>
                </c:pt>
                <c:pt idx="1231">
                  <c:v>78.293215846701145</c:v>
                </c:pt>
                <c:pt idx="1232">
                  <c:v>78.250409421365049</c:v>
                </c:pt>
                <c:pt idx="1233">
                  <c:v>78.20930412615354</c:v>
                </c:pt>
                <c:pt idx="1234">
                  <c:v>78.167089708366035</c:v>
                </c:pt>
                <c:pt idx="1235">
                  <c:v>78.125428068711258</c:v>
                </c:pt>
                <c:pt idx="1236">
                  <c:v>78.083766429056482</c:v>
                </c:pt>
                <c:pt idx="1237">
                  <c:v>78.041555577579516</c:v>
                </c:pt>
                <c:pt idx="1238">
                  <c:v>78.000446716057454</c:v>
                </c:pt>
                <c:pt idx="1239">
                  <c:v>77.959337854535406</c:v>
                </c:pt>
                <c:pt idx="1240">
                  <c:v>77.9171234367479</c:v>
                </c:pt>
                <c:pt idx="1241">
                  <c:v>77.876018141536392</c:v>
                </c:pt>
                <c:pt idx="1242">
                  <c:v>77.834356501881601</c:v>
                </c:pt>
                <c:pt idx="1243">
                  <c:v>77.793286869775429</c:v>
                </c:pt>
                <c:pt idx="1244">
                  <c:v>77.75273078638611</c:v>
                </c:pt>
                <c:pt idx="1245">
                  <c:v>77.711072713041858</c:v>
                </c:pt>
                <c:pt idx="1246">
                  <c:v>77.66996385151981</c:v>
                </c:pt>
                <c:pt idx="1247">
                  <c:v>77.629446997546353</c:v>
                </c:pt>
                <c:pt idx="1248">
                  <c:v>77.588338136024291</c:v>
                </c:pt>
                <c:pt idx="1249">
                  <c:v>77.548377626494087</c:v>
                </c:pt>
                <c:pt idx="1250">
                  <c:v>77.507268764972054</c:v>
                </c:pt>
                <c:pt idx="1251">
                  <c:v>77.467304689131311</c:v>
                </c:pt>
                <c:pt idx="1252">
                  <c:v>77.426752172052517</c:v>
                </c:pt>
                <c:pt idx="1253">
                  <c:v>77.386788096211788</c:v>
                </c:pt>
                <c:pt idx="1254">
                  <c:v>77.346232012822455</c:v>
                </c:pt>
                <c:pt idx="1255">
                  <c:v>77.306271503292251</c:v>
                </c:pt>
                <c:pt idx="1256">
                  <c:v>77.266860205584251</c:v>
                </c:pt>
                <c:pt idx="1257">
                  <c:v>77.226896129743523</c:v>
                </c:pt>
                <c:pt idx="1258">
                  <c:v>77.186935620213319</c:v>
                </c:pt>
                <c:pt idx="1259">
                  <c:v>77.148077100638048</c:v>
                </c:pt>
                <c:pt idx="1260">
                  <c:v>77.108669369240573</c:v>
                </c:pt>
                <c:pt idx="1261">
                  <c:v>77.069258071532559</c:v>
                </c:pt>
                <c:pt idx="1262">
                  <c:v>77.030399551957274</c:v>
                </c:pt>
                <c:pt idx="1263">
                  <c:v>76.991583828108404</c:v>
                </c:pt>
                <c:pt idx="1264">
                  <c:v>76.952172530400389</c:v>
                </c:pt>
                <c:pt idx="1265">
                  <c:v>76.913870355268372</c:v>
                </c:pt>
                <c:pt idx="1266">
                  <c:v>76.875011835693087</c:v>
                </c:pt>
                <c:pt idx="1267">
                  <c:v>76.836745323666406</c:v>
                </c:pt>
                <c:pt idx="1268">
                  <c:v>76.798443148534375</c:v>
                </c:pt>
                <c:pt idx="1269">
                  <c:v>76.76017663650768</c:v>
                </c:pt>
                <c:pt idx="1270">
                  <c:v>76.721874461375677</c:v>
                </c:pt>
                <c:pt idx="1271">
                  <c:v>76.683607949348982</c:v>
                </c:pt>
                <c:pt idx="1272">
                  <c:v>76.645897781765555</c:v>
                </c:pt>
                <c:pt idx="1273">
                  <c:v>76.608736826004304</c:v>
                </c:pt>
                <c:pt idx="1274">
                  <c:v>76.571026658420891</c:v>
                </c:pt>
                <c:pt idx="1275">
                  <c:v>76.533273695111063</c:v>
                </c:pt>
                <c:pt idx="1276">
                  <c:v>76.496708313208941</c:v>
                </c:pt>
                <c:pt idx="1277">
                  <c:v>76.458955349899099</c:v>
                </c:pt>
                <c:pt idx="1278">
                  <c:v>76.422389967997006</c:v>
                </c:pt>
                <c:pt idx="1279">
                  <c:v>76.385229012235769</c:v>
                </c:pt>
                <c:pt idx="1280">
                  <c:v>76.348071622785056</c:v>
                </c:pt>
                <c:pt idx="1281">
                  <c:v>76.312019789599802</c:v>
                </c:pt>
                <c:pt idx="1282">
                  <c:v>76.275450841387155</c:v>
                </c:pt>
                <c:pt idx="1283">
                  <c:v>76.238846230069186</c:v>
                </c:pt>
                <c:pt idx="1284">
                  <c:v>76.202830059989267</c:v>
                </c:pt>
                <c:pt idx="1285">
                  <c:v>76.166778226804013</c:v>
                </c:pt>
                <c:pt idx="1286">
                  <c:v>76.130765623034634</c:v>
                </c:pt>
                <c:pt idx="1287">
                  <c:v>76.09471022353884</c:v>
                </c:pt>
                <c:pt idx="1288">
                  <c:v>76.058697619769461</c:v>
                </c:pt>
                <c:pt idx="1289">
                  <c:v>76.024339784087729</c:v>
                </c:pt>
                <c:pt idx="1290">
                  <c:v>75.988327180318322</c:v>
                </c:pt>
                <c:pt idx="1291">
                  <c:v>75.95282812526581</c:v>
                </c:pt>
                <c:pt idx="1292">
                  <c:v>75.917917511451336</c:v>
                </c:pt>
                <c:pt idx="1293">
                  <c:v>75.883049693363276</c:v>
                </c:pt>
                <c:pt idx="1294">
                  <c:v>75.84755063831075</c:v>
                </c:pt>
                <c:pt idx="1295">
                  <c:v>75.812640024496275</c:v>
                </c:pt>
                <c:pt idx="1296">
                  <c:v>75.77773297699234</c:v>
                </c:pt>
                <c:pt idx="1297">
                  <c:v>75.743417937037009</c:v>
                </c:pt>
                <c:pt idx="1298">
                  <c:v>75.709063667665802</c:v>
                </c:pt>
                <c:pt idx="1299">
                  <c:v>75.675297839532647</c:v>
                </c:pt>
                <c:pt idx="1300">
                  <c:v>75.64094357016144</c:v>
                </c:pt>
                <c:pt idx="1301">
                  <c:v>75.606589300790233</c:v>
                </c:pt>
                <c:pt idx="1302">
                  <c:v>75.572823472657078</c:v>
                </c:pt>
                <c:pt idx="1303">
                  <c:v>75.539061210834475</c:v>
                </c:pt>
                <c:pt idx="1304">
                  <c:v>75.505259719595983</c:v>
                </c:pt>
                <c:pt idx="1305">
                  <c:v>75.471497457773367</c:v>
                </c:pt>
                <c:pt idx="1306">
                  <c:v>75.436586843958906</c:v>
                </c:pt>
                <c:pt idx="1307">
                  <c:v>75.403930138401748</c:v>
                </c:pt>
                <c:pt idx="1308">
                  <c:v>75.370720654711846</c:v>
                </c:pt>
                <c:pt idx="1309">
                  <c:v>75.336919163473368</c:v>
                </c:pt>
                <c:pt idx="1310">
                  <c:v>75.304854465464786</c:v>
                </c:pt>
                <c:pt idx="1311">
                  <c:v>75.271602186048497</c:v>
                </c:pt>
                <c:pt idx="1312">
                  <c:v>75.238984709907214</c:v>
                </c:pt>
                <c:pt idx="1313">
                  <c:v>75.205735996801451</c:v>
                </c:pt>
                <c:pt idx="1314">
                  <c:v>75.173079291244292</c:v>
                </c:pt>
                <c:pt idx="1315">
                  <c:v>75.140461815102981</c:v>
                </c:pt>
                <c:pt idx="1316">
                  <c:v>75.107805109545822</c:v>
                </c:pt>
                <c:pt idx="1317">
                  <c:v>75.075144837678138</c:v>
                </c:pt>
                <c:pt idx="1318">
                  <c:v>75.043040910253694</c:v>
                </c:pt>
                <c:pt idx="1319">
                  <c:v>75.010936982829264</c:v>
                </c:pt>
                <c:pt idx="1320">
                  <c:v>74.978872284820682</c:v>
                </c:pt>
                <c:pt idx="1321">
                  <c:v>74.946768357396238</c:v>
                </c:pt>
                <c:pt idx="1322">
                  <c:v>74.914664429971793</c:v>
                </c:pt>
                <c:pt idx="1323">
                  <c:v>74.883152510095968</c:v>
                </c:pt>
                <c:pt idx="1324">
                  <c:v>74.851045016360985</c:v>
                </c:pt>
                <c:pt idx="1325">
                  <c:v>74.81898031835243</c:v>
                </c:pt>
                <c:pt idx="1326">
                  <c:v>74.787429169060701</c:v>
                </c:pt>
                <c:pt idx="1327">
                  <c:v>74.755917249184861</c:v>
                </c:pt>
                <c:pt idx="1328">
                  <c:v>74.724405329309022</c:v>
                </c:pt>
                <c:pt idx="1329">
                  <c:v>74.692301401884578</c:v>
                </c:pt>
                <c:pt idx="1330">
                  <c:v>74.660789482008738</c:v>
                </c:pt>
                <c:pt idx="1331">
                  <c:v>74.629791110849737</c:v>
                </c:pt>
                <c:pt idx="1332">
                  <c:v>74.597726412841169</c:v>
                </c:pt>
                <c:pt idx="1333">
                  <c:v>74.566175263549468</c:v>
                </c:pt>
                <c:pt idx="1334">
                  <c:v>74.535216121806343</c:v>
                </c:pt>
                <c:pt idx="1335">
                  <c:v>74.503700635619964</c:v>
                </c:pt>
                <c:pt idx="1336">
                  <c:v>74.472149486328249</c:v>
                </c:pt>
                <c:pt idx="1337">
                  <c:v>74.441190344585124</c:v>
                </c:pt>
                <c:pt idx="1338">
                  <c:v>74.410231202841999</c:v>
                </c:pt>
                <c:pt idx="1339">
                  <c:v>74.378719282966159</c:v>
                </c:pt>
                <c:pt idx="1340">
                  <c:v>74.347760141223048</c:v>
                </c:pt>
                <c:pt idx="1341">
                  <c:v>74.316800999479938</c:v>
                </c:pt>
                <c:pt idx="1342">
                  <c:v>74.286394635869542</c:v>
                </c:pt>
                <c:pt idx="1343">
                  <c:v>74.255435494126402</c:v>
                </c:pt>
                <c:pt idx="1344">
                  <c:v>74.22443712296743</c:v>
                </c:pt>
                <c:pt idx="1345">
                  <c:v>74.19406998877291</c:v>
                </c:pt>
                <c:pt idx="1346">
                  <c:v>74.163071617613909</c:v>
                </c:pt>
                <c:pt idx="1347">
                  <c:v>74.132112475870798</c:v>
                </c:pt>
                <c:pt idx="1348">
                  <c:v>74.101706112260402</c:v>
                </c:pt>
                <c:pt idx="1349">
                  <c:v>74.07189175619861</c:v>
                </c:pt>
                <c:pt idx="1350">
                  <c:v>74.0414853925882</c:v>
                </c:pt>
                <c:pt idx="1351">
                  <c:v>74.010526250845089</c:v>
                </c:pt>
                <c:pt idx="1352">
                  <c:v>73.980672665367422</c:v>
                </c:pt>
                <c:pt idx="1353">
                  <c:v>73.950266301757026</c:v>
                </c:pt>
                <c:pt idx="1354">
                  <c:v>73.919859938146644</c:v>
                </c:pt>
                <c:pt idx="1355">
                  <c:v>73.890045582084824</c:v>
                </c:pt>
                <c:pt idx="1356">
                  <c:v>73.859086440341699</c:v>
                </c:pt>
                <c:pt idx="1357">
                  <c:v>73.829232854864031</c:v>
                </c:pt>
                <c:pt idx="1358">
                  <c:v>73.799379269386364</c:v>
                </c:pt>
                <c:pt idx="1359">
                  <c:v>73.768972905775968</c:v>
                </c:pt>
                <c:pt idx="1360">
                  <c:v>73.739711327846891</c:v>
                </c:pt>
                <c:pt idx="1361">
                  <c:v>73.709304964236495</c:v>
                </c:pt>
                <c:pt idx="1362">
                  <c:v>73.678898600626113</c:v>
                </c:pt>
                <c:pt idx="1363">
                  <c:v>73.649637022697036</c:v>
                </c:pt>
                <c:pt idx="1364">
                  <c:v>73.619783437219382</c:v>
                </c:pt>
                <c:pt idx="1365">
                  <c:v>73.589969081157562</c:v>
                </c:pt>
                <c:pt idx="1366">
                  <c:v>73.560668273812624</c:v>
                </c:pt>
                <c:pt idx="1367">
                  <c:v>73.530853917750832</c:v>
                </c:pt>
                <c:pt idx="1368">
                  <c:v>73.501000332273165</c:v>
                </c:pt>
                <c:pt idx="1369">
                  <c:v>73.471738754344088</c:v>
                </c:pt>
                <c:pt idx="1370">
                  <c:v>73.442437946999135</c:v>
                </c:pt>
                <c:pt idx="1371">
                  <c:v>73.412623590937343</c:v>
                </c:pt>
                <c:pt idx="1372">
                  <c:v>73.383322783592391</c:v>
                </c:pt>
                <c:pt idx="1373">
                  <c:v>73.354061205663314</c:v>
                </c:pt>
                <c:pt idx="1374">
                  <c:v>73.324799627734237</c:v>
                </c:pt>
                <c:pt idx="1375">
                  <c:v>73.294946042256569</c:v>
                </c:pt>
                <c:pt idx="1376">
                  <c:v>73.266237242460235</c:v>
                </c:pt>
                <c:pt idx="1377">
                  <c:v>73.236975664531158</c:v>
                </c:pt>
                <c:pt idx="1378">
                  <c:v>73.207122079053491</c:v>
                </c:pt>
                <c:pt idx="1379">
                  <c:v>73.178413279257128</c:v>
                </c:pt>
                <c:pt idx="1380">
                  <c:v>73.149151701328051</c:v>
                </c:pt>
                <c:pt idx="1381">
                  <c:v>73.120407238426367</c:v>
                </c:pt>
                <c:pt idx="1382">
                  <c:v>73.09114566049729</c:v>
                </c:pt>
                <c:pt idx="1383">
                  <c:v>73.061884082568213</c:v>
                </c:pt>
                <c:pt idx="1384">
                  <c:v>73.032030497090545</c:v>
                </c:pt>
                <c:pt idx="1385">
                  <c:v>73.002768919161483</c:v>
                </c:pt>
                <c:pt idx="1386">
                  <c:v>72.974060119365134</c:v>
                </c:pt>
                <c:pt idx="1387">
                  <c:v>72.944759312020182</c:v>
                </c:pt>
                <c:pt idx="1388">
                  <c:v>72.915497734091105</c:v>
                </c:pt>
                <c:pt idx="1389">
                  <c:v>72.886788934294756</c:v>
                </c:pt>
                <c:pt idx="1390">
                  <c:v>72.857488126949804</c:v>
                </c:pt>
                <c:pt idx="1391">
                  <c:v>72.827673770888012</c:v>
                </c:pt>
                <c:pt idx="1392">
                  <c:v>72.798964971091678</c:v>
                </c:pt>
                <c:pt idx="1393">
                  <c:v>72.769664163746725</c:v>
                </c:pt>
                <c:pt idx="1394">
                  <c:v>72.740402585817648</c:v>
                </c:pt>
                <c:pt idx="1395">
                  <c:v>72.711141007888571</c:v>
                </c:pt>
                <c:pt idx="1396">
                  <c:v>72.681840200543618</c:v>
                </c:pt>
                <c:pt idx="1397">
                  <c:v>72.65313140074727</c:v>
                </c:pt>
                <c:pt idx="1398">
                  <c:v>72.623873389128732</c:v>
                </c:pt>
                <c:pt idx="1399">
                  <c:v>72.594572581783794</c:v>
                </c:pt>
                <c:pt idx="1400">
                  <c:v>72.565311003854731</c:v>
                </c:pt>
                <c:pt idx="1401">
                  <c:v>72.536049425925654</c:v>
                </c:pt>
                <c:pt idx="1402">
                  <c:v>72.506748618580701</c:v>
                </c:pt>
                <c:pt idx="1403">
                  <c:v>72.478039818784339</c:v>
                </c:pt>
                <c:pt idx="1404">
                  <c:v>72.448778240855276</c:v>
                </c:pt>
                <c:pt idx="1405">
                  <c:v>72.420069441058928</c:v>
                </c:pt>
                <c:pt idx="1406">
                  <c:v>72.390768633713989</c:v>
                </c:pt>
                <c:pt idx="1407">
                  <c:v>72.362059833917641</c:v>
                </c:pt>
                <c:pt idx="1408">
                  <c:v>72.332798255988564</c:v>
                </c:pt>
                <c:pt idx="1409">
                  <c:v>72.303536678059487</c:v>
                </c:pt>
                <c:pt idx="1410">
                  <c:v>72.274788648847263</c:v>
                </c:pt>
                <c:pt idx="1411">
                  <c:v>72.245527070918186</c:v>
                </c:pt>
                <c:pt idx="1412">
                  <c:v>72.216265492989123</c:v>
                </c:pt>
                <c:pt idx="1413">
                  <c:v>72.187560259503286</c:v>
                </c:pt>
                <c:pt idx="1414">
                  <c:v>72.157706674025633</c:v>
                </c:pt>
                <c:pt idx="1415">
                  <c:v>72.128997874229285</c:v>
                </c:pt>
                <c:pt idx="1416">
                  <c:v>72.100289074432936</c:v>
                </c:pt>
                <c:pt idx="1417">
                  <c:v>72.070988267087984</c:v>
                </c:pt>
                <c:pt idx="1418">
                  <c:v>72.042279467291635</c:v>
                </c:pt>
                <c:pt idx="1419">
                  <c:v>72.013017889362573</c:v>
                </c:pt>
                <c:pt idx="1420">
                  <c:v>71.984309089566224</c:v>
                </c:pt>
                <c:pt idx="1421">
                  <c:v>71.955600289769862</c:v>
                </c:pt>
                <c:pt idx="1422">
                  <c:v>71.926299482424909</c:v>
                </c:pt>
                <c:pt idx="1423">
                  <c:v>71.897590682628561</c:v>
                </c:pt>
                <c:pt idx="1424">
                  <c:v>71.868881882832227</c:v>
                </c:pt>
                <c:pt idx="1425">
                  <c:v>71.840173083035879</c:v>
                </c:pt>
                <c:pt idx="1426">
                  <c:v>71.810915071417341</c:v>
                </c:pt>
                <c:pt idx="1427">
                  <c:v>71.782206271620979</c:v>
                </c:pt>
                <c:pt idx="1428">
                  <c:v>71.753458242408769</c:v>
                </c:pt>
                <c:pt idx="1429">
                  <c:v>71.724196664479692</c:v>
                </c:pt>
                <c:pt idx="1430">
                  <c:v>71.694935086550601</c:v>
                </c:pt>
                <c:pt idx="1431">
                  <c:v>71.666226286754267</c:v>
                </c:pt>
                <c:pt idx="1432">
                  <c:v>71.637478257542043</c:v>
                </c:pt>
                <c:pt idx="1433">
                  <c:v>71.608216679612966</c:v>
                </c:pt>
                <c:pt idx="1434">
                  <c:v>71.580060657949346</c:v>
                </c:pt>
                <c:pt idx="1435">
                  <c:v>71.550799080020283</c:v>
                </c:pt>
                <c:pt idx="1436">
                  <c:v>71.522090280223921</c:v>
                </c:pt>
                <c:pt idx="1437">
                  <c:v>71.493934258560301</c:v>
                </c:pt>
                <c:pt idx="1438">
                  <c:v>71.465229025074478</c:v>
                </c:pt>
                <c:pt idx="1439">
                  <c:v>71.43652022527813</c:v>
                </c:pt>
                <c:pt idx="1440">
                  <c:v>71.407219417933192</c:v>
                </c:pt>
                <c:pt idx="1441">
                  <c:v>71.378510618136843</c:v>
                </c:pt>
                <c:pt idx="1442">
                  <c:v>71.349801818340481</c:v>
                </c:pt>
                <c:pt idx="1443">
                  <c:v>71.321645796676862</c:v>
                </c:pt>
                <c:pt idx="1444">
                  <c:v>71.292384218747785</c:v>
                </c:pt>
                <c:pt idx="1445">
                  <c:v>71.263675418951451</c:v>
                </c:pt>
                <c:pt idx="1446">
                  <c:v>71.234966619155088</c:v>
                </c:pt>
                <c:pt idx="1447">
                  <c:v>71.20625781935874</c:v>
                </c:pt>
                <c:pt idx="1448">
                  <c:v>71.177549019562392</c:v>
                </c:pt>
                <c:pt idx="1449">
                  <c:v>71.148800990350182</c:v>
                </c:pt>
                <c:pt idx="1450">
                  <c:v>71.120095756864359</c:v>
                </c:pt>
                <c:pt idx="1451">
                  <c:v>71.090834178935296</c:v>
                </c:pt>
                <c:pt idx="1452">
                  <c:v>71.062125379138934</c:v>
                </c:pt>
                <c:pt idx="1453">
                  <c:v>71.033416579342585</c:v>
                </c:pt>
                <c:pt idx="1454">
                  <c:v>71.004115771997633</c:v>
                </c:pt>
                <c:pt idx="1455">
                  <c:v>70.975406972201299</c:v>
                </c:pt>
                <c:pt idx="1456">
                  <c:v>70.946145394272222</c:v>
                </c:pt>
                <c:pt idx="1457">
                  <c:v>70.917436594475873</c:v>
                </c:pt>
                <c:pt idx="1458">
                  <c:v>70.888727794679511</c:v>
                </c:pt>
                <c:pt idx="1459">
                  <c:v>70.859426987334558</c:v>
                </c:pt>
                <c:pt idx="1460">
                  <c:v>70.830165409405481</c:v>
                </c:pt>
                <c:pt idx="1461">
                  <c:v>70.801456609609147</c:v>
                </c:pt>
                <c:pt idx="1462">
                  <c:v>70.77160302413148</c:v>
                </c:pt>
                <c:pt idx="1463">
                  <c:v>70.743450568778385</c:v>
                </c:pt>
                <c:pt idx="1464">
                  <c:v>70.714188990849308</c:v>
                </c:pt>
                <c:pt idx="1465">
                  <c:v>70.684927412920246</c:v>
                </c:pt>
                <c:pt idx="1466">
                  <c:v>70.656218613123883</c:v>
                </c:pt>
                <c:pt idx="1467">
                  <c:v>70.626917805778945</c:v>
                </c:pt>
                <c:pt idx="1468">
                  <c:v>70.597656227849882</c:v>
                </c:pt>
                <c:pt idx="1469">
                  <c:v>70.568355420504929</c:v>
                </c:pt>
                <c:pt idx="1470">
                  <c:v>70.539093842575852</c:v>
                </c:pt>
                <c:pt idx="1471">
                  <c:v>70.509832264646775</c:v>
                </c:pt>
                <c:pt idx="1472">
                  <c:v>70.480531457301836</c:v>
                </c:pt>
                <c:pt idx="1473">
                  <c:v>70.451269879372759</c:v>
                </c:pt>
                <c:pt idx="1474">
                  <c:v>70.422561079576411</c:v>
                </c:pt>
                <c:pt idx="1475">
                  <c:v>70.392707494098744</c:v>
                </c:pt>
                <c:pt idx="1476">
                  <c:v>70.363445916169681</c:v>
                </c:pt>
                <c:pt idx="1477">
                  <c:v>70.334737116373319</c:v>
                </c:pt>
                <c:pt idx="1478">
                  <c:v>70.305436309028366</c:v>
                </c:pt>
                <c:pt idx="1479">
                  <c:v>70.276178297409828</c:v>
                </c:pt>
                <c:pt idx="1480">
                  <c:v>70.246916719480751</c:v>
                </c:pt>
                <c:pt idx="1481">
                  <c:v>70.217063134003084</c:v>
                </c:pt>
                <c:pt idx="1482">
                  <c:v>70.187801556074021</c:v>
                </c:pt>
                <c:pt idx="1483">
                  <c:v>70.158500748729054</c:v>
                </c:pt>
                <c:pt idx="1484">
                  <c:v>70.129239170799991</c:v>
                </c:pt>
                <c:pt idx="1485">
                  <c:v>70.099977592870914</c:v>
                </c:pt>
                <c:pt idx="1486">
                  <c:v>70.070676785525976</c:v>
                </c:pt>
                <c:pt idx="1487">
                  <c:v>70.041415207596899</c:v>
                </c:pt>
                <c:pt idx="1488">
                  <c:v>70.012153629667822</c:v>
                </c:pt>
                <c:pt idx="1489">
                  <c:v>69.982852822322883</c:v>
                </c:pt>
                <c:pt idx="1490">
                  <c:v>69.954144022526535</c:v>
                </c:pt>
                <c:pt idx="1491">
                  <c:v>69.924882444597458</c:v>
                </c:pt>
                <c:pt idx="1492">
                  <c:v>69.895028859119776</c:v>
                </c:pt>
                <c:pt idx="1493">
                  <c:v>69.865767281190713</c:v>
                </c:pt>
                <c:pt idx="1494">
                  <c:v>69.836466473845775</c:v>
                </c:pt>
                <c:pt idx="1495">
                  <c:v>69.807204895916698</c:v>
                </c:pt>
                <c:pt idx="1496">
                  <c:v>69.777943317987621</c:v>
                </c:pt>
                <c:pt idx="1497">
                  <c:v>69.748642510642682</c:v>
                </c:pt>
                <c:pt idx="1498">
                  <c:v>69.719384499024144</c:v>
                </c:pt>
                <c:pt idx="1499">
                  <c:v>69.690122921095067</c:v>
                </c:pt>
                <c:pt idx="1500">
                  <c:v>69.660822113750115</c:v>
                </c:pt>
                <c:pt idx="1501">
                  <c:v>69.632113313953766</c:v>
                </c:pt>
                <c:pt idx="1502">
                  <c:v>69.602851736024689</c:v>
                </c:pt>
                <c:pt idx="1503">
                  <c:v>69.574142936228341</c:v>
                </c:pt>
                <c:pt idx="1504">
                  <c:v>69.544842128883403</c:v>
                </c:pt>
                <c:pt idx="1505">
                  <c:v>69.515580550954326</c:v>
                </c:pt>
                <c:pt idx="1506">
                  <c:v>69.486871751157977</c:v>
                </c:pt>
                <c:pt idx="1507">
                  <c:v>69.457570943813039</c:v>
                </c:pt>
                <c:pt idx="1508">
                  <c:v>69.428309365883962</c:v>
                </c:pt>
                <c:pt idx="1509">
                  <c:v>69.399600566087599</c:v>
                </c:pt>
                <c:pt idx="1510">
                  <c:v>69.369746980609932</c:v>
                </c:pt>
                <c:pt idx="1511">
                  <c:v>69.341038180813584</c:v>
                </c:pt>
                <c:pt idx="1512">
                  <c:v>69.312329381017236</c:v>
                </c:pt>
                <c:pt idx="1513">
                  <c:v>69.283071369398698</c:v>
                </c:pt>
                <c:pt idx="1514">
                  <c:v>69.25436256960235</c:v>
                </c:pt>
                <c:pt idx="1515">
                  <c:v>69.225061762257411</c:v>
                </c:pt>
                <c:pt idx="1516">
                  <c:v>69.196905740593778</c:v>
                </c:pt>
                <c:pt idx="1517">
                  <c:v>69.168196940797415</c:v>
                </c:pt>
                <c:pt idx="1518">
                  <c:v>69.138935362868352</c:v>
                </c:pt>
                <c:pt idx="1519">
                  <c:v>69.110226563072004</c:v>
                </c:pt>
                <c:pt idx="1520">
                  <c:v>69.081517763275656</c:v>
                </c:pt>
                <c:pt idx="1521">
                  <c:v>69.052808963479308</c:v>
                </c:pt>
                <c:pt idx="1522">
                  <c:v>69.024652941815674</c:v>
                </c:pt>
                <c:pt idx="1523">
                  <c:v>68.99535213447075</c:v>
                </c:pt>
                <c:pt idx="1524">
                  <c:v>68.966646900984927</c:v>
                </c:pt>
                <c:pt idx="1525">
                  <c:v>68.937938101188578</c:v>
                </c:pt>
                <c:pt idx="1526">
                  <c:v>68.909782079524945</c:v>
                </c:pt>
                <c:pt idx="1527">
                  <c:v>68.880520501595868</c:v>
                </c:pt>
                <c:pt idx="1528">
                  <c:v>68.852917258064977</c:v>
                </c:pt>
                <c:pt idx="1529">
                  <c:v>68.824208458268615</c:v>
                </c:pt>
                <c:pt idx="1530">
                  <c:v>68.795499658472266</c:v>
                </c:pt>
                <c:pt idx="1531">
                  <c:v>68.767343636808647</c:v>
                </c:pt>
                <c:pt idx="1532">
                  <c:v>68.738634837012299</c:v>
                </c:pt>
                <c:pt idx="1533">
                  <c:v>68.710478815348679</c:v>
                </c:pt>
                <c:pt idx="1534">
                  <c:v>68.681773581862856</c:v>
                </c:pt>
                <c:pt idx="1535">
                  <c:v>68.653617560199237</c:v>
                </c:pt>
                <c:pt idx="1536">
                  <c:v>68.624908760402889</c:v>
                </c:pt>
                <c:pt idx="1537">
                  <c:v>68.596752738739269</c:v>
                </c:pt>
                <c:pt idx="1538">
                  <c:v>68.568043938942907</c:v>
                </c:pt>
                <c:pt idx="1539">
                  <c:v>68.539887917279302</c:v>
                </c:pt>
                <c:pt idx="1540">
                  <c:v>68.511179117482939</c:v>
                </c:pt>
                <c:pt idx="1541">
                  <c:v>68.483062325235196</c:v>
                </c:pt>
                <c:pt idx="1542">
                  <c:v>68.454909869882101</c:v>
                </c:pt>
                <c:pt idx="1543">
                  <c:v>68.426753848218453</c:v>
                </c:pt>
                <c:pt idx="1544">
                  <c:v>68.398597826554834</c:v>
                </c:pt>
                <c:pt idx="1545">
                  <c:v>68.369889026758486</c:v>
                </c:pt>
                <c:pt idx="1546">
                  <c:v>68.341733005094866</c:v>
                </c:pt>
                <c:pt idx="1547">
                  <c:v>68.313024205298518</c:v>
                </c:pt>
                <c:pt idx="1548">
                  <c:v>68.284868183634899</c:v>
                </c:pt>
                <c:pt idx="1549">
                  <c:v>68.256712161971265</c:v>
                </c:pt>
                <c:pt idx="1550">
                  <c:v>68.228556140307646</c:v>
                </c:pt>
                <c:pt idx="1551">
                  <c:v>68.200442914370427</c:v>
                </c:pt>
                <c:pt idx="1552">
                  <c:v>68.171694885158203</c:v>
                </c:pt>
                <c:pt idx="1553">
                  <c:v>68.143578092910445</c:v>
                </c:pt>
                <c:pt idx="1554">
                  <c:v>68.115974849379555</c:v>
                </c:pt>
                <c:pt idx="1555">
                  <c:v>68.087818827715935</c:v>
                </c:pt>
                <c:pt idx="1556">
                  <c:v>68.059110027919573</c:v>
                </c:pt>
                <c:pt idx="1557">
                  <c:v>68.031506784388682</c:v>
                </c:pt>
                <c:pt idx="1558">
                  <c:v>68.003393558451464</c:v>
                </c:pt>
                <c:pt idx="1559">
                  <c:v>67.97523753678783</c:v>
                </c:pt>
                <c:pt idx="1560">
                  <c:v>67.947081515124196</c:v>
                </c:pt>
                <c:pt idx="1561">
                  <c:v>67.918925493460577</c:v>
                </c:pt>
                <c:pt idx="1562">
                  <c:v>67.891322249929672</c:v>
                </c:pt>
                <c:pt idx="1563">
                  <c:v>67.863205457681929</c:v>
                </c:pt>
                <c:pt idx="1564">
                  <c:v>67.835602214151024</c:v>
                </c:pt>
                <c:pt idx="1565">
                  <c:v>67.80744619248739</c:v>
                </c:pt>
                <c:pt idx="1566">
                  <c:v>67.779885744682915</c:v>
                </c:pt>
                <c:pt idx="1567">
                  <c:v>67.75228250115201</c:v>
                </c:pt>
                <c:pt idx="1568">
                  <c:v>67.724679257621119</c:v>
                </c:pt>
                <c:pt idx="1569">
                  <c:v>67.697115243506076</c:v>
                </c:pt>
                <c:pt idx="1570">
                  <c:v>67.668959221842456</c:v>
                </c:pt>
                <c:pt idx="1571">
                  <c:v>67.641355978311552</c:v>
                </c:pt>
                <c:pt idx="1572">
                  <c:v>67.613795530507062</c:v>
                </c:pt>
                <c:pt idx="1573">
                  <c:v>67.586192286976157</c:v>
                </c:pt>
                <c:pt idx="1574">
                  <c:v>67.558628272861128</c:v>
                </c:pt>
                <c:pt idx="1575">
                  <c:v>67.531577807462952</c:v>
                </c:pt>
                <c:pt idx="1576">
                  <c:v>67.504013793347923</c:v>
                </c:pt>
                <c:pt idx="1577">
                  <c:v>67.476414116127557</c:v>
                </c:pt>
                <c:pt idx="1578">
                  <c:v>67.449402880145243</c:v>
                </c:pt>
                <c:pt idx="1579">
                  <c:v>67.422352414747081</c:v>
                </c:pt>
                <c:pt idx="1580">
                  <c:v>67.395341178764781</c:v>
                </c:pt>
                <c:pt idx="1581">
                  <c:v>67.367737935233876</c:v>
                </c:pt>
                <c:pt idx="1582">
                  <c:v>67.341283043694816</c:v>
                </c:pt>
                <c:pt idx="1583">
                  <c:v>67.314271807712515</c:v>
                </c:pt>
                <c:pt idx="1584">
                  <c:v>67.287260571730215</c:v>
                </c:pt>
                <c:pt idx="1585">
                  <c:v>67.260210106332039</c:v>
                </c:pt>
                <c:pt idx="1586">
                  <c:v>67.233751648482482</c:v>
                </c:pt>
                <c:pt idx="1587">
                  <c:v>67.206743978810707</c:v>
                </c:pt>
                <c:pt idx="1588">
                  <c:v>67.179732742828392</c:v>
                </c:pt>
                <c:pt idx="1589">
                  <c:v>67.153827063111535</c:v>
                </c:pt>
                <c:pt idx="1590">
                  <c:v>67.126776597713373</c:v>
                </c:pt>
                <c:pt idx="1591">
                  <c:v>67.100913713722903</c:v>
                </c:pt>
                <c:pt idx="1592">
                  <c:v>67.073310470192013</c:v>
                </c:pt>
                <c:pt idx="1593">
                  <c:v>67.047404790475156</c:v>
                </c:pt>
                <c:pt idx="1594">
                  <c:v>67.02094633262557</c:v>
                </c:pt>
                <c:pt idx="1595">
                  <c:v>66.995044219219253</c:v>
                </c:pt>
                <c:pt idx="1596">
                  <c:v>66.96913853950241</c:v>
                </c:pt>
                <c:pt idx="1597">
                  <c:v>66.94268008165281</c:v>
                </c:pt>
                <c:pt idx="1598">
                  <c:v>66.916813631351843</c:v>
                </c:pt>
                <c:pt idx="1599">
                  <c:v>66.890911517945511</c:v>
                </c:pt>
                <c:pt idx="1600">
                  <c:v>66.865005838228669</c:v>
                </c:pt>
                <c:pt idx="1601">
                  <c:v>66.839100158511812</c:v>
                </c:pt>
                <c:pt idx="1602">
                  <c:v>66.813194478794955</c:v>
                </c:pt>
                <c:pt idx="1603">
                  <c:v>66.787884372937228</c:v>
                </c:pt>
                <c:pt idx="1604">
                  <c:v>66.7625314713531</c:v>
                </c:pt>
                <c:pt idx="1605">
                  <c:v>66.737217799184833</c:v>
                </c:pt>
                <c:pt idx="1606">
                  <c:v>66.711868463911244</c:v>
                </c:pt>
                <c:pt idx="1607">
                  <c:v>66.685962784194388</c:v>
                </c:pt>
                <c:pt idx="1608">
                  <c:v>66.660649112026121</c:v>
                </c:pt>
                <c:pt idx="1609">
                  <c:v>66.634746998619804</c:v>
                </c:pt>
                <c:pt idx="1610">
                  <c:v>66.609394097035675</c:v>
                </c:pt>
                <c:pt idx="1611">
                  <c:v>66.584633203000138</c:v>
                </c:pt>
                <c:pt idx="1612">
                  <c:v>66.559875875275139</c:v>
                </c:pt>
                <c:pt idx="1613">
                  <c:v>66.534522973691011</c:v>
                </c:pt>
                <c:pt idx="1614">
                  <c:v>66.509762079655474</c:v>
                </c:pt>
                <c:pt idx="1615">
                  <c:v>66.484965522514599</c:v>
                </c:pt>
                <c:pt idx="1616">
                  <c:v>66.459651850346347</c:v>
                </c:pt>
                <c:pt idx="1617">
                  <c:v>66.435443734443538</c:v>
                </c:pt>
                <c:pt idx="1618">
                  <c:v>66.41068640671854</c:v>
                </c:pt>
                <c:pt idx="1619">
                  <c:v>66.385886283267126</c:v>
                </c:pt>
                <c:pt idx="1620">
                  <c:v>66.361125389231589</c:v>
                </c:pt>
                <c:pt idx="1621">
                  <c:v>66.336920839639319</c:v>
                </c:pt>
                <c:pt idx="1622">
                  <c:v>66.311567938055177</c:v>
                </c:pt>
                <c:pt idx="1623">
                  <c:v>66.287359822152382</c:v>
                </c:pt>
                <c:pt idx="1624">
                  <c:v>66.262602494427384</c:v>
                </c:pt>
                <c:pt idx="1625">
                  <c:v>66.238947156657289</c:v>
                </c:pt>
                <c:pt idx="1626">
                  <c:v>66.214189828932277</c:v>
                </c:pt>
                <c:pt idx="1627">
                  <c:v>66.189981713029482</c:v>
                </c:pt>
                <c:pt idx="1628">
                  <c:v>66.165181589578083</c:v>
                </c:pt>
                <c:pt idx="1629">
                  <c:v>66.14042426185307</c:v>
                </c:pt>
                <c:pt idx="1630">
                  <c:v>66.116768924082976</c:v>
                </c:pt>
                <c:pt idx="1631">
                  <c:v>66.092011596357978</c:v>
                </c:pt>
                <c:pt idx="1632">
                  <c:v>66.067803480455183</c:v>
                </c:pt>
                <c:pt idx="1633">
                  <c:v>66.043042586419645</c:v>
                </c:pt>
                <c:pt idx="1634">
                  <c:v>66.01939081496009</c:v>
                </c:pt>
                <c:pt idx="1635">
                  <c:v>65.994629920924552</c:v>
                </c:pt>
                <c:pt idx="1636">
                  <c:v>65.970974583154472</c:v>
                </c:pt>
                <c:pt idx="1637">
                  <c:v>65.946770033562203</c:v>
                </c:pt>
                <c:pt idx="1638">
                  <c:v>65.92256191765938</c:v>
                </c:pt>
                <c:pt idx="1639">
                  <c:v>65.898910146199825</c:v>
                </c:pt>
                <c:pt idx="1640">
                  <c:v>65.87470203029703</c:v>
                </c:pt>
                <c:pt idx="1641">
                  <c:v>65.851050258837475</c:v>
                </c:pt>
                <c:pt idx="1642">
                  <c:v>65.826842142934666</c:v>
                </c:pt>
                <c:pt idx="1643">
                  <c:v>65.802634027031843</c:v>
                </c:pt>
                <c:pt idx="1644">
                  <c:v>65.778982255572302</c:v>
                </c:pt>
                <c:pt idx="1645">
                  <c:v>65.755918925350812</c:v>
                </c:pt>
                <c:pt idx="1646">
                  <c:v>65.731714375758528</c:v>
                </c:pt>
                <c:pt idx="1647">
                  <c:v>65.708611816121163</c:v>
                </c:pt>
                <c:pt idx="1648">
                  <c:v>65.685509256483826</c:v>
                </c:pt>
                <c:pt idx="1649">
                  <c:v>65.661896714440132</c:v>
                </c:pt>
                <c:pt idx="1650">
                  <c:v>65.637688598537324</c:v>
                </c:pt>
                <c:pt idx="1651">
                  <c:v>65.614589605210512</c:v>
                </c:pt>
                <c:pt idx="1652">
                  <c:v>65.591526274989008</c:v>
                </c:pt>
                <c:pt idx="1653">
                  <c:v>65.568427281662181</c:v>
                </c:pt>
                <c:pt idx="1654">
                  <c:v>65.545324722024816</c:v>
                </c:pt>
                <c:pt idx="1655">
                  <c:v>65.52281773624658</c:v>
                </c:pt>
                <c:pt idx="1656">
                  <c:v>65.500307184157819</c:v>
                </c:pt>
                <c:pt idx="1657">
                  <c:v>65.477208190831007</c:v>
                </c:pt>
                <c:pt idx="1658">
                  <c:v>65.454144860609503</c:v>
                </c:pt>
                <c:pt idx="1659">
                  <c:v>65.431637874831267</c:v>
                </c:pt>
                <c:pt idx="1660">
                  <c:v>65.409088093326645</c:v>
                </c:pt>
                <c:pt idx="1661">
                  <c:v>65.387133885681138</c:v>
                </c:pt>
                <c:pt idx="1662">
                  <c:v>65.364623333592363</c:v>
                </c:pt>
                <c:pt idx="1663">
                  <c:v>65.342116347814141</c:v>
                </c:pt>
                <c:pt idx="1664">
                  <c:v>65.319566566309504</c:v>
                </c:pt>
                <c:pt idx="1665">
                  <c:v>65.297612358663997</c:v>
                </c:pt>
                <c:pt idx="1666">
                  <c:v>65.275654584707951</c:v>
                </c:pt>
                <c:pt idx="1667">
                  <c:v>65.253700377062444</c:v>
                </c:pt>
                <c:pt idx="1668">
                  <c:v>65.232334610655002</c:v>
                </c:pt>
                <c:pt idx="1669">
                  <c:v>65.210380403009495</c:v>
                </c:pt>
                <c:pt idx="1670">
                  <c:v>65.188978973496717</c:v>
                </c:pt>
                <c:pt idx="1671">
                  <c:v>65.16702119954067</c:v>
                </c:pt>
                <c:pt idx="1672">
                  <c:v>65.145619770027878</c:v>
                </c:pt>
                <c:pt idx="1673">
                  <c:v>65.124214774204574</c:v>
                </c:pt>
                <c:pt idx="1674">
                  <c:v>65.102813344691796</c:v>
                </c:pt>
                <c:pt idx="1675">
                  <c:v>65.081447578284354</c:v>
                </c:pt>
                <c:pt idx="1676">
                  <c:v>65.060598926904291</c:v>
                </c:pt>
                <c:pt idx="1677">
                  <c:v>65.039197497391527</c:v>
                </c:pt>
                <c:pt idx="1678">
                  <c:v>65.018937287249514</c:v>
                </c:pt>
                <c:pt idx="1679">
                  <c:v>64.99753585773675</c:v>
                </c:pt>
                <c:pt idx="1680">
                  <c:v>64.976722869462009</c:v>
                </c:pt>
                <c:pt idx="1681">
                  <c:v>64.955874218081959</c:v>
                </c:pt>
                <c:pt idx="1682">
                  <c:v>64.935064796117771</c:v>
                </c:pt>
                <c:pt idx="1683">
                  <c:v>64.914212578427183</c:v>
                </c:pt>
                <c:pt idx="1684">
                  <c:v>64.893955934595709</c:v>
                </c:pt>
                <c:pt idx="1685">
                  <c:v>64.873146512631536</c:v>
                </c:pt>
                <c:pt idx="1686">
                  <c:v>64.852847073073676</c:v>
                </c:pt>
                <c:pt idx="1687">
                  <c:v>64.833143207374931</c:v>
                </c:pt>
                <c:pt idx="1688">
                  <c:v>64.812886563543472</c:v>
                </c:pt>
                <c:pt idx="1689">
                  <c:v>64.792626353401488</c:v>
                </c:pt>
                <c:pt idx="1690">
                  <c:v>64.772922487702729</c:v>
                </c:pt>
                <c:pt idx="1691">
                  <c:v>64.753218622003999</c:v>
                </c:pt>
                <c:pt idx="1692">
                  <c:v>64.732958411862001</c:v>
                </c:pt>
                <c:pt idx="1693">
                  <c:v>64.71325454616327</c:v>
                </c:pt>
                <c:pt idx="1694">
                  <c:v>64.69295867291595</c:v>
                </c:pt>
                <c:pt idx="1695">
                  <c:v>64.67384324845527</c:v>
                </c:pt>
                <c:pt idx="1696">
                  <c:v>64.654139382756526</c:v>
                </c:pt>
                <c:pt idx="1697">
                  <c:v>64.634435517057781</c:v>
                </c:pt>
                <c:pt idx="1698">
                  <c:v>64.615280863181241</c:v>
                </c:pt>
                <c:pt idx="1699">
                  <c:v>64.596129775615225</c:v>
                </c:pt>
                <c:pt idx="1700">
                  <c:v>64.576425909916509</c:v>
                </c:pt>
                <c:pt idx="1701">
                  <c:v>64.557866829899083</c:v>
                </c:pt>
                <c:pt idx="1702">
                  <c:v>64.538712176022528</c:v>
                </c:pt>
                <c:pt idx="1703">
                  <c:v>64.520113866589242</c:v>
                </c:pt>
                <c:pt idx="1704">
                  <c:v>64.500449230306387</c:v>
                </c:pt>
                <c:pt idx="1705">
                  <c:v>64.4818509208731</c:v>
                </c:pt>
                <c:pt idx="1706">
                  <c:v>64.462696266996559</c:v>
                </c:pt>
                <c:pt idx="1707">
                  <c:v>64.44413718697912</c:v>
                </c:pt>
                <c:pt idx="1708">
                  <c:v>64.425538877545847</c:v>
                </c:pt>
                <c:pt idx="1709">
                  <c:v>64.406979797528436</c:v>
                </c:pt>
                <c:pt idx="1710">
                  <c:v>64.3889699293332</c:v>
                </c:pt>
                <c:pt idx="1711">
                  <c:v>64.370371619899913</c:v>
                </c:pt>
                <c:pt idx="1712">
                  <c:v>64.351812539882502</c:v>
                </c:pt>
                <c:pt idx="1713">
                  <c:v>64.33376700858193</c:v>
                </c:pt>
                <c:pt idx="1714">
                  <c:v>64.315757140386708</c:v>
                </c:pt>
                <c:pt idx="1715">
                  <c:v>64.297198060369297</c:v>
                </c:pt>
                <c:pt idx="1716">
                  <c:v>64.279744536617329</c:v>
                </c:pt>
                <c:pt idx="1717">
                  <c:v>64.261738234732633</c:v>
                </c:pt>
                <c:pt idx="1718">
                  <c:v>64.243692703432075</c:v>
                </c:pt>
                <c:pt idx="1719">
                  <c:v>64.225686401547392</c:v>
                </c:pt>
                <c:pt idx="1720">
                  <c:v>64.208229311484871</c:v>
                </c:pt>
                <c:pt idx="1721">
                  <c:v>64.190775787732917</c:v>
                </c:pt>
                <c:pt idx="1722">
                  <c:v>64.17332226398095</c:v>
                </c:pt>
                <c:pt idx="1723">
                  <c:v>64.155868740228968</c:v>
                </c:pt>
                <c:pt idx="1724">
                  <c:v>64.138415216477</c:v>
                </c:pt>
                <c:pt idx="1725">
                  <c:v>64.120961692725047</c:v>
                </c:pt>
                <c:pt idx="1726">
                  <c:v>64.104096610211144</c:v>
                </c:pt>
                <c:pt idx="1727">
                  <c:v>64.086643086459176</c:v>
                </c:pt>
                <c:pt idx="1728">
                  <c:v>64.069742340839923</c:v>
                </c:pt>
                <c:pt idx="1729">
                  <c:v>64.052841595220684</c:v>
                </c:pt>
                <c:pt idx="1730">
                  <c:v>64.035940849601445</c:v>
                </c:pt>
                <c:pt idx="1731">
                  <c:v>64.019079333398068</c:v>
                </c:pt>
                <c:pt idx="1732">
                  <c:v>64.002178587778829</c:v>
                </c:pt>
                <c:pt idx="1733">
                  <c:v>63.985869849708187</c:v>
                </c:pt>
                <c:pt idx="1734">
                  <c:v>63.969518315911131</c:v>
                </c:pt>
                <c:pt idx="1735">
                  <c:v>63.953209577840497</c:v>
                </c:pt>
                <c:pt idx="1736">
                  <c:v>63.936861610353965</c:v>
                </c:pt>
                <c:pt idx="1737">
                  <c:v>63.920552872283324</c:v>
                </c:pt>
                <c:pt idx="1738">
                  <c:v>63.904204904796813</c:v>
                </c:pt>
                <c:pt idx="1739">
                  <c:v>63.888448944858887</c:v>
                </c:pt>
                <c:pt idx="1740">
                  <c:v>63.872140206788245</c:v>
                </c:pt>
                <c:pt idx="1741">
                  <c:v>63.856345017434457</c:v>
                </c:pt>
                <c:pt idx="1742">
                  <c:v>63.840589057496523</c:v>
                </c:pt>
                <c:pt idx="1743">
                  <c:v>63.824833097558596</c:v>
                </c:pt>
                <c:pt idx="1744">
                  <c:v>63.809629915753405</c:v>
                </c:pt>
                <c:pt idx="1745">
                  <c:v>63.793873955815485</c:v>
                </c:pt>
                <c:pt idx="1746">
                  <c:v>63.778117995877558</c:v>
                </c:pt>
                <c:pt idx="1747">
                  <c:v>63.763467592205089</c:v>
                </c:pt>
                <c:pt idx="1748">
                  <c:v>63.747711632267169</c:v>
                </c:pt>
                <c:pt idx="1749">
                  <c:v>63.7330612285947</c:v>
                </c:pt>
                <c:pt idx="1750">
                  <c:v>63.717858046789488</c:v>
                </c:pt>
                <c:pt idx="1751">
                  <c:v>63.702654864984297</c:v>
                </c:pt>
                <c:pt idx="1752">
                  <c:v>63.687451683179098</c:v>
                </c:pt>
                <c:pt idx="1753">
                  <c:v>63.672840508922505</c:v>
                </c:pt>
                <c:pt idx="1754">
                  <c:v>63.658190105250021</c:v>
                </c:pt>
                <c:pt idx="1755">
                  <c:v>63.643539701577559</c:v>
                </c:pt>
                <c:pt idx="1756">
                  <c:v>63.62948130545368</c:v>
                </c:pt>
                <c:pt idx="1757">
                  <c:v>63.614830901781204</c:v>
                </c:pt>
                <c:pt idx="1758">
                  <c:v>63.600772505657332</c:v>
                </c:pt>
                <c:pt idx="1759">
                  <c:v>63.586674880117592</c:v>
                </c:pt>
                <c:pt idx="1760">
                  <c:v>63.572616483993706</c:v>
                </c:pt>
                <c:pt idx="1761">
                  <c:v>63.558558087869834</c:v>
                </c:pt>
                <c:pt idx="1762">
                  <c:v>63.544460462330086</c:v>
                </c:pt>
                <c:pt idx="1763">
                  <c:v>63.530402066206207</c:v>
                </c:pt>
                <c:pt idx="1764">
                  <c:v>63.51630444066646</c:v>
                </c:pt>
                <c:pt idx="1765">
                  <c:v>63.503351600808031</c:v>
                </c:pt>
                <c:pt idx="1766">
                  <c:v>63.489849549127406</c:v>
                </c:pt>
                <c:pt idx="1767">
                  <c:v>63.476343931136256</c:v>
                </c:pt>
                <c:pt idx="1768">
                  <c:v>63.462838313145106</c:v>
                </c:pt>
                <c:pt idx="1769">
                  <c:v>63.449332695153949</c:v>
                </c:pt>
                <c:pt idx="1770">
                  <c:v>63.435827077162799</c:v>
                </c:pt>
                <c:pt idx="1771">
                  <c:v>63.42287423730437</c:v>
                </c:pt>
                <c:pt idx="1772">
                  <c:v>63.409921397445942</c:v>
                </c:pt>
                <c:pt idx="1773">
                  <c:v>63.396415779454799</c:v>
                </c:pt>
                <c:pt idx="1774">
                  <c:v>63.383466505906895</c:v>
                </c:pt>
                <c:pt idx="1775">
                  <c:v>63.370513666048467</c:v>
                </c:pt>
                <c:pt idx="1776">
                  <c:v>63.357560826190038</c:v>
                </c:pt>
                <c:pt idx="1777">
                  <c:v>63.345160764464339</c:v>
                </c:pt>
                <c:pt idx="1778">
                  <c:v>63.33220792460591</c:v>
                </c:pt>
                <c:pt idx="1779">
                  <c:v>63.319255084747482</c:v>
                </c:pt>
                <c:pt idx="1780">
                  <c:v>63.306894252437665</c:v>
                </c:pt>
                <c:pt idx="1781">
                  <c:v>63.293944978889762</c:v>
                </c:pt>
                <c:pt idx="1782">
                  <c:v>63.281544917164069</c:v>
                </c:pt>
                <c:pt idx="1783">
                  <c:v>63.268592077305627</c:v>
                </c:pt>
                <c:pt idx="1784">
                  <c:v>63.255639237447205</c:v>
                </c:pt>
                <c:pt idx="1785">
                  <c:v>63.243278405137374</c:v>
                </c:pt>
                <c:pt idx="1786">
                  <c:v>63.230878343411668</c:v>
                </c:pt>
                <c:pt idx="1787">
                  <c:v>63.2184818479965</c:v>
                </c:pt>
                <c:pt idx="1788">
                  <c:v>63.206121015686669</c:v>
                </c:pt>
                <c:pt idx="1789">
                  <c:v>63.194273732093684</c:v>
                </c:pt>
                <c:pt idx="1790">
                  <c:v>63.181912899783853</c:v>
                </c:pt>
                <c:pt idx="1791">
                  <c:v>63.169512838058161</c:v>
                </c:pt>
                <c:pt idx="1792">
                  <c:v>63.157708350191591</c:v>
                </c:pt>
                <c:pt idx="1793">
                  <c:v>63.145308288465884</c:v>
                </c:pt>
                <c:pt idx="1794">
                  <c:v>63.133500234288775</c:v>
                </c:pt>
                <c:pt idx="1795">
                  <c:v>63.121652950695797</c:v>
                </c:pt>
                <c:pt idx="1796">
                  <c:v>63.10925288897009</c:v>
                </c:pt>
                <c:pt idx="1797">
                  <c:v>63.09744840110352</c:v>
                </c:pt>
                <c:pt idx="1798">
                  <c:v>63.08619312505914</c:v>
                </c:pt>
                <c:pt idx="1799">
                  <c:v>63.07379306333344</c:v>
                </c:pt>
                <c:pt idx="1800">
                  <c:v>63.062537787289052</c:v>
                </c:pt>
                <c:pt idx="1801">
                  <c:v>63.050729733111943</c:v>
                </c:pt>
                <c:pt idx="1802">
                  <c:v>63.038886015829497</c:v>
                </c:pt>
                <c:pt idx="1803">
                  <c:v>63.02763073978511</c:v>
                </c:pt>
                <c:pt idx="1804">
                  <c:v>63.015822685608001</c:v>
                </c:pt>
                <c:pt idx="1805">
                  <c:v>63.00456740956362</c:v>
                </c:pt>
                <c:pt idx="1806">
                  <c:v>62.993315699829779</c:v>
                </c:pt>
                <c:pt idx="1807">
                  <c:v>62.981468416236808</c:v>
                </c:pt>
                <c:pt idx="1808">
                  <c:v>62.970213140192421</c:v>
                </c:pt>
                <c:pt idx="1809">
                  <c:v>62.958957864148033</c:v>
                </c:pt>
                <c:pt idx="1810">
                  <c:v>62.948258932546906</c:v>
                </c:pt>
                <c:pt idx="1811">
                  <c:v>62.937003656502533</c:v>
                </c:pt>
                <c:pt idx="1812">
                  <c:v>62.925748380458145</c:v>
                </c:pt>
                <c:pt idx="1813">
                  <c:v>62.914493104413758</c:v>
                </c:pt>
                <c:pt idx="1814">
                  <c:v>62.903794172812631</c:v>
                </c:pt>
                <c:pt idx="1815">
                  <c:v>62.89309167490098</c:v>
                </c:pt>
                <c:pt idx="1816">
                  <c:v>62.882389176989328</c:v>
                </c:pt>
                <c:pt idx="1817">
                  <c:v>62.87113746725548</c:v>
                </c:pt>
                <c:pt idx="1818">
                  <c:v>62.860434969343814</c:v>
                </c:pt>
                <c:pt idx="1819">
                  <c:v>62.850285249564884</c:v>
                </c:pt>
                <c:pt idx="1820">
                  <c:v>62.839582751653225</c:v>
                </c:pt>
                <c:pt idx="1821">
                  <c:v>62.828883820052106</c:v>
                </c:pt>
                <c:pt idx="1822">
                  <c:v>62.818220551556315</c:v>
                </c:pt>
                <c:pt idx="1823">
                  <c:v>62.808070831777385</c:v>
                </c:pt>
                <c:pt idx="1824">
                  <c:v>62.797924678308981</c:v>
                </c:pt>
                <c:pt idx="1825">
                  <c:v>62.787222180397329</c:v>
                </c:pt>
                <c:pt idx="1826">
                  <c:v>62.777111690034268</c:v>
                </c:pt>
                <c:pt idx="1827">
                  <c:v>62.766965536565863</c:v>
                </c:pt>
                <c:pt idx="1828">
                  <c:v>62.756263038654204</c:v>
                </c:pt>
                <c:pt idx="1829">
                  <c:v>62.746152548291143</c:v>
                </c:pt>
                <c:pt idx="1830">
                  <c:v>62.736006394822738</c:v>
                </c:pt>
                <c:pt idx="1831">
                  <c:v>62.725856675043815</c:v>
                </c:pt>
                <c:pt idx="1832">
                  <c:v>62.716298962813468</c:v>
                </c:pt>
                <c:pt idx="1833">
                  <c:v>62.706152809345085</c:v>
                </c:pt>
                <c:pt idx="1834">
                  <c:v>62.696042318982016</c:v>
                </c:pt>
                <c:pt idx="1835">
                  <c:v>62.686445377335808</c:v>
                </c:pt>
                <c:pt idx="1836">
                  <c:v>62.676338453283286</c:v>
                </c:pt>
                <c:pt idx="1837">
                  <c:v>62.666188733504349</c:v>
                </c:pt>
                <c:pt idx="1838">
                  <c:v>62.656631021274002</c:v>
                </c:pt>
                <c:pt idx="1839">
                  <c:v>62.64703764593834</c:v>
                </c:pt>
                <c:pt idx="1840">
                  <c:v>62.637479933707993</c:v>
                </c:pt>
                <c:pt idx="1841">
                  <c:v>62.627330213929064</c:v>
                </c:pt>
                <c:pt idx="1842">
                  <c:v>62.617776068009256</c:v>
                </c:pt>
                <c:pt idx="1843">
                  <c:v>62.608771133911645</c:v>
                </c:pt>
                <c:pt idx="1844">
                  <c:v>62.599213421681313</c:v>
                </c:pt>
                <c:pt idx="1845">
                  <c:v>62.59021205389422</c:v>
                </c:pt>
                <c:pt idx="1846">
                  <c:v>62.580615112248026</c:v>
                </c:pt>
                <c:pt idx="1847">
                  <c:v>62.57161374446094</c:v>
                </c:pt>
                <c:pt idx="1848">
                  <c:v>62.562608810363329</c:v>
                </c:pt>
                <c:pt idx="1849">
                  <c:v>62.553051098132997</c:v>
                </c:pt>
                <c:pt idx="1850">
                  <c:v>62.54401050093005</c:v>
                </c:pt>
                <c:pt idx="1851">
                  <c:v>62.535005566832425</c:v>
                </c:pt>
                <c:pt idx="1852">
                  <c:v>62.52600419904536</c:v>
                </c:pt>
                <c:pt idx="1853">
                  <c:v>62.516446486815013</c:v>
                </c:pt>
                <c:pt idx="1854">
                  <c:v>62.507994330850124</c:v>
                </c:pt>
                <c:pt idx="1855">
                  <c:v>62.498992963063046</c:v>
                </c:pt>
                <c:pt idx="1856">
                  <c:v>62.489988028965435</c:v>
                </c:pt>
                <c:pt idx="1857">
                  <c:v>62.480986661178349</c:v>
                </c:pt>
                <c:pt idx="1858">
                  <c:v>62.471981727080752</c:v>
                </c:pt>
                <c:pt idx="1859">
                  <c:v>62.463529571115849</c:v>
                </c:pt>
                <c:pt idx="1860">
                  <c:v>62.454528203328785</c:v>
                </c:pt>
                <c:pt idx="1861">
                  <c:v>62.445484039815291</c:v>
                </c:pt>
                <c:pt idx="1862">
                  <c:v>62.43707467957681</c:v>
                </c:pt>
                <c:pt idx="1863">
                  <c:v>62.428622523611921</c:v>
                </c:pt>
                <c:pt idx="1864">
                  <c:v>62.420173933957571</c:v>
                </c:pt>
                <c:pt idx="1865">
                  <c:v>62.410616221727224</c:v>
                </c:pt>
                <c:pt idx="1866">
                  <c:v>62.402164065762342</c:v>
                </c:pt>
                <c:pt idx="1867">
                  <c:v>62.393715476107978</c:v>
                </c:pt>
                <c:pt idx="1868">
                  <c:v>62.385263320143089</c:v>
                </c:pt>
                <c:pt idx="1869">
                  <c:v>62.376814730488746</c:v>
                </c:pt>
                <c:pt idx="1870">
                  <c:v>62.36836257452385</c:v>
                </c:pt>
                <c:pt idx="1871">
                  <c:v>62.359913984869507</c:v>
                </c:pt>
                <c:pt idx="1872">
                  <c:v>62.350909050771882</c:v>
                </c:pt>
                <c:pt idx="1873">
                  <c:v>62.342456894807</c:v>
                </c:pt>
                <c:pt idx="1874">
                  <c:v>62.334600312701248</c:v>
                </c:pt>
                <c:pt idx="1875">
                  <c:v>62.325595378603623</c:v>
                </c:pt>
                <c:pt idx="1876">
                  <c:v>62.317699567082009</c:v>
                </c:pt>
                <c:pt idx="1877">
                  <c:v>62.30924741111712</c:v>
                </c:pt>
                <c:pt idx="1878">
                  <c:v>62.300798821462756</c:v>
                </c:pt>
                <c:pt idx="1879">
                  <c:v>62.292938673046471</c:v>
                </c:pt>
                <c:pt idx="1880">
                  <c:v>62.283937305259386</c:v>
                </c:pt>
                <c:pt idx="1881">
                  <c:v>62.275485149294497</c:v>
                </c:pt>
                <c:pt idx="1882">
                  <c:v>62.267585771462343</c:v>
                </c:pt>
                <c:pt idx="1883">
                  <c:v>62.258584403675258</c:v>
                </c:pt>
                <c:pt idx="1884">
                  <c:v>62.250132247710376</c:v>
                </c:pt>
                <c:pt idx="1885">
                  <c:v>62.241683658056012</c:v>
                </c:pt>
                <c:pt idx="1886">
                  <c:v>62.233270731506998</c:v>
                </c:pt>
                <c:pt idx="1887">
                  <c:v>62.224822141852641</c:v>
                </c:pt>
                <c:pt idx="1888">
                  <c:v>62.216922764020474</c:v>
                </c:pt>
                <c:pt idx="1889">
                  <c:v>62.208470608055592</c:v>
                </c:pt>
                <c:pt idx="1890">
                  <c:v>62.200022018401235</c:v>
                </c:pt>
                <c:pt idx="1891">
                  <c:v>62.192161869984943</c:v>
                </c:pt>
                <c:pt idx="1892">
                  <c:v>62.184266058463322</c:v>
                </c:pt>
                <c:pt idx="1893">
                  <c:v>62.175813902498419</c:v>
                </c:pt>
                <c:pt idx="1894">
                  <c:v>62.168510098525395</c:v>
                </c:pt>
                <c:pt idx="1895">
                  <c:v>62.160057942560506</c:v>
                </c:pt>
                <c:pt idx="1896">
                  <c:v>62.151609352906142</c:v>
                </c:pt>
                <c:pt idx="1897">
                  <c:v>62.143749204489865</c:v>
                </c:pt>
                <c:pt idx="1898">
                  <c:v>62.135300614835501</c:v>
                </c:pt>
                <c:pt idx="1899">
                  <c:v>62.126848458870619</c:v>
                </c:pt>
                <c:pt idx="1900">
                  <c:v>62.119544654897588</c:v>
                </c:pt>
                <c:pt idx="1901">
                  <c:v>62.111092498932685</c:v>
                </c:pt>
                <c:pt idx="1902">
                  <c:v>62.10264034296781</c:v>
                </c:pt>
                <c:pt idx="1903">
                  <c:v>62.094744531446175</c:v>
                </c:pt>
                <c:pt idx="1904">
                  <c:v>62.086884383029883</c:v>
                </c:pt>
                <c:pt idx="1905">
                  <c:v>62.078988571508255</c:v>
                </c:pt>
                <c:pt idx="1906">
                  <c:v>62.07112842309197</c:v>
                </c:pt>
                <c:pt idx="1907">
                  <c:v>62.062679833437606</c:v>
                </c:pt>
                <c:pt idx="1908">
                  <c:v>62.054780455605439</c:v>
                </c:pt>
                <c:pt idx="1909">
                  <c:v>62.046884644083825</c:v>
                </c:pt>
                <c:pt idx="1910">
                  <c:v>62.039024495667519</c:v>
                </c:pt>
                <c:pt idx="1911">
                  <c:v>62.031128684145898</c:v>
                </c:pt>
                <c:pt idx="1912">
                  <c:v>62.023268535729606</c:v>
                </c:pt>
                <c:pt idx="1913">
                  <c:v>62.015372724207964</c:v>
                </c:pt>
                <c:pt idx="1914">
                  <c:v>62.007512575791679</c:v>
                </c:pt>
                <c:pt idx="1915">
                  <c:v>61.999616764270051</c:v>
                </c:pt>
                <c:pt idx="1916">
                  <c:v>61.991717386437898</c:v>
                </c:pt>
                <c:pt idx="1917">
                  <c:v>61.984413582464846</c:v>
                </c:pt>
                <c:pt idx="1918">
                  <c:v>61.976514204632693</c:v>
                </c:pt>
                <c:pt idx="1919">
                  <c:v>61.968657622526926</c:v>
                </c:pt>
                <c:pt idx="1920">
                  <c:v>61.960205466562037</c:v>
                </c:pt>
                <c:pt idx="1921">
                  <c:v>61.952306088729884</c:v>
                </c:pt>
                <c:pt idx="1922">
                  <c:v>61.945002284756846</c:v>
                </c:pt>
                <c:pt idx="1923">
                  <c:v>61.937698480783808</c:v>
                </c:pt>
                <c:pt idx="1924">
                  <c:v>61.929246324818919</c:v>
                </c:pt>
                <c:pt idx="1925">
                  <c:v>61.921899725119488</c:v>
                </c:pt>
                <c:pt idx="1926">
                  <c:v>61.914595921146457</c:v>
                </c:pt>
                <c:pt idx="1927">
                  <c:v>61.906735772730158</c:v>
                </c:pt>
                <c:pt idx="1928">
                  <c:v>61.89883996120853</c:v>
                </c:pt>
                <c:pt idx="1929">
                  <c:v>61.891532590924967</c:v>
                </c:pt>
                <c:pt idx="1930">
                  <c:v>61.883636779403325</c:v>
                </c:pt>
                <c:pt idx="1931">
                  <c:v>61.876329409119755</c:v>
                </c:pt>
                <c:pt idx="1932">
                  <c:v>61.868986375730863</c:v>
                </c:pt>
                <c:pt idx="1933">
                  <c:v>61.861679005447293</c:v>
                </c:pt>
                <c:pt idx="1934">
                  <c:v>61.854375201474262</c:v>
                </c:pt>
                <c:pt idx="1935">
                  <c:v>61.847028601774824</c:v>
                </c:pt>
                <c:pt idx="1936">
                  <c:v>61.839172019669064</c:v>
                </c:pt>
                <c:pt idx="1937">
                  <c:v>61.831825419969618</c:v>
                </c:pt>
                <c:pt idx="1938">
                  <c:v>61.824521615996595</c:v>
                </c:pt>
                <c:pt idx="1939">
                  <c:v>61.817214245713018</c:v>
                </c:pt>
                <c:pt idx="1940">
                  <c:v>61.809871212324111</c:v>
                </c:pt>
                <c:pt idx="1941">
                  <c:v>61.802567408351081</c:v>
                </c:pt>
                <c:pt idx="1942">
                  <c:v>61.795260038067525</c:v>
                </c:pt>
                <c:pt idx="1943">
                  <c:v>61.787917004678604</c:v>
                </c:pt>
                <c:pt idx="1944">
                  <c:v>61.780056856262313</c:v>
                </c:pt>
                <c:pt idx="1945">
                  <c:v>61.772710256562881</c:v>
                </c:pt>
                <c:pt idx="1946">
                  <c:v>61.765959230722565</c:v>
                </c:pt>
                <c:pt idx="1947">
                  <c:v>61.758102648616806</c:v>
                </c:pt>
                <c:pt idx="1948">
                  <c:v>61.751348056465957</c:v>
                </c:pt>
                <c:pt idx="1949">
                  <c:v>61.743452244944343</c:v>
                </c:pt>
                <c:pt idx="1950">
                  <c:v>61.736144874660766</c:v>
                </c:pt>
                <c:pt idx="1951">
                  <c:v>61.728801841271874</c:v>
                </c:pt>
                <c:pt idx="1952">
                  <c:v>61.722047249121026</c:v>
                </c:pt>
                <c:pt idx="1953">
                  <c:v>61.714743445147988</c:v>
                </c:pt>
                <c:pt idx="1954">
                  <c:v>61.707436074864418</c:v>
                </c:pt>
                <c:pt idx="1955">
                  <c:v>61.700093041475526</c:v>
                </c:pt>
                <c:pt idx="1956">
                  <c:v>61.693338449324678</c:v>
                </c:pt>
                <c:pt idx="1957">
                  <c:v>61.686034645351626</c:v>
                </c:pt>
                <c:pt idx="1958">
                  <c:v>61.678688045652194</c:v>
                </c:pt>
                <c:pt idx="1959">
                  <c:v>61.671937019811885</c:v>
                </c:pt>
                <c:pt idx="1960">
                  <c:v>61.664629649528322</c:v>
                </c:pt>
                <c:pt idx="1961">
                  <c:v>61.657878623688021</c:v>
                </c:pt>
                <c:pt idx="1962">
                  <c:v>61.650571253404451</c:v>
                </c:pt>
                <c:pt idx="1963">
                  <c:v>61.643780998148266</c:v>
                </c:pt>
                <c:pt idx="1964">
                  <c:v>61.636473627864696</c:v>
                </c:pt>
                <c:pt idx="1965">
                  <c:v>61.629169823891658</c:v>
                </c:pt>
                <c:pt idx="1966">
                  <c:v>61.622418798051356</c:v>
                </c:pt>
                <c:pt idx="1967">
                  <c:v>61.615072198351918</c:v>
                </c:pt>
                <c:pt idx="1968">
                  <c:v>61.608321172511616</c:v>
                </c:pt>
                <c:pt idx="1969">
                  <c:v>61.601013802228032</c:v>
                </c:pt>
                <c:pt idx="1970">
                  <c:v>61.59426277638773</c:v>
                </c:pt>
                <c:pt idx="1971">
                  <c:v>61.587508184236881</c:v>
                </c:pt>
                <c:pt idx="1972">
                  <c:v>61.580165150847989</c:v>
                </c:pt>
                <c:pt idx="1973">
                  <c:v>61.573410558697141</c:v>
                </c:pt>
                <c:pt idx="1974">
                  <c:v>61.566659532856839</c:v>
                </c:pt>
                <c:pt idx="1975">
                  <c:v>61.559904940705991</c:v>
                </c:pt>
                <c:pt idx="1976">
                  <c:v>61.553153914865675</c:v>
                </c:pt>
                <c:pt idx="1977">
                  <c:v>61.545846544582105</c:v>
                </c:pt>
                <c:pt idx="1978">
                  <c:v>61.539648296874525</c:v>
                </c:pt>
                <c:pt idx="1979">
                  <c:v>61.532344492901494</c:v>
                </c:pt>
                <c:pt idx="1980">
                  <c:v>61.524997893202062</c:v>
                </c:pt>
                <c:pt idx="1981">
                  <c:v>61.518246867361739</c:v>
                </c:pt>
                <c:pt idx="1982">
                  <c:v>61.511492275210898</c:v>
                </c:pt>
                <c:pt idx="1983">
                  <c:v>61.504741249370589</c:v>
                </c:pt>
                <c:pt idx="1984">
                  <c:v>61.497986657219748</c:v>
                </c:pt>
                <c:pt idx="1985">
                  <c:v>61.490682853246717</c:v>
                </c:pt>
                <c:pt idx="1986">
                  <c:v>61.483889031680008</c:v>
                </c:pt>
                <c:pt idx="1987">
                  <c:v>61.477138005839691</c:v>
                </c:pt>
                <c:pt idx="1988">
                  <c:v>61.470975421237448</c:v>
                </c:pt>
                <c:pt idx="1989">
                  <c:v>61.463632387848534</c:v>
                </c:pt>
                <c:pt idx="1990">
                  <c:v>61.456881362008232</c:v>
                </c:pt>
                <c:pt idx="1991">
                  <c:v>61.450679547990106</c:v>
                </c:pt>
                <c:pt idx="1992">
                  <c:v>61.443375744017082</c:v>
                </c:pt>
                <c:pt idx="1993">
                  <c:v>61.436621151866234</c:v>
                </c:pt>
                <c:pt idx="1994">
                  <c:v>61.429870126025932</c:v>
                </c:pt>
                <c:pt idx="1995">
                  <c:v>61.423115533875084</c:v>
                </c:pt>
                <c:pt idx="1996">
                  <c:v>61.416917286167504</c:v>
                </c:pt>
                <c:pt idx="1997">
                  <c:v>61.410715472149377</c:v>
                </c:pt>
                <c:pt idx="1998">
                  <c:v>61.403964446309075</c:v>
                </c:pt>
                <c:pt idx="1999">
                  <c:v>61.396660642336045</c:v>
                </c:pt>
                <c:pt idx="2000">
                  <c:v>61.390458828317918</c:v>
                </c:pt>
                <c:pt idx="2001">
                  <c:v>61.383707802477616</c:v>
                </c:pt>
                <c:pt idx="2002">
                  <c:v>61.37750598845949</c:v>
                </c:pt>
                <c:pt idx="2003">
                  <c:v>61.370754962619188</c:v>
                </c:pt>
                <c:pt idx="2004">
                  <c:v>61.364000370468339</c:v>
                </c:pt>
                <c:pt idx="2005">
                  <c:v>61.357802122760759</c:v>
                </c:pt>
                <c:pt idx="2006">
                  <c:v>61.351603875053172</c:v>
                </c:pt>
                <c:pt idx="2007">
                  <c:v>61.34540206103506</c:v>
                </c:pt>
                <c:pt idx="2008">
                  <c:v>61.338651035194744</c:v>
                </c:pt>
                <c:pt idx="2009">
                  <c:v>61.332449221176631</c:v>
                </c:pt>
                <c:pt idx="2010">
                  <c:v>61.325698195336308</c:v>
                </c:pt>
                <c:pt idx="2011">
                  <c:v>61.318943603185474</c:v>
                </c:pt>
                <c:pt idx="2012">
                  <c:v>61.31274535547788</c:v>
                </c:pt>
                <c:pt idx="2013">
                  <c:v>61.306586337186175</c:v>
                </c:pt>
                <c:pt idx="2014">
                  <c:v>61.300384523168049</c:v>
                </c:pt>
                <c:pt idx="2015">
                  <c:v>61.294186275460468</c:v>
                </c:pt>
                <c:pt idx="2016">
                  <c:v>61.28743168330962</c:v>
                </c:pt>
                <c:pt idx="2017">
                  <c:v>61.281233435602047</c:v>
                </c:pt>
                <c:pt idx="2018">
                  <c:v>61.274478843451199</c:v>
                </c:pt>
                <c:pt idx="2019">
                  <c:v>61.268280595743619</c:v>
                </c:pt>
                <c:pt idx="2020">
                  <c:v>61.26263512616876</c:v>
                </c:pt>
                <c:pt idx="2021">
                  <c:v>61.256472541566509</c:v>
                </c:pt>
                <c:pt idx="2022">
                  <c:v>61.250274293858929</c:v>
                </c:pt>
                <c:pt idx="2023">
                  <c:v>61.243519701708081</c:v>
                </c:pt>
                <c:pt idx="2024">
                  <c:v>61.237321454000501</c:v>
                </c:pt>
                <c:pt idx="2025">
                  <c:v>61.231123206292914</c:v>
                </c:pt>
                <c:pt idx="2026">
                  <c:v>61.224921392274801</c:v>
                </c:pt>
                <c:pt idx="2027">
                  <c:v>61.21986793024854</c:v>
                </c:pt>
                <c:pt idx="2028">
                  <c:v>61.213113338097692</c:v>
                </c:pt>
                <c:pt idx="2029">
                  <c:v>61.206915090390112</c:v>
                </c:pt>
                <c:pt idx="2030">
                  <c:v>61.200713276371985</c:v>
                </c:pt>
                <c:pt idx="2031">
                  <c:v>61.194515028664412</c:v>
                </c:pt>
                <c:pt idx="2032">
                  <c:v>61.188356010372679</c:v>
                </c:pt>
                <c:pt idx="2033">
                  <c:v>61.182706974487303</c:v>
                </c:pt>
                <c:pt idx="2034">
                  <c:v>61.175955948646973</c:v>
                </c:pt>
                <c:pt idx="2035">
                  <c:v>61.170306912761596</c:v>
                </c:pt>
                <c:pt idx="2036">
                  <c:v>61.163555886921273</c:v>
                </c:pt>
                <c:pt idx="2037">
                  <c:v>61.157357639213693</c:v>
                </c:pt>
                <c:pt idx="2038">
                  <c:v>61.151747832744178</c:v>
                </c:pt>
                <c:pt idx="2039">
                  <c:v>61.145549585036584</c:v>
                </c:pt>
                <c:pt idx="2040">
                  <c:v>61.139347771018478</c:v>
                </c:pt>
                <c:pt idx="2041">
                  <c:v>61.133149523310884</c:v>
                </c:pt>
                <c:pt idx="2042">
                  <c:v>61.126990505019172</c:v>
                </c:pt>
                <c:pt idx="2043">
                  <c:v>61.120788691001046</c:v>
                </c:pt>
                <c:pt idx="2044">
                  <c:v>61.114590443293473</c:v>
                </c:pt>
                <c:pt idx="2045">
                  <c:v>61.108941407408068</c:v>
                </c:pt>
                <c:pt idx="2046">
                  <c:v>61.102782389116364</c:v>
                </c:pt>
                <c:pt idx="2047">
                  <c:v>61.095992133860186</c:v>
                </c:pt>
                <c:pt idx="2048">
                  <c:v>61.089829549257935</c:v>
                </c:pt>
                <c:pt idx="2049">
                  <c:v>61.083631301550355</c:v>
                </c:pt>
                <c:pt idx="2050">
                  <c:v>61.077429487532228</c:v>
                </c:pt>
                <c:pt idx="2051">
                  <c:v>61.071231239824655</c:v>
                </c:pt>
                <c:pt idx="2052">
                  <c:v>61.065624999665658</c:v>
                </c:pt>
                <c:pt idx="2053">
                  <c:v>61.058831178098949</c:v>
                </c:pt>
                <c:pt idx="2054">
                  <c:v>61.053224937939952</c:v>
                </c:pt>
                <c:pt idx="2055">
                  <c:v>61.047023123921839</c:v>
                </c:pt>
                <c:pt idx="2056">
                  <c:v>61.040824876214252</c:v>
                </c:pt>
                <c:pt idx="2057">
                  <c:v>61.034623062196133</c:v>
                </c:pt>
                <c:pt idx="2058">
                  <c:v>61.02901682203715</c:v>
                </c:pt>
                <c:pt idx="2059">
                  <c:v>61.022818574329563</c:v>
                </c:pt>
                <c:pt idx="2060">
                  <c:v>61.01661676031145</c:v>
                </c:pt>
                <c:pt idx="2061">
                  <c:v>61.010418512603856</c:v>
                </c:pt>
                <c:pt idx="2062">
                  <c:v>61.004812272444873</c:v>
                </c:pt>
                <c:pt idx="2063">
                  <c:v>60.998610458426747</c:v>
                </c:pt>
                <c:pt idx="2064">
                  <c:v>60.992412210719174</c:v>
                </c:pt>
                <c:pt idx="2065">
                  <c:v>60.986210396701047</c:v>
                </c:pt>
                <c:pt idx="2066">
                  <c:v>60.980012148993467</c:v>
                </c:pt>
                <c:pt idx="2067">
                  <c:v>60.973849564391223</c:v>
                </c:pt>
                <c:pt idx="2068">
                  <c:v>60.967651316683636</c:v>
                </c:pt>
                <c:pt idx="2069">
                  <c:v>60.962005847108777</c:v>
                </c:pt>
                <c:pt idx="2070">
                  <c:v>60.955804033090658</c:v>
                </c:pt>
                <c:pt idx="2071">
                  <c:v>60.949645014798946</c:v>
                </c:pt>
                <c:pt idx="2072">
                  <c:v>60.94344320078082</c:v>
                </c:pt>
                <c:pt idx="2073">
                  <c:v>60.937797731205968</c:v>
                </c:pt>
                <c:pt idx="2074">
                  <c:v>60.931599483498388</c:v>
                </c:pt>
                <c:pt idx="2075">
                  <c:v>60.925436898896137</c:v>
                </c:pt>
                <c:pt idx="2076">
                  <c:v>60.919791429321279</c:v>
                </c:pt>
                <c:pt idx="2077">
                  <c:v>60.913589615303152</c:v>
                </c:pt>
                <c:pt idx="2078">
                  <c:v>60.907391367595579</c:v>
                </c:pt>
                <c:pt idx="2079">
                  <c:v>60.90178512743659</c:v>
                </c:pt>
                <c:pt idx="2080">
                  <c:v>60.896136091551192</c:v>
                </c:pt>
                <c:pt idx="2081">
                  <c:v>60.88938506571089</c:v>
                </c:pt>
                <c:pt idx="2082">
                  <c:v>60.883183251692763</c:v>
                </c:pt>
                <c:pt idx="2083">
                  <c:v>60.877577011533781</c:v>
                </c:pt>
                <c:pt idx="2084">
                  <c:v>60.871931541958915</c:v>
                </c:pt>
                <c:pt idx="2085">
                  <c:v>60.866321735489393</c:v>
                </c:pt>
                <c:pt idx="2086">
                  <c:v>60.860123487781806</c:v>
                </c:pt>
                <c:pt idx="2087">
                  <c:v>60.853921673763686</c:v>
                </c:pt>
                <c:pt idx="2088">
                  <c:v>60.847723426056099</c:v>
                </c:pt>
                <c:pt idx="2089">
                  <c:v>60.842117185897116</c:v>
                </c:pt>
                <c:pt idx="2090">
                  <c:v>60.835915371879004</c:v>
                </c:pt>
                <c:pt idx="2091">
                  <c:v>60.830269902304138</c:v>
                </c:pt>
                <c:pt idx="2092">
                  <c:v>60.824663662145149</c:v>
                </c:pt>
                <c:pt idx="2093">
                  <c:v>60.819014626259751</c:v>
                </c:pt>
                <c:pt idx="2094">
                  <c:v>60.812816378552171</c:v>
                </c:pt>
                <c:pt idx="2095">
                  <c:v>60.806614564534044</c:v>
                </c:pt>
                <c:pt idx="2096">
                  <c:v>60.801008324375061</c:v>
                </c:pt>
                <c:pt idx="2097">
                  <c:v>60.794810076667481</c:v>
                </c:pt>
                <c:pt idx="2098">
                  <c:v>60.789161040782083</c:v>
                </c:pt>
                <c:pt idx="2099">
                  <c:v>60.783002022490372</c:v>
                </c:pt>
                <c:pt idx="2100">
                  <c:v>60.777352986604974</c:v>
                </c:pt>
                <c:pt idx="2101">
                  <c:v>60.771707517030116</c:v>
                </c:pt>
                <c:pt idx="2102">
                  <c:v>60.765548498738411</c:v>
                </c:pt>
                <c:pt idx="2103">
                  <c:v>60.760452240985728</c:v>
                </c:pt>
                <c:pt idx="2104">
                  <c:v>60.754253993278148</c:v>
                </c:pt>
                <c:pt idx="2105">
                  <c:v>60.748644186808619</c:v>
                </c:pt>
                <c:pt idx="2106">
                  <c:v>60.742998717233768</c:v>
                </c:pt>
                <c:pt idx="2107">
                  <c:v>60.737392477074771</c:v>
                </c:pt>
                <c:pt idx="2108">
                  <c:v>60.731743441189387</c:v>
                </c:pt>
                <c:pt idx="2109">
                  <c:v>60.725545193481793</c:v>
                </c:pt>
                <c:pt idx="2110">
                  <c:v>60.719343379463687</c:v>
                </c:pt>
                <c:pt idx="2111">
                  <c:v>60.713737139304691</c:v>
                </c:pt>
                <c:pt idx="2112">
                  <c:v>60.708091669729825</c:v>
                </c:pt>
                <c:pt idx="2113">
                  <c:v>60.701929085127581</c:v>
                </c:pt>
                <c:pt idx="2114">
                  <c:v>60.696836393685452</c:v>
                </c:pt>
                <c:pt idx="2115">
                  <c:v>60.690638145977871</c:v>
                </c:pt>
                <c:pt idx="2116">
                  <c:v>60.685028339508349</c:v>
                </c:pt>
                <c:pt idx="2117">
                  <c:v>60.678830091800762</c:v>
                </c:pt>
                <c:pt idx="2118">
                  <c:v>60.673181055915371</c:v>
                </c:pt>
                <c:pt idx="2119">
                  <c:v>60.668127593889096</c:v>
                </c:pt>
                <c:pt idx="2120">
                  <c:v>60.661929346181523</c:v>
                </c:pt>
                <c:pt idx="2121">
                  <c:v>60.656319539712001</c:v>
                </c:pt>
                <c:pt idx="2122">
                  <c:v>60.650674070137136</c:v>
                </c:pt>
                <c:pt idx="2123">
                  <c:v>60.645067829978153</c:v>
                </c:pt>
                <c:pt idx="2124">
                  <c:v>60.638274008411429</c:v>
                </c:pt>
                <c:pt idx="2125">
                  <c:v>60.633220546385168</c:v>
                </c:pt>
                <c:pt idx="2126">
                  <c:v>60.627018732367041</c:v>
                </c:pt>
                <c:pt idx="2127">
                  <c:v>60.621412492208059</c:v>
                </c:pt>
                <c:pt idx="2128">
                  <c:v>60.615767022633207</c:v>
                </c:pt>
                <c:pt idx="2129">
                  <c:v>60.609565208615081</c:v>
                </c:pt>
                <c:pt idx="2130">
                  <c:v>60.603958968456098</c:v>
                </c:pt>
                <c:pt idx="2131">
                  <c:v>60.597757154437971</c:v>
                </c:pt>
                <c:pt idx="2132">
                  <c:v>60.592111684863113</c:v>
                </c:pt>
                <c:pt idx="2133">
                  <c:v>60.587058222836845</c:v>
                </c:pt>
                <c:pt idx="2134">
                  <c:v>60.580856408818725</c:v>
                </c:pt>
                <c:pt idx="2135">
                  <c:v>60.575250168659743</c:v>
                </c:pt>
                <c:pt idx="2136">
                  <c:v>60.569604699084877</c:v>
                </c:pt>
                <c:pt idx="2137">
                  <c:v>60.563402885066765</c:v>
                </c:pt>
                <c:pt idx="2138">
                  <c:v>60.55834942304049</c:v>
                </c:pt>
                <c:pt idx="2139">
                  <c:v>60.552700387155113</c:v>
                </c:pt>
                <c:pt idx="2140">
                  <c:v>60.54654136886338</c:v>
                </c:pt>
                <c:pt idx="2141">
                  <c:v>60.540895899288529</c:v>
                </c:pt>
                <c:pt idx="2142">
                  <c:v>60.535246863403145</c:v>
                </c:pt>
                <c:pt idx="2143">
                  <c:v>60.529640623244148</c:v>
                </c:pt>
                <c:pt idx="2144">
                  <c:v>60.523995153669297</c:v>
                </c:pt>
                <c:pt idx="2145">
                  <c:v>60.51779333965117</c:v>
                </c:pt>
                <c:pt idx="2146">
                  <c:v>60.512739877624909</c:v>
                </c:pt>
                <c:pt idx="2147">
                  <c:v>60.507130071155387</c:v>
                </c:pt>
                <c:pt idx="2148">
                  <c:v>60.5009318234478</c:v>
                </c:pt>
                <c:pt idx="2149">
                  <c:v>60.495286353872949</c:v>
                </c:pt>
                <c:pt idx="2150">
                  <c:v>60.490229325536134</c:v>
                </c:pt>
                <c:pt idx="2151">
                  <c:v>60.484583855961283</c:v>
                </c:pt>
                <c:pt idx="2152">
                  <c:v>60.4789776158023</c:v>
                </c:pt>
                <c:pt idx="2153">
                  <c:v>60.472775801784174</c:v>
                </c:pt>
                <c:pt idx="2154">
                  <c:v>60.467130332209315</c:v>
                </c:pt>
                <c:pt idx="2155">
                  <c:v>60.461520525739786</c:v>
                </c:pt>
                <c:pt idx="2156">
                  <c:v>60.455875056164935</c:v>
                </c:pt>
                <c:pt idx="2157">
                  <c:v>60.450268816005945</c:v>
                </c:pt>
                <c:pt idx="2158">
                  <c:v>60.445172558253276</c:v>
                </c:pt>
                <c:pt idx="2159">
                  <c:v>60.439013539961564</c:v>
                </c:pt>
                <c:pt idx="2160">
                  <c:v>60.433368070386706</c:v>
                </c:pt>
                <c:pt idx="2161">
                  <c:v>60.427719034501315</c:v>
                </c:pt>
                <c:pt idx="2162">
                  <c:v>60.422665572475054</c:v>
                </c:pt>
                <c:pt idx="2163">
                  <c:v>60.416463758456928</c:v>
                </c:pt>
                <c:pt idx="2164">
                  <c:v>60.410857518297945</c:v>
                </c:pt>
                <c:pt idx="2165">
                  <c:v>60.405212048723079</c:v>
                </c:pt>
                <c:pt idx="2166">
                  <c:v>60.399602242253557</c:v>
                </c:pt>
                <c:pt idx="2167">
                  <c:v>60.394509550811414</c:v>
                </c:pt>
                <c:pt idx="2168">
                  <c:v>60.388903310652431</c:v>
                </c:pt>
                <c:pt idx="2169">
                  <c:v>60.383807052899776</c:v>
                </c:pt>
                <c:pt idx="2170">
                  <c:v>60.378200812740765</c:v>
                </c:pt>
                <c:pt idx="2171">
                  <c:v>60.372551776855389</c:v>
                </c:pt>
                <c:pt idx="2172">
                  <c:v>60.366945536696406</c:v>
                </c:pt>
                <c:pt idx="2173">
                  <c:v>60.36130006712154</c:v>
                </c:pt>
                <c:pt idx="2174">
                  <c:v>60.35565103123615</c:v>
                </c:pt>
                <c:pt idx="2175">
                  <c:v>60.350597569209874</c:v>
                </c:pt>
                <c:pt idx="2176">
                  <c:v>60.344399321502294</c:v>
                </c:pt>
                <c:pt idx="2177">
                  <c:v>60.338789515032765</c:v>
                </c:pt>
                <c:pt idx="2178">
                  <c:v>60.333696823590635</c:v>
                </c:pt>
                <c:pt idx="2179">
                  <c:v>60.328090583431646</c:v>
                </c:pt>
                <c:pt idx="2180">
                  <c:v>60.323033555094838</c:v>
                </c:pt>
                <c:pt idx="2181">
                  <c:v>60.317388085519987</c:v>
                </c:pt>
                <c:pt idx="2182">
                  <c:v>60.311739049634596</c:v>
                </c:pt>
                <c:pt idx="2183">
                  <c:v>60.306132809475599</c:v>
                </c:pt>
                <c:pt idx="2184">
                  <c:v>60.300487339900741</c:v>
                </c:pt>
                <c:pt idx="2185">
                  <c:v>60.295983089696669</c:v>
                </c:pt>
                <c:pt idx="2186">
                  <c:v>60.289784841989089</c:v>
                </c:pt>
                <c:pt idx="2187">
                  <c:v>60.284731379962821</c:v>
                </c:pt>
                <c:pt idx="2188">
                  <c:v>60.279121573493299</c:v>
                </c:pt>
                <c:pt idx="2189">
                  <c:v>60.274028882051169</c:v>
                </c:pt>
                <c:pt idx="2190">
                  <c:v>60.268422641892172</c:v>
                </c:pt>
                <c:pt idx="2191">
                  <c:v>60.262773606006782</c:v>
                </c:pt>
                <c:pt idx="2192">
                  <c:v>60.257128136431916</c:v>
                </c:pt>
                <c:pt idx="2193">
                  <c:v>60.25207110809513</c:v>
                </c:pt>
                <c:pt idx="2194">
                  <c:v>60.246464867936133</c:v>
                </c:pt>
                <c:pt idx="2195">
                  <c:v>60.241372176494004</c:v>
                </c:pt>
                <c:pt idx="2196">
                  <c:v>60.236315148157203</c:v>
                </c:pt>
                <c:pt idx="2197">
                  <c:v>60.230116900449616</c:v>
                </c:pt>
                <c:pt idx="2198">
                  <c:v>60.225063438423355</c:v>
                </c:pt>
                <c:pt idx="2199">
                  <c:v>60.220006410086555</c:v>
                </c:pt>
                <c:pt idx="2200">
                  <c:v>60.214913718644411</c:v>
                </c:pt>
                <c:pt idx="2201">
                  <c:v>60.208715470936838</c:v>
                </c:pt>
                <c:pt idx="2202">
                  <c:v>60.20365844260003</c:v>
                </c:pt>
                <c:pt idx="2203">
                  <c:v>60.19805220244104</c:v>
                </c:pt>
                <c:pt idx="2204">
                  <c:v>60.192406732866189</c:v>
                </c:pt>
                <c:pt idx="2205">
                  <c:v>60.187349704529389</c:v>
                </c:pt>
                <c:pt idx="2206">
                  <c:v>60.181704234954537</c:v>
                </c:pt>
                <c:pt idx="2207">
                  <c:v>60.176055199069133</c:v>
                </c:pt>
                <c:pt idx="2208">
                  <c:v>60.171001737042872</c:v>
                </c:pt>
                <c:pt idx="2209">
                  <c:v>60.165395496883889</c:v>
                </c:pt>
                <c:pt idx="2210">
                  <c:v>60.160299239131213</c:v>
                </c:pt>
                <c:pt idx="2211">
                  <c:v>60.154692998972223</c:v>
                </c:pt>
                <c:pt idx="2212">
                  <c:v>60.149600307530093</c:v>
                </c:pt>
                <c:pt idx="2213">
                  <c:v>60.143990501060564</c:v>
                </c:pt>
                <c:pt idx="2214">
                  <c:v>60.138937039034303</c:v>
                </c:pt>
                <c:pt idx="2215">
                  <c:v>60.133291569459438</c:v>
                </c:pt>
                <c:pt idx="2216">
                  <c:v>60.128234541122652</c:v>
                </c:pt>
                <c:pt idx="2217">
                  <c:v>60.122589071547793</c:v>
                </c:pt>
                <c:pt idx="2218">
                  <c:v>60.116982831388796</c:v>
                </c:pt>
                <c:pt idx="2219">
                  <c:v>60.111333795503405</c:v>
                </c:pt>
                <c:pt idx="2220">
                  <c:v>60.106280333477144</c:v>
                </c:pt>
                <c:pt idx="2221">
                  <c:v>60.101184075724468</c:v>
                </c:pt>
                <c:pt idx="2222">
                  <c:v>60.095577835565486</c:v>
                </c:pt>
                <c:pt idx="2223">
                  <c:v>60.090485144123342</c:v>
                </c:pt>
                <c:pt idx="2224">
                  <c:v>60.084875337653834</c:v>
                </c:pt>
                <c:pt idx="2225">
                  <c:v>60.079821875627573</c:v>
                </c:pt>
                <c:pt idx="2226">
                  <c:v>60.0741764060527</c:v>
                </c:pt>
                <c:pt idx="2227">
                  <c:v>60.06852737016731</c:v>
                </c:pt>
                <c:pt idx="2228">
                  <c:v>60.063473908141042</c:v>
                </c:pt>
                <c:pt idx="2229">
                  <c:v>60.058420446114781</c:v>
                </c:pt>
                <c:pt idx="2230">
                  <c:v>60.052771410229376</c:v>
                </c:pt>
                <c:pt idx="2231">
                  <c:v>60.047165170070393</c:v>
                </c:pt>
                <c:pt idx="2232">
                  <c:v>60.041516134185002</c:v>
                </c:pt>
                <c:pt idx="2233">
                  <c:v>60.036462672158727</c:v>
                </c:pt>
                <c:pt idx="2234">
                  <c:v>60.031369980716612</c:v>
                </c:pt>
                <c:pt idx="2235">
                  <c:v>60.026865730512533</c:v>
                </c:pt>
                <c:pt idx="2236">
                  <c:v>60.016758806460004</c:v>
                </c:pt>
                <c:pt idx="2237">
                  <c:v>60.010004214309156</c:v>
                </c:pt>
                <c:pt idx="2238">
                  <c:v>60.006609086681074</c:v>
                </c:pt>
                <c:pt idx="2239">
                  <c:v>60.002661180920256</c:v>
                </c:pt>
                <c:pt idx="2240">
                  <c:v>59.997607718893995</c:v>
                </c:pt>
                <c:pt idx="2241">
                  <c:v>59.993656246822638</c:v>
                </c:pt>
                <c:pt idx="2242">
                  <c:v>59.994209024955367</c:v>
                </c:pt>
                <c:pt idx="2243">
                  <c:v>59.986352442849608</c:v>
                </c:pt>
                <c:pt idx="2244">
                  <c:v>59.979597850698759</c:v>
                </c:pt>
                <c:pt idx="2245">
                  <c:v>59.973399602991186</c:v>
                </c:pt>
                <c:pt idx="2246">
                  <c:v>59.967754133416321</c:v>
                </c:pt>
                <c:pt idx="2247">
                  <c:v>59.962697105079521</c:v>
                </c:pt>
                <c:pt idx="2248">
                  <c:v>59.95764364305326</c:v>
                </c:pt>
                <c:pt idx="2249">
                  <c:v>59.951998173478394</c:v>
                </c:pt>
                <c:pt idx="2250">
                  <c:v>59.946941145141608</c:v>
                </c:pt>
                <c:pt idx="2251">
                  <c:v>59.941295675566742</c:v>
                </c:pt>
                <c:pt idx="2252">
                  <c:v>59.936238647229942</c:v>
                </c:pt>
                <c:pt idx="2253">
                  <c:v>59.931185185203681</c:v>
                </c:pt>
                <c:pt idx="2254">
                  <c:v>59.926092493761537</c:v>
                </c:pt>
                <c:pt idx="2255">
                  <c:v>59.921035465424744</c:v>
                </c:pt>
                <c:pt idx="2256">
                  <c:v>59.915982003398483</c:v>
                </c:pt>
                <c:pt idx="2257">
                  <c:v>59.910889311956353</c:v>
                </c:pt>
                <c:pt idx="2258">
                  <c:v>59.905279505486831</c:v>
                </c:pt>
                <c:pt idx="2259">
                  <c:v>59.899634035911966</c:v>
                </c:pt>
                <c:pt idx="2260">
                  <c:v>59.895133352018426</c:v>
                </c:pt>
                <c:pt idx="2261">
                  <c:v>59.890076323681626</c:v>
                </c:pt>
                <c:pt idx="2262">
                  <c:v>59.885022861655358</c:v>
                </c:pt>
                <c:pt idx="2263">
                  <c:v>59.879930170213228</c:v>
                </c:pt>
                <c:pt idx="2264">
                  <c:v>59.874873141876442</c:v>
                </c:pt>
                <c:pt idx="2265">
                  <c:v>59.869819679850167</c:v>
                </c:pt>
                <c:pt idx="2266">
                  <c:v>59.864726988408037</c:v>
                </c:pt>
                <c:pt idx="2267">
                  <c:v>59.85966996007123</c:v>
                </c:pt>
                <c:pt idx="2268">
                  <c:v>59.854616498044969</c:v>
                </c:pt>
                <c:pt idx="2269">
                  <c:v>59.849523806602832</c:v>
                </c:pt>
                <c:pt idx="2270">
                  <c:v>59.844466778266039</c:v>
                </c:pt>
                <c:pt idx="2271">
                  <c:v>59.839413316239778</c:v>
                </c:pt>
                <c:pt idx="2272">
                  <c:v>59.834912632346239</c:v>
                </c:pt>
                <c:pt idx="2273">
                  <c:v>59.829816374593555</c:v>
                </c:pt>
                <c:pt idx="2274">
                  <c:v>59.824762912567294</c:v>
                </c:pt>
                <c:pt idx="2275">
                  <c:v>59.819709450541033</c:v>
                </c:pt>
                <c:pt idx="2276">
                  <c:v>59.814613192788372</c:v>
                </c:pt>
                <c:pt idx="2277">
                  <c:v>59.809559730762111</c:v>
                </c:pt>
                <c:pt idx="2278">
                  <c:v>59.80450626873585</c:v>
                </c:pt>
                <c:pt idx="2279">
                  <c:v>59.800002018531764</c:v>
                </c:pt>
                <c:pt idx="2280">
                  <c:v>59.794909327089627</c:v>
                </c:pt>
                <c:pt idx="2281">
                  <c:v>59.790408643196081</c:v>
                </c:pt>
                <c:pt idx="2282">
                  <c:v>59.785351614859295</c:v>
                </c:pt>
                <c:pt idx="2283">
                  <c:v>59.780298152833033</c:v>
                </c:pt>
                <c:pt idx="2284">
                  <c:v>59.775244690806758</c:v>
                </c:pt>
                <c:pt idx="2285">
                  <c:v>59.770148433054096</c:v>
                </c:pt>
                <c:pt idx="2286">
                  <c:v>59.765647749160557</c:v>
                </c:pt>
                <c:pt idx="2287">
                  <c:v>59.760594287134282</c:v>
                </c:pt>
                <c:pt idx="2288">
                  <c:v>59.756093603240757</c:v>
                </c:pt>
                <c:pt idx="2289">
                  <c:v>59.750444567355366</c:v>
                </c:pt>
                <c:pt idx="2290">
                  <c:v>59.74594388346182</c:v>
                </c:pt>
                <c:pt idx="2291">
                  <c:v>59.740890421435552</c:v>
                </c:pt>
                <c:pt idx="2292">
                  <c:v>59.735833393098744</c:v>
                </c:pt>
                <c:pt idx="2293">
                  <c:v>59.73129347978935</c:v>
                </c:pt>
                <c:pt idx="2294">
                  <c:v>59.726792795895811</c:v>
                </c:pt>
                <c:pt idx="2295">
                  <c:v>59.722288545691725</c:v>
                </c:pt>
                <c:pt idx="2296">
                  <c:v>59.716682305532743</c:v>
                </c:pt>
                <c:pt idx="2297">
                  <c:v>59.711589614090613</c:v>
                </c:pt>
                <c:pt idx="2298">
                  <c:v>59.707085363886534</c:v>
                </c:pt>
                <c:pt idx="2299">
                  <c:v>59.702031901860273</c:v>
                </c:pt>
                <c:pt idx="2300">
                  <c:v>59.696978439834012</c:v>
                </c:pt>
                <c:pt idx="2301">
                  <c:v>59.693026967762655</c:v>
                </c:pt>
                <c:pt idx="2302">
                  <c:v>59.687973505736394</c:v>
                </c:pt>
                <c:pt idx="2303">
                  <c:v>59.682880814294258</c:v>
                </c:pt>
                <c:pt idx="2304">
                  <c:v>59.678376564090186</c:v>
                </c:pt>
                <c:pt idx="2305">
                  <c:v>59.673875880196647</c:v>
                </c:pt>
                <c:pt idx="2306">
                  <c:v>59.668822418170386</c:v>
                </c:pt>
                <c:pt idx="2307">
                  <c:v>59.664318167966314</c:v>
                </c:pt>
                <c:pt idx="2308">
                  <c:v>59.659264705940053</c:v>
                </c:pt>
                <c:pt idx="2309">
                  <c:v>59.654764022046514</c:v>
                </c:pt>
                <c:pt idx="2310">
                  <c:v>59.649667764293838</c:v>
                </c:pt>
                <c:pt idx="2311">
                  <c:v>59.64461430226757</c:v>
                </c:pt>
                <c:pt idx="2312">
                  <c:v>59.640113618374023</c:v>
                </c:pt>
                <c:pt idx="2313">
                  <c:v>59.635060156347762</c:v>
                </c:pt>
                <c:pt idx="2314">
                  <c:v>59.630516676727829</c:v>
                </c:pt>
                <c:pt idx="2315">
                  <c:v>59.625463214701554</c:v>
                </c:pt>
                <c:pt idx="2316">
                  <c:v>59.620962530808022</c:v>
                </c:pt>
                <c:pt idx="2317">
                  <c:v>59.616458280603958</c:v>
                </c:pt>
                <c:pt idx="2318">
                  <c:v>59.611404818577697</c:v>
                </c:pt>
                <c:pt idx="2319">
                  <c:v>59.606904134684143</c:v>
                </c:pt>
                <c:pt idx="2320">
                  <c:v>59.601807876931481</c:v>
                </c:pt>
                <c:pt idx="2321">
                  <c:v>59.597307193037928</c:v>
                </c:pt>
                <c:pt idx="2322">
                  <c:v>59.592806509144388</c:v>
                </c:pt>
                <c:pt idx="2323">
                  <c:v>59.588302258940331</c:v>
                </c:pt>
                <c:pt idx="2324">
                  <c:v>59.583801575046778</c:v>
                </c:pt>
                <c:pt idx="2325">
                  <c:v>59.578748113020517</c:v>
                </c:pt>
                <c:pt idx="2326">
                  <c:v>59.574243862816445</c:v>
                </c:pt>
                <c:pt idx="2327">
                  <c:v>59.569743178922906</c:v>
                </c:pt>
                <c:pt idx="2328">
                  <c:v>59.564650487480776</c:v>
                </c:pt>
                <c:pt idx="2329">
                  <c:v>59.560146237276697</c:v>
                </c:pt>
                <c:pt idx="2330">
                  <c:v>59.555092775250429</c:v>
                </c:pt>
                <c:pt idx="2331">
                  <c:v>59.55059209135689</c:v>
                </c:pt>
                <c:pt idx="2332">
                  <c:v>59.545538629330629</c:v>
                </c:pt>
                <c:pt idx="2333">
                  <c:v>59.541587157259279</c:v>
                </c:pt>
                <c:pt idx="2334">
                  <c:v>59.536533695233018</c:v>
                </c:pt>
                <c:pt idx="2335">
                  <c:v>59.53199378192361</c:v>
                </c:pt>
                <c:pt idx="2336">
                  <c:v>59.527489531719539</c:v>
                </c:pt>
                <c:pt idx="2337">
                  <c:v>59.522988847825999</c:v>
                </c:pt>
                <c:pt idx="2338">
                  <c:v>59.51848816393246</c:v>
                </c:pt>
                <c:pt idx="2339">
                  <c:v>59.513431135595653</c:v>
                </c:pt>
                <c:pt idx="2340">
                  <c:v>59.508930451702128</c:v>
                </c:pt>
                <c:pt idx="2341">
                  <c:v>59.504429767808588</c:v>
                </c:pt>
                <c:pt idx="2342">
                  <c:v>59.499372739471781</c:v>
                </c:pt>
                <c:pt idx="2343">
                  <c:v>59.495424833710963</c:v>
                </c:pt>
                <c:pt idx="2344">
                  <c:v>59.490924149817424</c:v>
                </c:pt>
                <c:pt idx="2345">
                  <c:v>59.485831458375294</c:v>
                </c:pt>
                <c:pt idx="2346">
                  <c:v>59.481327208171223</c:v>
                </c:pt>
                <c:pt idx="2347">
                  <c:v>59.476826524277683</c:v>
                </c:pt>
                <c:pt idx="2348">
                  <c:v>59.47232584038413</c:v>
                </c:pt>
                <c:pt idx="2349">
                  <c:v>59.467268812047344</c:v>
                </c:pt>
                <c:pt idx="2350">
                  <c:v>59.463320906286533</c:v>
                </c:pt>
                <c:pt idx="2351">
                  <c:v>59.45882022239298</c:v>
                </c:pt>
                <c:pt idx="2352">
                  <c:v>59.453763194056187</c:v>
                </c:pt>
                <c:pt idx="2353">
                  <c:v>59.449815288295383</c:v>
                </c:pt>
                <c:pt idx="2354">
                  <c:v>59.444761826269108</c:v>
                </c:pt>
                <c:pt idx="2355">
                  <c:v>59.440261142375576</c:v>
                </c:pt>
                <c:pt idx="2356">
                  <c:v>59.435756892171497</c:v>
                </c:pt>
                <c:pt idx="2357">
                  <c:v>59.430664200729353</c:v>
                </c:pt>
                <c:pt idx="2358">
                  <c:v>59.426163516835828</c:v>
                </c:pt>
                <c:pt idx="2359">
                  <c:v>59.421659266631757</c:v>
                </c:pt>
                <c:pt idx="2360">
                  <c:v>59.416605804605481</c:v>
                </c:pt>
                <c:pt idx="2361">
                  <c:v>59.412105120711942</c:v>
                </c:pt>
                <c:pt idx="2362">
                  <c:v>59.407600870507885</c:v>
                </c:pt>
                <c:pt idx="2363">
                  <c:v>59.403100186614331</c:v>
                </c:pt>
                <c:pt idx="2364">
                  <c:v>59.398599502720792</c:v>
                </c:pt>
                <c:pt idx="2365">
                  <c:v>59.394095252516721</c:v>
                </c:pt>
                <c:pt idx="2366">
                  <c:v>59.389555339207313</c:v>
                </c:pt>
                <c:pt idx="2367">
                  <c:v>59.385054655313773</c:v>
                </c:pt>
                <c:pt idx="2368">
                  <c:v>59.380553971420234</c:v>
                </c:pt>
                <c:pt idx="2369">
                  <c:v>59.375496943083427</c:v>
                </c:pt>
                <c:pt idx="2370">
                  <c:v>59.370996259189887</c:v>
                </c:pt>
                <c:pt idx="2371">
                  <c:v>59.366495575296362</c:v>
                </c:pt>
                <c:pt idx="2372">
                  <c:v>59.361991325092276</c:v>
                </c:pt>
                <c:pt idx="2373">
                  <c:v>59.357490641198737</c:v>
                </c:pt>
                <c:pt idx="2374">
                  <c:v>59.352989957305205</c:v>
                </c:pt>
                <c:pt idx="2375">
                  <c:v>59.349038485233848</c:v>
                </c:pt>
                <c:pt idx="2376">
                  <c:v>59.344537801340316</c:v>
                </c:pt>
                <c:pt idx="2377">
                  <c:v>59.339484339314055</c:v>
                </c:pt>
                <c:pt idx="2378">
                  <c:v>59.334983655420501</c:v>
                </c:pt>
                <c:pt idx="2379">
                  <c:v>59.330440175800568</c:v>
                </c:pt>
                <c:pt idx="2380">
                  <c:v>59.326531499455626</c:v>
                </c:pt>
                <c:pt idx="2381">
                  <c:v>59.32203081556208</c:v>
                </c:pt>
                <c:pt idx="2382">
                  <c:v>59.317526565358015</c:v>
                </c:pt>
                <c:pt idx="2383">
                  <c:v>59.313025881464476</c:v>
                </c:pt>
                <c:pt idx="2384">
                  <c:v>59.308485968155054</c:v>
                </c:pt>
                <c:pt idx="2385">
                  <c:v>59.30398171795099</c:v>
                </c:pt>
                <c:pt idx="2386">
                  <c:v>59.299481034057457</c:v>
                </c:pt>
                <c:pt idx="2387">
                  <c:v>59.295572357712501</c:v>
                </c:pt>
                <c:pt idx="2388">
                  <c:v>59.291032444403093</c:v>
                </c:pt>
                <c:pt idx="2389">
                  <c:v>59.285975416066293</c:v>
                </c:pt>
                <c:pt idx="2390">
                  <c:v>59.281474732172754</c:v>
                </c:pt>
                <c:pt idx="2391">
                  <c:v>59.276974048279222</c:v>
                </c:pt>
                <c:pt idx="2392">
                  <c:v>59.273022576207865</c:v>
                </c:pt>
                <c:pt idx="2393">
                  <c:v>59.268521892314318</c:v>
                </c:pt>
                <c:pt idx="2394">
                  <c:v>59.264573986553515</c:v>
                </c:pt>
                <c:pt idx="2395">
                  <c:v>59.260073302659976</c:v>
                </c:pt>
                <c:pt idx="2396">
                  <c:v>59.25556905245589</c:v>
                </c:pt>
                <c:pt idx="2397">
                  <c:v>59.251068368562365</c:v>
                </c:pt>
                <c:pt idx="2398">
                  <c:v>59.246567684668825</c:v>
                </c:pt>
                <c:pt idx="2399">
                  <c:v>59.24206343446474</c:v>
                </c:pt>
                <c:pt idx="2400">
                  <c:v>59.237562750571207</c:v>
                </c:pt>
                <c:pt idx="2401">
                  <c:v>59.233614844810404</c:v>
                </c:pt>
                <c:pt idx="2402">
                  <c:v>59.229110594606318</c:v>
                </c:pt>
                <c:pt idx="2403">
                  <c:v>59.224609910712779</c:v>
                </c:pt>
                <c:pt idx="2404">
                  <c:v>59.22010922681924</c:v>
                </c:pt>
                <c:pt idx="2405">
                  <c:v>59.2156085429257</c:v>
                </c:pt>
                <c:pt idx="2406">
                  <c:v>59.211104292721629</c:v>
                </c:pt>
                <c:pt idx="2407">
                  <c:v>59.20660360882809</c:v>
                </c:pt>
                <c:pt idx="2408">
                  <c:v>59.20210292493455</c:v>
                </c:pt>
                <c:pt idx="2409">
                  <c:v>59.1981514528632</c:v>
                </c:pt>
                <c:pt idx="2410">
                  <c:v>59.193097990836939</c:v>
                </c:pt>
                <c:pt idx="2411">
                  <c:v>59.189150085076122</c:v>
                </c:pt>
                <c:pt idx="2412">
                  <c:v>59.185202179315297</c:v>
                </c:pt>
                <c:pt idx="2413">
                  <c:v>59.18069792911124</c:v>
                </c:pt>
                <c:pt idx="2414">
                  <c:v>59.175644467084979</c:v>
                </c:pt>
                <c:pt idx="2415">
                  <c:v>59.171696561324147</c:v>
                </c:pt>
                <c:pt idx="2416">
                  <c:v>59.16719231112009</c:v>
                </c:pt>
                <c:pt idx="2417">
                  <c:v>59.163244405359272</c:v>
                </c:pt>
                <c:pt idx="2418">
                  <c:v>59.158743721465726</c:v>
                </c:pt>
                <c:pt idx="2419">
                  <c:v>59.154243037572186</c:v>
                </c:pt>
                <c:pt idx="2420">
                  <c:v>59.149738787368122</c:v>
                </c:pt>
                <c:pt idx="2421">
                  <c:v>59.145238103474576</c:v>
                </c:pt>
                <c:pt idx="2422">
                  <c:v>59.141290197713758</c:v>
                </c:pt>
                <c:pt idx="2423">
                  <c:v>59.136785947509694</c:v>
                </c:pt>
                <c:pt idx="2424">
                  <c:v>59.132285263616154</c:v>
                </c:pt>
                <c:pt idx="2425">
                  <c:v>59.127784579722608</c:v>
                </c:pt>
                <c:pt idx="2426">
                  <c:v>59.123280329518536</c:v>
                </c:pt>
                <c:pt idx="2427">
                  <c:v>59.119332423757733</c:v>
                </c:pt>
                <c:pt idx="2428">
                  <c:v>59.114831739864179</c:v>
                </c:pt>
                <c:pt idx="2429">
                  <c:v>59.109778277837918</c:v>
                </c:pt>
                <c:pt idx="2430">
                  <c:v>59.105274027633847</c:v>
                </c:pt>
                <c:pt idx="2431">
                  <c:v>59.101326121873029</c:v>
                </c:pt>
                <c:pt idx="2432">
                  <c:v>59.096825437979497</c:v>
                </c:pt>
                <c:pt idx="2433">
                  <c:v>59.092321187775418</c:v>
                </c:pt>
                <c:pt idx="2434">
                  <c:v>59.087228496333275</c:v>
                </c:pt>
                <c:pt idx="2435">
                  <c:v>59.083319819988333</c:v>
                </c:pt>
                <c:pt idx="2436">
                  <c:v>59.078819136094808</c:v>
                </c:pt>
                <c:pt idx="2437">
                  <c:v>59.074314885890722</c:v>
                </c:pt>
                <c:pt idx="2438">
                  <c:v>59.069774972581314</c:v>
                </c:pt>
                <c:pt idx="2439">
                  <c:v>59.065274288687775</c:v>
                </c:pt>
                <c:pt idx="2440">
                  <c:v>59.061362046032293</c:v>
                </c:pt>
                <c:pt idx="2441">
                  <c:v>59.056269354590164</c:v>
                </c:pt>
                <c:pt idx="2442">
                  <c:v>59.051768670696624</c:v>
                </c:pt>
                <c:pt idx="2443">
                  <c:v>59.047817198625275</c:v>
                </c:pt>
                <c:pt idx="2444">
                  <c:v>59.042763736599014</c:v>
                </c:pt>
                <c:pt idx="2445">
                  <c:v>59.038815830838196</c:v>
                </c:pt>
                <c:pt idx="2446">
                  <c:v>59.03431514694465</c:v>
                </c:pt>
                <c:pt idx="2447">
                  <c:v>59.030363674873307</c:v>
                </c:pt>
                <c:pt idx="2448">
                  <c:v>59.025862990979775</c:v>
                </c:pt>
                <c:pt idx="2449">
                  <c:v>59.021954314634826</c:v>
                </c:pt>
                <c:pt idx="2450">
                  <c:v>59.017450064430754</c:v>
                </c:pt>
                <c:pt idx="2451">
                  <c:v>59.012949380537215</c:v>
                </c:pt>
                <c:pt idx="2452">
                  <c:v>59.008409467227793</c:v>
                </c:pt>
                <c:pt idx="2453">
                  <c:v>59.003908783334261</c:v>
                </c:pt>
                <c:pt idx="2454">
                  <c:v>58.999996540678787</c:v>
                </c:pt>
                <c:pt idx="2455">
                  <c:v>58.995495856785254</c:v>
                </c:pt>
                <c:pt idx="2456">
                  <c:v>58.990995172891701</c:v>
                </c:pt>
                <c:pt idx="2457">
                  <c:v>58.987043700820365</c:v>
                </c:pt>
                <c:pt idx="2458">
                  <c:v>58.982543016926826</c:v>
                </c:pt>
                <c:pt idx="2459">
                  <c:v>58.978042333033272</c:v>
                </c:pt>
                <c:pt idx="2460">
                  <c:v>58.97354164913974</c:v>
                </c:pt>
                <c:pt idx="2461">
                  <c:v>58.968998169519807</c:v>
                </c:pt>
                <c:pt idx="2462">
                  <c:v>58.965089493174851</c:v>
                </c:pt>
                <c:pt idx="2463">
                  <c:v>58.960588809281312</c:v>
                </c:pt>
                <c:pt idx="2464">
                  <c:v>58.95608455907724</c:v>
                </c:pt>
                <c:pt idx="2465">
                  <c:v>58.951583875183687</c:v>
                </c:pt>
                <c:pt idx="2466">
                  <c:v>58.947635969422883</c:v>
                </c:pt>
                <c:pt idx="2467">
                  <c:v>58.943135285529344</c:v>
                </c:pt>
                <c:pt idx="2468">
                  <c:v>58.939183813458008</c:v>
                </c:pt>
                <c:pt idx="2469">
                  <c:v>58.935235907697184</c:v>
                </c:pt>
                <c:pt idx="2470">
                  <c:v>58.930735223803644</c:v>
                </c:pt>
                <c:pt idx="2471">
                  <c:v>58.926230973599559</c:v>
                </c:pt>
                <c:pt idx="2472">
                  <c:v>58.921730289706034</c:v>
                </c:pt>
                <c:pt idx="2473">
                  <c:v>58.917229605812494</c:v>
                </c:pt>
                <c:pt idx="2474">
                  <c:v>58.913281700051677</c:v>
                </c:pt>
                <c:pt idx="2475">
                  <c:v>58.908777449847591</c:v>
                </c:pt>
                <c:pt idx="2476">
                  <c:v>58.904276765954066</c:v>
                </c:pt>
                <c:pt idx="2477">
                  <c:v>58.900328860193255</c:v>
                </c:pt>
                <c:pt idx="2478">
                  <c:v>58.89582460998917</c:v>
                </c:pt>
                <c:pt idx="2479">
                  <c:v>58.891323926095637</c:v>
                </c:pt>
                <c:pt idx="2480">
                  <c:v>58.886823242202105</c:v>
                </c:pt>
                <c:pt idx="2481">
                  <c:v>58.883428114574002</c:v>
                </c:pt>
                <c:pt idx="2482">
                  <c:v>58.878371086237202</c:v>
                </c:pt>
                <c:pt idx="2483">
                  <c:v>58.874423180476398</c:v>
                </c:pt>
                <c:pt idx="2484">
                  <c:v>58.869922496582852</c:v>
                </c:pt>
                <c:pt idx="2485">
                  <c:v>58.865971024511495</c:v>
                </c:pt>
                <c:pt idx="2486">
                  <c:v>58.86147034061797</c:v>
                </c:pt>
                <c:pt idx="2487">
                  <c:v>58.856969656724424</c:v>
                </c:pt>
                <c:pt idx="2488">
                  <c:v>58.853060980379482</c:v>
                </c:pt>
                <c:pt idx="2489">
                  <c:v>58.848517500759542</c:v>
                </c:pt>
                <c:pt idx="2490">
                  <c:v>58.8446088244146</c:v>
                </c:pt>
                <c:pt idx="2491">
                  <c:v>58.840108140521053</c:v>
                </c:pt>
                <c:pt idx="2492">
                  <c:v>58.835603890316982</c:v>
                </c:pt>
                <c:pt idx="2493">
                  <c:v>58.831655984556178</c:v>
                </c:pt>
                <c:pt idx="2494">
                  <c:v>58.827155300662625</c:v>
                </c:pt>
                <c:pt idx="2495">
                  <c:v>58.822654616769086</c:v>
                </c:pt>
                <c:pt idx="2496">
                  <c:v>58.818703144697736</c:v>
                </c:pt>
                <c:pt idx="2497">
                  <c:v>58.813649682671468</c:v>
                </c:pt>
                <c:pt idx="2498">
                  <c:v>58.809701776910664</c:v>
                </c:pt>
                <c:pt idx="2499">
                  <c:v>58.805750304839307</c:v>
                </c:pt>
                <c:pt idx="2500">
                  <c:v>58.801249620945761</c:v>
                </c:pt>
                <c:pt idx="2501">
                  <c:v>58.796748937052236</c:v>
                </c:pt>
                <c:pt idx="2502">
                  <c:v>58.792801031291418</c:v>
                </c:pt>
                <c:pt idx="2503">
                  <c:v>58.788296781087332</c:v>
                </c:pt>
                <c:pt idx="2504">
                  <c:v>58.783796097193807</c:v>
                </c:pt>
                <c:pt idx="2505">
                  <c:v>58.77984819143299</c:v>
                </c:pt>
                <c:pt idx="2506">
                  <c:v>58.775343941228911</c:v>
                </c:pt>
                <c:pt idx="2507">
                  <c:v>58.770843257335372</c:v>
                </c:pt>
                <c:pt idx="2508">
                  <c:v>58.766895351574568</c:v>
                </c:pt>
                <c:pt idx="2509">
                  <c:v>58.762391101370483</c:v>
                </c:pt>
                <c:pt idx="2510">
                  <c:v>58.757890417476943</c:v>
                </c:pt>
                <c:pt idx="2511">
                  <c:v>58.75394251171614</c:v>
                </c:pt>
                <c:pt idx="2512">
                  <c:v>58.749441827822601</c:v>
                </c:pt>
                <c:pt idx="2513">
                  <c:v>58.744937577618515</c:v>
                </c:pt>
                <c:pt idx="2514">
                  <c:v>58.740436893724976</c:v>
                </c:pt>
                <c:pt idx="2515">
                  <c:v>58.73708099551277</c:v>
                </c:pt>
                <c:pt idx="2516">
                  <c:v>58.73258031161923</c:v>
                </c:pt>
                <c:pt idx="2517">
                  <c:v>58.728628839547866</c:v>
                </c:pt>
                <c:pt idx="2518">
                  <c:v>58.724128155654341</c:v>
                </c:pt>
                <c:pt idx="2519">
                  <c:v>58.719035464212197</c:v>
                </c:pt>
                <c:pt idx="2520">
                  <c:v>58.715123221556723</c:v>
                </c:pt>
                <c:pt idx="2521">
                  <c:v>58.711175315795906</c:v>
                </c:pt>
                <c:pt idx="2522">
                  <c:v>58.706674631902381</c:v>
                </c:pt>
                <c:pt idx="2523">
                  <c:v>58.702726726141549</c:v>
                </c:pt>
                <c:pt idx="2524">
                  <c:v>58.698222475937477</c:v>
                </c:pt>
                <c:pt idx="2525">
                  <c:v>58.693721792043952</c:v>
                </c:pt>
                <c:pt idx="2526">
                  <c:v>58.689773886283128</c:v>
                </c:pt>
                <c:pt idx="2527">
                  <c:v>58.685269636079049</c:v>
                </c:pt>
                <c:pt idx="2528">
                  <c:v>58.680768952185517</c:v>
                </c:pt>
                <c:pt idx="2529">
                  <c:v>58.676821046424699</c:v>
                </c:pt>
                <c:pt idx="2530">
                  <c:v>58.67232036253116</c:v>
                </c:pt>
                <c:pt idx="2531">
                  <c:v>58.667816112327088</c:v>
                </c:pt>
                <c:pt idx="2532">
                  <c:v>58.663315428433535</c:v>
                </c:pt>
                <c:pt idx="2533">
                  <c:v>58.659367522672731</c:v>
                </c:pt>
                <c:pt idx="2534">
                  <c:v>58.65486327246866</c:v>
                </c:pt>
                <c:pt idx="2535">
                  <c:v>58.650362588575113</c:v>
                </c:pt>
                <c:pt idx="2536">
                  <c:v>58.64641468281431</c:v>
                </c:pt>
                <c:pt idx="2537">
                  <c:v>58.641910432610231</c:v>
                </c:pt>
                <c:pt idx="2538">
                  <c:v>58.637962526849407</c:v>
                </c:pt>
                <c:pt idx="2539">
                  <c:v>58.634053850504472</c:v>
                </c:pt>
                <c:pt idx="2540">
                  <c:v>58.62955316661094</c:v>
                </c:pt>
                <c:pt idx="2541">
                  <c:v>58.625009686990978</c:v>
                </c:pt>
                <c:pt idx="2542">
                  <c:v>58.621101010646036</c:v>
                </c:pt>
                <c:pt idx="2543">
                  <c:v>58.617153104885233</c:v>
                </c:pt>
                <c:pt idx="2544">
                  <c:v>58.612099642858972</c:v>
                </c:pt>
                <c:pt idx="2545">
                  <c:v>58.608148170787608</c:v>
                </c:pt>
                <c:pt idx="2546">
                  <c:v>58.607003385106296</c:v>
                </c:pt>
                <c:pt idx="2547">
                  <c:v>58.592944988982424</c:v>
                </c:pt>
                <c:pt idx="2548">
                  <c:v>58.588997083221606</c:v>
                </c:pt>
                <c:pt idx="2549">
                  <c:v>58.587299519407566</c:v>
                </c:pt>
                <c:pt idx="2550">
                  <c:v>58.588444305088885</c:v>
                </c:pt>
                <c:pt idx="2551">
                  <c:v>58.587852297540287</c:v>
                </c:pt>
                <c:pt idx="2552">
                  <c:v>58.584496399328067</c:v>
                </c:pt>
                <c:pt idx="2553">
                  <c:v>58.568740439390155</c:v>
                </c:pt>
                <c:pt idx="2554">
                  <c:v>58.565341745451519</c:v>
                </c:pt>
                <c:pt idx="2555">
                  <c:v>58.562538625372028</c:v>
                </c:pt>
                <c:pt idx="2556">
                  <c:v>58.566486531132831</c:v>
                </c:pt>
                <c:pt idx="2557">
                  <c:v>58.56084106155798</c:v>
                </c:pt>
                <c:pt idx="2558">
                  <c:v>58.554642813850386</c:v>
                </c:pt>
                <c:pt idx="2559">
                  <c:v>58.549033007380871</c:v>
                </c:pt>
                <c:pt idx="2560">
                  <c:v>58.544532323487338</c:v>
                </c:pt>
                <c:pt idx="2561">
                  <c:v>58.540031639593792</c:v>
                </c:pt>
                <c:pt idx="2562">
                  <c:v>58.535527389389721</c:v>
                </c:pt>
                <c:pt idx="2563">
                  <c:v>58.531579483628917</c:v>
                </c:pt>
                <c:pt idx="2564">
                  <c:v>58.526486792186773</c:v>
                </c:pt>
                <c:pt idx="2565">
                  <c:v>58.522578115841824</c:v>
                </c:pt>
                <c:pt idx="2566">
                  <c:v>58.518073865637753</c:v>
                </c:pt>
                <c:pt idx="2567">
                  <c:v>58.514125959876949</c:v>
                </c:pt>
                <c:pt idx="2568">
                  <c:v>58.512981174195609</c:v>
                </c:pt>
                <c:pt idx="2569">
                  <c:v>58.497777992390418</c:v>
                </c:pt>
                <c:pt idx="2570">
                  <c:v>58.50172589815125</c:v>
                </c:pt>
                <c:pt idx="2571">
                  <c:v>58.500028334337188</c:v>
                </c:pt>
                <c:pt idx="2572">
                  <c:v>58.494422094178198</c:v>
                </c:pt>
                <c:pt idx="2573">
                  <c:v>58.489365065841405</c:v>
                </c:pt>
                <c:pt idx="2574">
                  <c:v>58.484272374399268</c:v>
                </c:pt>
                <c:pt idx="2575">
                  <c:v>58.479771690505736</c:v>
                </c:pt>
                <c:pt idx="2576">
                  <c:v>58.475267440301657</c:v>
                </c:pt>
                <c:pt idx="2577">
                  <c:v>58.471319534540847</c:v>
                </c:pt>
                <c:pt idx="2578">
                  <c:v>58.466818850647307</c:v>
                </c:pt>
                <c:pt idx="2579">
                  <c:v>58.46287094488649</c:v>
                </c:pt>
                <c:pt idx="2580">
                  <c:v>58.458958702231001</c:v>
                </c:pt>
                <c:pt idx="2581">
                  <c:v>58.454458018337476</c:v>
                </c:pt>
                <c:pt idx="2582">
                  <c:v>58.450510112576659</c:v>
                </c:pt>
                <c:pt idx="2583">
                  <c:v>58.445413854823983</c:v>
                </c:pt>
                <c:pt idx="2584">
                  <c:v>58.442057956611769</c:v>
                </c:pt>
                <c:pt idx="2585">
                  <c:v>58.437004494585508</c:v>
                </c:pt>
                <c:pt idx="2586">
                  <c:v>58.432503810691969</c:v>
                </c:pt>
                <c:pt idx="2587">
                  <c:v>58.428552338620612</c:v>
                </c:pt>
                <c:pt idx="2588">
                  <c:v>58.42345964717849</c:v>
                </c:pt>
                <c:pt idx="2589">
                  <c:v>58.419550970833548</c:v>
                </c:pt>
                <c:pt idx="2590">
                  <c:v>58.415599498762184</c:v>
                </c:pt>
                <c:pt idx="2591">
                  <c:v>58.411098814868645</c:v>
                </c:pt>
                <c:pt idx="2592">
                  <c:v>58.406598130975119</c:v>
                </c:pt>
                <c:pt idx="2593">
                  <c:v>58.402097447081566</c:v>
                </c:pt>
                <c:pt idx="2594">
                  <c:v>58.398145975010216</c:v>
                </c:pt>
                <c:pt idx="2595">
                  <c:v>58.393645291116684</c:v>
                </c:pt>
                <c:pt idx="2596">
                  <c:v>58.389144607223145</c:v>
                </c:pt>
                <c:pt idx="2597">
                  <c:v>58.385193135151795</c:v>
                </c:pt>
                <c:pt idx="2598">
                  <c:v>58.380139673125534</c:v>
                </c:pt>
                <c:pt idx="2599">
                  <c:v>58.37619176736473</c:v>
                </c:pt>
                <c:pt idx="2600">
                  <c:v>58.372243861603899</c:v>
                </c:pt>
                <c:pt idx="2601">
                  <c:v>58.368292389532549</c:v>
                </c:pt>
                <c:pt idx="2602">
                  <c:v>58.363791705639024</c:v>
                </c:pt>
                <c:pt idx="2603">
                  <c:v>58.359291021745477</c:v>
                </c:pt>
                <c:pt idx="2604">
                  <c:v>58.354786771541399</c:v>
                </c:pt>
                <c:pt idx="2605">
                  <c:v>58.350838865780574</c:v>
                </c:pt>
                <c:pt idx="2606">
                  <c:v>58.34689096001977</c:v>
                </c:pt>
                <c:pt idx="2607">
                  <c:v>58.342390276126231</c:v>
                </c:pt>
                <c:pt idx="2608">
                  <c:v>58.33788602592216</c:v>
                </c:pt>
                <c:pt idx="2609">
                  <c:v>58.33338534202862</c:v>
                </c:pt>
                <c:pt idx="2610">
                  <c:v>58.329476665683679</c:v>
                </c:pt>
                <c:pt idx="2611">
                  <c:v>58.324933186063731</c:v>
                </c:pt>
                <c:pt idx="2612">
                  <c:v>58.321024509718775</c:v>
                </c:pt>
                <c:pt idx="2613">
                  <c:v>58.315931818276653</c:v>
                </c:pt>
                <c:pt idx="2614">
                  <c:v>58.312023141931711</c:v>
                </c:pt>
                <c:pt idx="2615">
                  <c:v>58.307518891727625</c:v>
                </c:pt>
                <c:pt idx="2616">
                  <c:v>58.303570985966815</c:v>
                </c:pt>
                <c:pt idx="2617">
                  <c:v>58.299070302073289</c:v>
                </c:pt>
                <c:pt idx="2618">
                  <c:v>58.295118830001925</c:v>
                </c:pt>
                <c:pt idx="2619">
                  <c:v>58.291170924241108</c:v>
                </c:pt>
                <c:pt idx="2620">
                  <c:v>58.286670240347583</c:v>
                </c:pt>
                <c:pt idx="2621">
                  <c:v>58.282722334586765</c:v>
                </c:pt>
                <c:pt idx="2622">
                  <c:v>58.278770862515415</c:v>
                </c:pt>
                <c:pt idx="2623">
                  <c:v>58.274270178621876</c:v>
                </c:pt>
                <c:pt idx="2624">
                  <c:v>58.269769494728344</c:v>
                </c:pt>
                <c:pt idx="2625">
                  <c:v>58.26581802265698</c:v>
                </c:pt>
                <c:pt idx="2626">
                  <c:v>58.261909346312045</c:v>
                </c:pt>
                <c:pt idx="2627">
                  <c:v>58.257408662418506</c:v>
                </c:pt>
                <c:pt idx="2628">
                  <c:v>58.252907978524973</c:v>
                </c:pt>
                <c:pt idx="2629">
                  <c:v>58.248956506453609</c:v>
                </c:pt>
                <c:pt idx="2630">
                  <c:v>58.244455822560084</c:v>
                </c:pt>
                <c:pt idx="2631">
                  <c:v>58.239955138666545</c:v>
                </c:pt>
                <c:pt idx="2632">
                  <c:v>58.23600723290572</c:v>
                </c:pt>
                <c:pt idx="2633">
                  <c:v>58.232055760834378</c:v>
                </c:pt>
                <c:pt idx="2634">
                  <c:v>58.227555076940838</c:v>
                </c:pt>
                <c:pt idx="2635">
                  <c:v>58.223054393047292</c:v>
                </c:pt>
                <c:pt idx="2636">
                  <c:v>58.219655699108671</c:v>
                </c:pt>
                <c:pt idx="2637">
                  <c:v>58.215155015215139</c:v>
                </c:pt>
                <c:pt idx="2638">
                  <c:v>58.210654331321585</c:v>
                </c:pt>
                <c:pt idx="2639">
                  <c:v>58.206745654976643</c:v>
                </c:pt>
                <c:pt idx="2640">
                  <c:v>58.20220217535671</c:v>
                </c:pt>
                <c:pt idx="2641">
                  <c:v>58.198293499011768</c:v>
                </c:pt>
                <c:pt idx="2642">
                  <c:v>58.194345593250944</c:v>
                </c:pt>
                <c:pt idx="2643">
                  <c:v>58.189841343046879</c:v>
                </c:pt>
                <c:pt idx="2644">
                  <c:v>58.18534065915334</c:v>
                </c:pt>
                <c:pt idx="2645">
                  <c:v>58.181392753392515</c:v>
                </c:pt>
                <c:pt idx="2646">
                  <c:v>58.176892069498976</c:v>
                </c:pt>
                <c:pt idx="2647">
                  <c:v>58.172940597427633</c:v>
                </c:pt>
                <c:pt idx="2648">
                  <c:v>58.168992691666809</c:v>
                </c:pt>
                <c:pt idx="2649">
                  <c:v>58.165044785905998</c:v>
                </c:pt>
                <c:pt idx="2650">
                  <c:v>58.160540535701934</c:v>
                </c:pt>
                <c:pt idx="2651">
                  <c:v>58.156631859356978</c:v>
                </c:pt>
                <c:pt idx="2652">
                  <c:v>58.15268395359616</c:v>
                </c:pt>
                <c:pt idx="2653">
                  <c:v>58.148736047835357</c:v>
                </c:pt>
                <c:pt idx="2654">
                  <c:v>58.144231797631271</c:v>
                </c:pt>
                <c:pt idx="2655">
                  <c:v>58.139731113737739</c:v>
                </c:pt>
                <c:pt idx="2656">
                  <c:v>58.135783207976935</c:v>
                </c:pt>
                <c:pt idx="2657">
                  <c:v>58.131835302216118</c:v>
                </c:pt>
                <c:pt idx="2658">
                  <c:v>58.127923059560629</c:v>
                </c:pt>
                <c:pt idx="2659">
                  <c:v>58.123383146251228</c:v>
                </c:pt>
                <c:pt idx="2660">
                  <c:v>58.119474469906287</c:v>
                </c:pt>
                <c:pt idx="2661">
                  <c:v>58.115526564145469</c:v>
                </c:pt>
                <c:pt idx="2662">
                  <c:v>58.111575092074119</c:v>
                </c:pt>
                <c:pt idx="2663">
                  <c:v>58.107627186313302</c:v>
                </c:pt>
                <c:pt idx="2664">
                  <c:v>58.103679280552491</c:v>
                </c:pt>
                <c:pt idx="2665">
                  <c:v>58.099175030348412</c:v>
                </c:pt>
                <c:pt idx="2666">
                  <c:v>58.095266354003471</c:v>
                </c:pt>
                <c:pt idx="2667">
                  <c:v>58.090765670109931</c:v>
                </c:pt>
                <c:pt idx="2668">
                  <c:v>58.087370542481828</c:v>
                </c:pt>
                <c:pt idx="2669">
                  <c:v>58.082866292277771</c:v>
                </c:pt>
                <c:pt idx="2670">
                  <c:v>58.078918386516953</c:v>
                </c:pt>
                <c:pt idx="2671">
                  <c:v>58.074970480756129</c:v>
                </c:pt>
                <c:pt idx="2672">
                  <c:v>58.071061804411194</c:v>
                </c:pt>
                <c:pt idx="2673">
                  <c:v>58.067110332339844</c:v>
                </c:pt>
                <c:pt idx="2674">
                  <c:v>58.063162426579026</c:v>
                </c:pt>
                <c:pt idx="2675">
                  <c:v>58.058661742685494</c:v>
                </c:pt>
                <c:pt idx="2676">
                  <c:v>58.055263048746866</c:v>
                </c:pt>
                <c:pt idx="2677">
                  <c:v>58.050762364853327</c:v>
                </c:pt>
                <c:pt idx="2678">
                  <c:v>58.046853688508392</c:v>
                </c:pt>
                <c:pt idx="2679">
                  <c:v>58.042905782747567</c:v>
                </c:pt>
                <c:pt idx="2680">
                  <c:v>58.038401532543496</c:v>
                </c:pt>
                <c:pt idx="2681">
                  <c:v>58.033900848649942</c:v>
                </c:pt>
                <c:pt idx="2682">
                  <c:v>58.029952942889139</c:v>
                </c:pt>
                <c:pt idx="2683">
                  <c:v>58.02655781526105</c:v>
                </c:pt>
                <c:pt idx="2684">
                  <c:v>58.022606343189707</c:v>
                </c:pt>
                <c:pt idx="2685">
                  <c:v>58.018697666844751</c:v>
                </c:pt>
                <c:pt idx="2686">
                  <c:v>58.014749761083941</c:v>
                </c:pt>
                <c:pt idx="2687">
                  <c:v>58.010249077190402</c:v>
                </c:pt>
                <c:pt idx="2688">
                  <c:v>58.006850383251773</c:v>
                </c:pt>
                <c:pt idx="2689">
                  <c:v>58.002902477490956</c:v>
                </c:pt>
                <c:pt idx="2690">
                  <c:v>57.998993801146028</c:v>
                </c:pt>
                <c:pt idx="2691">
                  <c:v>57.99448955094195</c:v>
                </c:pt>
                <c:pt idx="2692">
                  <c:v>57.990541645181125</c:v>
                </c:pt>
                <c:pt idx="2693">
                  <c:v>57.986040961287586</c:v>
                </c:pt>
                <c:pt idx="2694">
                  <c:v>57.982645833659504</c:v>
                </c:pt>
                <c:pt idx="2695">
                  <c:v>57.978694361588154</c:v>
                </c:pt>
                <c:pt idx="2696">
                  <c:v>57.974193677694622</c:v>
                </c:pt>
                <c:pt idx="2697">
                  <c:v>57.970285001349673</c:v>
                </c:pt>
                <c:pt idx="2698">
                  <c:v>57.965784317456141</c:v>
                </c:pt>
                <c:pt idx="2699">
                  <c:v>57.962385623517513</c:v>
                </c:pt>
                <c:pt idx="2700">
                  <c:v>57.958437717756695</c:v>
                </c:pt>
                <c:pt idx="2701">
                  <c:v>57.954489811995877</c:v>
                </c:pt>
                <c:pt idx="2702">
                  <c:v>57.949985561791806</c:v>
                </c:pt>
                <c:pt idx="2703">
                  <c:v>57.946076885446864</c:v>
                </c:pt>
                <c:pt idx="2704">
                  <c:v>57.942128979686046</c:v>
                </c:pt>
                <c:pt idx="2705">
                  <c:v>57.938181073925236</c:v>
                </c:pt>
                <c:pt idx="2706">
                  <c:v>57.934229601853879</c:v>
                </c:pt>
                <c:pt idx="2707">
                  <c:v>57.930281696093068</c:v>
                </c:pt>
                <c:pt idx="2708">
                  <c:v>57.926373019748127</c:v>
                </c:pt>
                <c:pt idx="2709">
                  <c:v>57.922425113987309</c:v>
                </c:pt>
                <c:pt idx="2710">
                  <c:v>57.918473641915959</c:v>
                </c:pt>
                <c:pt idx="2711">
                  <c:v>57.914525736155156</c:v>
                </c:pt>
                <c:pt idx="2712">
                  <c:v>57.910025052261616</c:v>
                </c:pt>
                <c:pt idx="2713">
                  <c:v>57.906077146500792</c:v>
                </c:pt>
                <c:pt idx="2714">
                  <c:v>57.902125674429449</c:v>
                </c:pt>
                <c:pt idx="2715">
                  <c:v>57.898769776217229</c:v>
                </c:pt>
                <c:pt idx="2716">
                  <c:v>57.894821870456404</c:v>
                </c:pt>
                <c:pt idx="2717">
                  <c:v>57.890873964695601</c:v>
                </c:pt>
                <c:pt idx="2718">
                  <c:v>57.88696172204012</c:v>
                </c:pt>
                <c:pt idx="2719">
                  <c:v>57.883013816279302</c:v>
                </c:pt>
                <c:pt idx="2720">
                  <c:v>57.879618688651213</c:v>
                </c:pt>
                <c:pt idx="2721">
                  <c:v>57.875670782890396</c:v>
                </c:pt>
                <c:pt idx="2722">
                  <c:v>57.871166532686338</c:v>
                </c:pt>
                <c:pt idx="2723">
                  <c:v>57.867810634474104</c:v>
                </c:pt>
                <c:pt idx="2724">
                  <c:v>57.863862728713286</c:v>
                </c:pt>
                <c:pt idx="2725">
                  <c:v>57.859914822952476</c:v>
                </c:pt>
                <c:pt idx="2726">
                  <c:v>57.855963350881126</c:v>
                </c:pt>
                <c:pt idx="2727">
                  <c:v>57.852054674536177</c:v>
                </c:pt>
                <c:pt idx="2728">
                  <c:v>57.847553990642645</c:v>
                </c:pt>
                <c:pt idx="2729">
                  <c:v>57.844708074836745</c:v>
                </c:pt>
                <c:pt idx="2730">
                  <c:v>57.840207390943199</c:v>
                </c:pt>
                <c:pt idx="2731">
                  <c:v>57.836851492730986</c:v>
                </c:pt>
                <c:pt idx="2732">
                  <c:v>57.832903586970176</c:v>
                </c:pt>
                <c:pt idx="2733">
                  <c:v>57.828952114898833</c:v>
                </c:pt>
                <c:pt idx="2734">
                  <c:v>57.825596216686606</c:v>
                </c:pt>
                <c:pt idx="2735">
                  <c:v>57.82105630337719</c:v>
                </c:pt>
                <c:pt idx="2736">
                  <c:v>57.817147627032249</c:v>
                </c:pt>
                <c:pt idx="2737">
                  <c:v>57.813196154960899</c:v>
                </c:pt>
                <c:pt idx="2738">
                  <c:v>57.809248249200081</c:v>
                </c:pt>
                <c:pt idx="2739">
                  <c:v>57.805892350987861</c:v>
                </c:pt>
                <c:pt idx="2740">
                  <c:v>57.801944445227058</c:v>
                </c:pt>
                <c:pt idx="2741">
                  <c:v>57.798545751288422</c:v>
                </c:pt>
                <c:pt idx="2742">
                  <c:v>57.795189853076209</c:v>
                </c:pt>
                <c:pt idx="2743">
                  <c:v>57.791241947315399</c:v>
                </c:pt>
                <c:pt idx="2744">
                  <c:v>57.787294041554581</c:v>
                </c:pt>
                <c:pt idx="2745">
                  <c:v>57.783895347615953</c:v>
                </c:pt>
                <c:pt idx="2746">
                  <c:v>57.779986671271011</c:v>
                </c:pt>
                <c:pt idx="2747">
                  <c:v>57.77659154364293</c:v>
                </c:pt>
                <c:pt idx="2748">
                  <c:v>57.773235645430709</c:v>
                </c:pt>
                <c:pt idx="2749">
                  <c:v>57.768731395226624</c:v>
                </c:pt>
                <c:pt idx="2750">
                  <c:v>57.76478348946582</c:v>
                </c:pt>
                <c:pt idx="2751">
                  <c:v>57.761388361837732</c:v>
                </c:pt>
                <c:pt idx="2752">
                  <c:v>57.758032463625497</c:v>
                </c:pt>
                <c:pt idx="2753">
                  <c:v>57.754080991554154</c:v>
                </c:pt>
                <c:pt idx="2754">
                  <c:v>57.750133085793344</c:v>
                </c:pt>
                <c:pt idx="2755">
                  <c:v>57.746777187581131</c:v>
                </c:pt>
                <c:pt idx="2756">
                  <c:v>57.743382059953028</c:v>
                </c:pt>
                <c:pt idx="2757">
                  <c:v>57.739434154192217</c:v>
                </c:pt>
                <c:pt idx="2758">
                  <c:v>57.736074689669472</c:v>
                </c:pt>
                <c:pt idx="2759">
                  <c:v>57.732126783908654</c:v>
                </c:pt>
                <c:pt idx="2760">
                  <c:v>57.72817887814783</c:v>
                </c:pt>
                <c:pt idx="2761">
                  <c:v>57.724822979935617</c:v>
                </c:pt>
                <c:pt idx="2762">
                  <c:v>57.720871507864267</c:v>
                </c:pt>
                <c:pt idx="2763">
                  <c:v>57.717476380236178</c:v>
                </c:pt>
                <c:pt idx="2764">
                  <c:v>57.714120482023958</c:v>
                </c:pt>
                <c:pt idx="2765">
                  <c:v>57.71017257626314</c:v>
                </c:pt>
                <c:pt idx="2766">
                  <c:v>57.706221104191805</c:v>
                </c:pt>
                <c:pt idx="2767">
                  <c:v>57.703417984112292</c:v>
                </c:pt>
                <c:pt idx="2768">
                  <c:v>57.698917300218767</c:v>
                </c:pt>
                <c:pt idx="2769">
                  <c:v>57.6960749507234</c:v>
                </c:pt>
                <c:pt idx="2770">
                  <c:v>57.692715486200655</c:v>
                </c:pt>
                <c:pt idx="2771">
                  <c:v>57.688214802307101</c:v>
                </c:pt>
                <c:pt idx="2772">
                  <c:v>57.684819674679012</c:v>
                </c:pt>
                <c:pt idx="2773">
                  <c:v>57.681463776466799</c:v>
                </c:pt>
                <c:pt idx="2774">
                  <c:v>57.677512304395442</c:v>
                </c:pt>
                <c:pt idx="2775">
                  <c:v>57.674117176767361</c:v>
                </c:pt>
                <c:pt idx="2776">
                  <c:v>57.670208500422419</c:v>
                </c:pt>
                <c:pt idx="2777">
                  <c:v>57.666260594661601</c:v>
                </c:pt>
                <c:pt idx="2778">
                  <c:v>57.662861900722973</c:v>
                </c:pt>
                <c:pt idx="2779">
                  <c:v>57.659506002510753</c:v>
                </c:pt>
                <c:pt idx="2780">
                  <c:v>57.655558096749935</c:v>
                </c:pt>
                <c:pt idx="2781">
                  <c:v>57.651610190989132</c:v>
                </c:pt>
                <c:pt idx="2782">
                  <c:v>57.648250726466365</c:v>
                </c:pt>
                <c:pt idx="2783">
                  <c:v>57.644302820705562</c:v>
                </c:pt>
                <c:pt idx="2784">
                  <c:v>57.640354914944744</c:v>
                </c:pt>
                <c:pt idx="2785">
                  <c:v>57.636959787316655</c:v>
                </c:pt>
                <c:pt idx="2786">
                  <c:v>57.633047544661174</c:v>
                </c:pt>
                <c:pt idx="2787">
                  <c:v>57.629652417033085</c:v>
                </c:pt>
                <c:pt idx="2788">
                  <c:v>57.626296518820865</c:v>
                </c:pt>
                <c:pt idx="2789">
                  <c:v>57.622348613060062</c:v>
                </c:pt>
                <c:pt idx="2790">
                  <c:v>57.618949919121434</c:v>
                </c:pt>
                <c:pt idx="2791">
                  <c:v>57.615002013360616</c:v>
                </c:pt>
                <c:pt idx="2792">
                  <c:v>57.611646115148396</c:v>
                </c:pt>
                <c:pt idx="2793">
                  <c:v>57.608250987520314</c:v>
                </c:pt>
                <c:pt idx="2794">
                  <c:v>57.604895089308087</c:v>
                </c:pt>
                <c:pt idx="2795">
                  <c:v>57.60094361723673</c:v>
                </c:pt>
                <c:pt idx="2796">
                  <c:v>57.597548489608656</c:v>
                </c:pt>
                <c:pt idx="2797">
                  <c:v>57.594192591396421</c:v>
                </c:pt>
                <c:pt idx="2798">
                  <c:v>57.590244685635604</c:v>
                </c:pt>
                <c:pt idx="2799">
                  <c:v>57.586885221112858</c:v>
                </c:pt>
                <c:pt idx="2800">
                  <c:v>57.582937315352048</c:v>
                </c:pt>
                <c:pt idx="2801">
                  <c:v>57.579542187723952</c:v>
                </c:pt>
                <c:pt idx="2802">
                  <c:v>57.575594281963141</c:v>
                </c:pt>
                <c:pt idx="2803">
                  <c:v>57.572234817440396</c:v>
                </c:pt>
                <c:pt idx="2804">
                  <c:v>57.5688396898123</c:v>
                </c:pt>
                <c:pt idx="2805">
                  <c:v>57.564931013467344</c:v>
                </c:pt>
                <c:pt idx="2806">
                  <c:v>57.561535885839263</c:v>
                </c:pt>
                <c:pt idx="2807">
                  <c:v>57.558137191900641</c:v>
                </c:pt>
                <c:pt idx="2808">
                  <c:v>57.554228515555707</c:v>
                </c:pt>
                <c:pt idx="2809">
                  <c:v>57.550833387927604</c:v>
                </c:pt>
                <c:pt idx="2810">
                  <c:v>57.546885482166786</c:v>
                </c:pt>
                <c:pt idx="2811">
                  <c:v>57.54352958395458</c:v>
                </c:pt>
                <c:pt idx="2812">
                  <c:v>57.540130890015938</c:v>
                </c:pt>
                <c:pt idx="2813">
                  <c:v>57.536182984255134</c:v>
                </c:pt>
                <c:pt idx="2814">
                  <c:v>57.532827086042914</c:v>
                </c:pt>
                <c:pt idx="2815">
                  <c:v>57.528879180282097</c:v>
                </c:pt>
                <c:pt idx="2816">
                  <c:v>57.525519715759351</c:v>
                </c:pt>
                <c:pt idx="2817">
                  <c:v>57.522124588131248</c:v>
                </c:pt>
                <c:pt idx="2818">
                  <c:v>57.518176682370445</c:v>
                </c:pt>
                <c:pt idx="2819">
                  <c:v>57.514820784158225</c:v>
                </c:pt>
                <c:pt idx="2820">
                  <c:v>57.511422090219597</c:v>
                </c:pt>
                <c:pt idx="2821">
                  <c:v>57.507474184458786</c:v>
                </c:pt>
                <c:pt idx="2822">
                  <c:v>57.504118286246566</c:v>
                </c:pt>
                <c:pt idx="2823">
                  <c:v>57.500170380485748</c:v>
                </c:pt>
                <c:pt idx="2824">
                  <c:v>57.496218908414399</c:v>
                </c:pt>
                <c:pt idx="2825">
                  <c:v>57.492863010202178</c:v>
                </c:pt>
                <c:pt idx="2826">
                  <c:v>57.489467882574097</c:v>
                </c:pt>
                <c:pt idx="2827">
                  <c:v>57.486111984361877</c:v>
                </c:pt>
                <c:pt idx="2828">
                  <c:v>57.482160512290527</c:v>
                </c:pt>
                <c:pt idx="2829">
                  <c:v>57.478765384662431</c:v>
                </c:pt>
                <c:pt idx="2830">
                  <c:v>57.47481747890162</c:v>
                </c:pt>
                <c:pt idx="2831">
                  <c:v>57.471461580689407</c:v>
                </c:pt>
                <c:pt idx="2832">
                  <c:v>57.468062886750772</c:v>
                </c:pt>
                <c:pt idx="2833">
                  <c:v>57.464154210405837</c:v>
                </c:pt>
                <c:pt idx="2834">
                  <c:v>57.46020630464502</c:v>
                </c:pt>
                <c:pt idx="2835">
                  <c:v>57.456811177016917</c:v>
                </c:pt>
                <c:pt idx="2836">
                  <c:v>57.453455278804711</c:v>
                </c:pt>
                <c:pt idx="2837">
                  <c:v>57.449503806733361</c:v>
                </c:pt>
                <c:pt idx="2838">
                  <c:v>57.44670068665387</c:v>
                </c:pt>
                <c:pt idx="2839">
                  <c:v>57.442160773344455</c:v>
                </c:pt>
                <c:pt idx="2840">
                  <c:v>57.438804875132234</c:v>
                </c:pt>
                <c:pt idx="2841">
                  <c:v>57.435406181193613</c:v>
                </c:pt>
                <c:pt idx="2842">
                  <c:v>57.431497504848672</c:v>
                </c:pt>
                <c:pt idx="2843">
                  <c:v>57.428102377220569</c:v>
                </c:pt>
                <c:pt idx="2844">
                  <c:v>57.424154471459765</c:v>
                </c:pt>
                <c:pt idx="2845">
                  <c:v>57.420202999388415</c:v>
                </c:pt>
                <c:pt idx="2846">
                  <c:v>57.417399879308931</c:v>
                </c:pt>
                <c:pt idx="2847">
                  <c:v>57.413451973548099</c:v>
                </c:pt>
                <c:pt idx="2848">
                  <c:v>57.410096075335879</c:v>
                </c:pt>
                <c:pt idx="2849">
                  <c:v>57.406697381397265</c:v>
                </c:pt>
                <c:pt idx="2850">
                  <c:v>57.402788705052323</c:v>
                </c:pt>
                <c:pt idx="2851">
                  <c:v>57.398840799291506</c:v>
                </c:pt>
                <c:pt idx="2852">
                  <c:v>57.395445671663417</c:v>
                </c:pt>
                <c:pt idx="2853">
                  <c:v>57.392086207140672</c:v>
                </c:pt>
                <c:pt idx="2854">
                  <c:v>57.388691079512569</c:v>
                </c:pt>
                <c:pt idx="2855">
                  <c:v>57.384743173751751</c:v>
                </c:pt>
                <c:pt idx="2856">
                  <c:v>57.380795267990948</c:v>
                </c:pt>
                <c:pt idx="2857">
                  <c:v>57.377435803468188</c:v>
                </c:pt>
                <c:pt idx="2858">
                  <c:v>57.373487897707363</c:v>
                </c:pt>
                <c:pt idx="2859">
                  <c:v>57.36953999194656</c:v>
                </c:pt>
                <c:pt idx="2860">
                  <c:v>57.36618409373434</c:v>
                </c:pt>
                <c:pt idx="2861">
                  <c:v>57.362232621662997</c:v>
                </c:pt>
                <c:pt idx="2862">
                  <c:v>57.358837494034901</c:v>
                </c:pt>
                <c:pt idx="2863">
                  <c:v>57.355481595822674</c:v>
                </c:pt>
                <c:pt idx="2864">
                  <c:v>57.351533690061871</c:v>
                </c:pt>
                <c:pt idx="2865">
                  <c:v>57.34817779184965</c:v>
                </c:pt>
                <c:pt idx="2866">
                  <c:v>57.344226319778301</c:v>
                </c:pt>
                <c:pt idx="2867">
                  <c:v>57.340831192150212</c:v>
                </c:pt>
                <c:pt idx="2868">
                  <c:v>57.336883286389394</c:v>
                </c:pt>
                <c:pt idx="2869">
                  <c:v>57.333527388177188</c:v>
                </c:pt>
                <c:pt idx="2870">
                  <c:v>57.330128694238546</c:v>
                </c:pt>
                <c:pt idx="2871">
                  <c:v>57.32677279602634</c:v>
                </c:pt>
                <c:pt idx="2872">
                  <c:v>57.322824890265522</c:v>
                </c:pt>
                <c:pt idx="2873">
                  <c:v>57.318876984504698</c:v>
                </c:pt>
                <c:pt idx="2874">
                  <c:v>57.315517519981952</c:v>
                </c:pt>
                <c:pt idx="2875">
                  <c:v>57.311569614221135</c:v>
                </c:pt>
                <c:pt idx="2876">
                  <c:v>57.308174486593053</c:v>
                </c:pt>
                <c:pt idx="2877">
                  <c:v>57.304818588380833</c:v>
                </c:pt>
                <c:pt idx="2878">
                  <c:v>57.300314338176747</c:v>
                </c:pt>
                <c:pt idx="2879">
                  <c:v>57.297471988681394</c:v>
                </c:pt>
                <c:pt idx="2880">
                  <c:v>57.293563312336445</c:v>
                </c:pt>
                <c:pt idx="2881">
                  <c:v>57.289615406575621</c:v>
                </c:pt>
                <c:pt idx="2882">
                  <c:v>57.286216712637007</c:v>
                </c:pt>
                <c:pt idx="2883">
                  <c:v>57.282308036292065</c:v>
                </c:pt>
                <c:pt idx="2884">
                  <c:v>57.278912908663983</c:v>
                </c:pt>
                <c:pt idx="2885">
                  <c:v>57.274965002903159</c:v>
                </c:pt>
                <c:pt idx="2886">
                  <c:v>57.271013530831816</c:v>
                </c:pt>
                <c:pt idx="2887">
                  <c:v>57.267104854486874</c:v>
                </c:pt>
                <c:pt idx="2888">
                  <c:v>57.263709726858771</c:v>
                </c:pt>
                <c:pt idx="2889">
                  <c:v>57.259761821097953</c:v>
                </c:pt>
                <c:pt idx="2890">
                  <c:v>57.256402356575208</c:v>
                </c:pt>
                <c:pt idx="2891">
                  <c:v>57.252454450814398</c:v>
                </c:pt>
                <c:pt idx="2892">
                  <c:v>57.249059323186302</c:v>
                </c:pt>
                <c:pt idx="2893">
                  <c:v>57.245703424974081</c:v>
                </c:pt>
                <c:pt idx="2894">
                  <c:v>57.241751952902739</c:v>
                </c:pt>
                <c:pt idx="2895">
                  <c:v>57.237804047141914</c:v>
                </c:pt>
                <c:pt idx="2896">
                  <c:v>57.233856141381104</c:v>
                </c:pt>
                <c:pt idx="2897">
                  <c:v>57.230500243168883</c:v>
                </c:pt>
                <c:pt idx="2898">
                  <c:v>57.227101549230262</c:v>
                </c:pt>
                <c:pt idx="2899">
                  <c:v>57.223192872885306</c:v>
                </c:pt>
                <c:pt idx="2900">
                  <c:v>57.219797745257225</c:v>
                </c:pt>
                <c:pt idx="2901">
                  <c:v>57.215849839496414</c:v>
                </c:pt>
                <c:pt idx="2902">
                  <c:v>57.212493941284194</c:v>
                </c:pt>
                <c:pt idx="2903">
                  <c:v>57.208542469212844</c:v>
                </c:pt>
                <c:pt idx="2904">
                  <c:v>57.204594563452027</c:v>
                </c:pt>
                <c:pt idx="2905">
                  <c:v>57.201199435823945</c:v>
                </c:pt>
                <c:pt idx="2906">
                  <c:v>57.197290759479003</c:v>
                </c:pt>
                <c:pt idx="2907">
                  <c:v>57.193339287407639</c:v>
                </c:pt>
                <c:pt idx="2908">
                  <c:v>57.189944159779557</c:v>
                </c:pt>
                <c:pt idx="2909">
                  <c:v>57.186035483434615</c:v>
                </c:pt>
                <c:pt idx="2910">
                  <c:v>57.182640355806512</c:v>
                </c:pt>
                <c:pt idx="2911">
                  <c:v>57.178688883735177</c:v>
                </c:pt>
                <c:pt idx="2912">
                  <c:v>57.175332985522957</c:v>
                </c:pt>
                <c:pt idx="2913">
                  <c:v>57.171385079762146</c:v>
                </c:pt>
                <c:pt idx="2914">
                  <c:v>57.167437174001321</c:v>
                </c:pt>
                <c:pt idx="2915">
                  <c:v>57.163485701929986</c:v>
                </c:pt>
                <c:pt idx="2916">
                  <c:v>57.159537796169168</c:v>
                </c:pt>
                <c:pt idx="2917">
                  <c:v>57.156181897956948</c:v>
                </c:pt>
                <c:pt idx="2918">
                  <c:v>57.152230425885598</c:v>
                </c:pt>
                <c:pt idx="2919">
                  <c:v>57.148874527673378</c:v>
                </c:pt>
                <c:pt idx="2920">
                  <c:v>57.14492662191256</c:v>
                </c:pt>
                <c:pt idx="2921">
                  <c:v>57.140978716151757</c:v>
                </c:pt>
                <c:pt idx="2922">
                  <c:v>57.137580022213122</c:v>
                </c:pt>
                <c:pt idx="2923">
                  <c:v>57.134224124000909</c:v>
                </c:pt>
                <c:pt idx="2924">
                  <c:v>57.130276218240098</c:v>
                </c:pt>
                <c:pt idx="2925">
                  <c:v>57.125775534346545</c:v>
                </c:pt>
                <c:pt idx="2926">
                  <c:v>57.122419636134325</c:v>
                </c:pt>
                <c:pt idx="2927">
                  <c:v>57.118468164062989</c:v>
                </c:pt>
                <c:pt idx="2928">
                  <c:v>57.114520258302171</c:v>
                </c:pt>
                <c:pt idx="2929">
                  <c:v>57.110572352541354</c:v>
                </c:pt>
                <c:pt idx="2930">
                  <c:v>57.107216454329134</c:v>
                </c:pt>
                <c:pt idx="2931">
                  <c:v>57.103264982257784</c:v>
                </c:pt>
                <c:pt idx="2932">
                  <c:v>57.099317076496966</c:v>
                </c:pt>
                <c:pt idx="2933">
                  <c:v>57.095369170736156</c:v>
                </c:pt>
                <c:pt idx="2934">
                  <c:v>57.092013272523936</c:v>
                </c:pt>
                <c:pt idx="2935">
                  <c:v>57.088061800452593</c:v>
                </c:pt>
                <c:pt idx="2936">
                  <c:v>57.08466667282449</c:v>
                </c:pt>
                <c:pt idx="2937">
                  <c:v>57.080757996479548</c:v>
                </c:pt>
                <c:pt idx="2938">
                  <c:v>57.076810090718745</c:v>
                </c:pt>
                <c:pt idx="2939">
                  <c:v>57.072858618647381</c:v>
                </c:pt>
                <c:pt idx="2940">
                  <c:v>57.069463491019299</c:v>
                </c:pt>
                <c:pt idx="2941">
                  <c:v>57.066107592807079</c:v>
                </c:pt>
                <c:pt idx="2942">
                  <c:v>57.062159687046268</c:v>
                </c:pt>
                <c:pt idx="2943">
                  <c:v>57.058208214974911</c:v>
                </c:pt>
                <c:pt idx="2944">
                  <c:v>57.054260309214108</c:v>
                </c:pt>
                <c:pt idx="2945">
                  <c:v>57.050904411001881</c:v>
                </c:pt>
                <c:pt idx="2946">
                  <c:v>57.046952938930538</c:v>
                </c:pt>
                <c:pt idx="2947">
                  <c:v>57.043005033169727</c:v>
                </c:pt>
                <c:pt idx="2948">
                  <c:v>57.039057127408896</c:v>
                </c:pt>
                <c:pt idx="2949">
                  <c:v>57.03570122919669</c:v>
                </c:pt>
                <c:pt idx="2950">
                  <c:v>57.03174975712534</c:v>
                </c:pt>
                <c:pt idx="2951">
                  <c:v>57.027801851364522</c:v>
                </c:pt>
                <c:pt idx="2952">
                  <c:v>57.02389317501958</c:v>
                </c:pt>
                <c:pt idx="2953">
                  <c:v>57.020498047391484</c:v>
                </c:pt>
                <c:pt idx="2954">
                  <c:v>57.015993797187413</c:v>
                </c:pt>
                <c:pt idx="2955">
                  <c:v>57.012598669559331</c:v>
                </c:pt>
                <c:pt idx="2956">
                  <c:v>57.009242771347104</c:v>
                </c:pt>
                <c:pt idx="2957">
                  <c:v>57.005294865586301</c:v>
                </c:pt>
                <c:pt idx="2958">
                  <c:v>57.001938967374066</c:v>
                </c:pt>
                <c:pt idx="2959">
                  <c:v>56.997987495302723</c:v>
                </c:pt>
                <c:pt idx="2960">
                  <c:v>56.994039589541913</c:v>
                </c:pt>
                <c:pt idx="2961">
                  <c:v>56.990091683781095</c:v>
                </c:pt>
                <c:pt idx="2962">
                  <c:v>56.986735785568875</c:v>
                </c:pt>
                <c:pt idx="2963">
                  <c:v>56.983337091630247</c:v>
                </c:pt>
                <c:pt idx="2964">
                  <c:v>56.979389185869437</c:v>
                </c:pt>
                <c:pt idx="2965">
                  <c:v>56.975441280108619</c:v>
                </c:pt>
                <c:pt idx="2966">
                  <c:v>56.971532603763677</c:v>
                </c:pt>
                <c:pt idx="2967">
                  <c:v>56.967581131692334</c:v>
                </c:pt>
                <c:pt idx="2968">
                  <c:v>56.964186004064246</c:v>
                </c:pt>
                <c:pt idx="2969">
                  <c:v>56.960277327719297</c:v>
                </c:pt>
                <c:pt idx="2970">
                  <c:v>56.956329421958486</c:v>
                </c:pt>
                <c:pt idx="2971">
                  <c:v>56.952377949887136</c:v>
                </c:pt>
                <c:pt idx="2972">
                  <c:v>56.948430044126319</c:v>
                </c:pt>
                <c:pt idx="2973">
                  <c:v>56.945074145914099</c:v>
                </c:pt>
                <c:pt idx="2974">
                  <c:v>56.941679018286017</c:v>
                </c:pt>
                <c:pt idx="2975">
                  <c:v>56.938280324347389</c:v>
                </c:pt>
                <c:pt idx="2976">
                  <c:v>56.934371648002433</c:v>
                </c:pt>
                <c:pt idx="2977">
                  <c:v>56.930423742241629</c:v>
                </c:pt>
                <c:pt idx="2978">
                  <c:v>56.926472270170279</c:v>
                </c:pt>
                <c:pt idx="2979">
                  <c:v>56.923116371958059</c:v>
                </c:pt>
                <c:pt idx="2980">
                  <c:v>56.918576458648651</c:v>
                </c:pt>
                <c:pt idx="2981">
                  <c:v>56.915220560436431</c:v>
                </c:pt>
                <c:pt idx="2982">
                  <c:v>56.911269088365081</c:v>
                </c:pt>
                <c:pt idx="2983">
                  <c:v>56.907321182604264</c:v>
                </c:pt>
                <c:pt idx="2984">
                  <c:v>56.903412506259322</c:v>
                </c:pt>
                <c:pt idx="2985">
                  <c:v>56.898872592949914</c:v>
                </c:pt>
                <c:pt idx="2986">
                  <c:v>56.895513128427169</c:v>
                </c:pt>
                <c:pt idx="2987">
                  <c:v>56.891565222666344</c:v>
                </c:pt>
                <c:pt idx="2988">
                  <c:v>56.887617316905526</c:v>
                </c:pt>
                <c:pt idx="2989">
                  <c:v>56.884261418693306</c:v>
                </c:pt>
                <c:pt idx="2990">
                  <c:v>56.880309946621963</c:v>
                </c:pt>
                <c:pt idx="2991">
                  <c:v>56.876362040861153</c:v>
                </c:pt>
                <c:pt idx="2992">
                  <c:v>56.873006142648933</c:v>
                </c:pt>
                <c:pt idx="2993">
                  <c:v>56.869611015020837</c:v>
                </c:pt>
                <c:pt idx="2994">
                  <c:v>56.865106764816765</c:v>
                </c:pt>
                <c:pt idx="2995">
                  <c:v>56.861750866604545</c:v>
                </c:pt>
                <c:pt idx="2996">
                  <c:v>56.857210953295137</c:v>
                </c:pt>
                <c:pt idx="2997">
                  <c:v>56.853855055082917</c:v>
                </c:pt>
                <c:pt idx="2998">
                  <c:v>56.84990358301156</c:v>
                </c:pt>
                <c:pt idx="2999">
                  <c:v>56.84595567725075</c:v>
                </c:pt>
                <c:pt idx="3000">
                  <c:v>56.842599779038537</c:v>
                </c:pt>
                <c:pt idx="3001">
                  <c:v>56.83809909514499</c:v>
                </c:pt>
                <c:pt idx="3002">
                  <c:v>56.834700401206376</c:v>
                </c:pt>
                <c:pt idx="3003">
                  <c:v>56.830752495445559</c:v>
                </c:pt>
                <c:pt idx="3004">
                  <c:v>56.826843819100617</c:v>
                </c:pt>
                <c:pt idx="3005">
                  <c:v>56.822895913339799</c:v>
                </c:pt>
                <c:pt idx="3006">
                  <c:v>56.819497219401171</c:v>
                </c:pt>
                <c:pt idx="3007">
                  <c:v>56.815549313640354</c:v>
                </c:pt>
                <c:pt idx="3008">
                  <c:v>56.811640637295412</c:v>
                </c:pt>
                <c:pt idx="3009">
                  <c:v>56.807692731534601</c:v>
                </c:pt>
                <c:pt idx="3010">
                  <c:v>56.803741259463244</c:v>
                </c:pt>
                <c:pt idx="3011">
                  <c:v>56.800385361251038</c:v>
                </c:pt>
                <c:pt idx="3012">
                  <c:v>56.796437455490214</c:v>
                </c:pt>
                <c:pt idx="3013">
                  <c:v>56.791936771596674</c:v>
                </c:pt>
                <c:pt idx="3014">
                  <c:v>56.78853807765806</c:v>
                </c:pt>
                <c:pt idx="3015">
                  <c:v>56.784037393764507</c:v>
                </c:pt>
                <c:pt idx="3016">
                  <c:v>56.780089488003703</c:v>
                </c:pt>
                <c:pt idx="3017">
                  <c:v>56.776733589791483</c:v>
                </c:pt>
                <c:pt idx="3018">
                  <c:v>56.772782117720133</c:v>
                </c:pt>
                <c:pt idx="3019">
                  <c:v>56.768834211959316</c:v>
                </c:pt>
                <c:pt idx="3020">
                  <c:v>56.764886306198505</c:v>
                </c:pt>
                <c:pt idx="3021">
                  <c:v>56.760977629853556</c:v>
                </c:pt>
                <c:pt idx="3022">
                  <c:v>56.756434150233616</c:v>
                </c:pt>
                <c:pt idx="3023">
                  <c:v>56.753078252021396</c:v>
                </c:pt>
                <c:pt idx="3024">
                  <c:v>56.7496831243933</c:v>
                </c:pt>
                <c:pt idx="3025">
                  <c:v>56.745178874189236</c:v>
                </c:pt>
                <c:pt idx="3026">
                  <c:v>56.741270197844287</c:v>
                </c:pt>
                <c:pt idx="3027">
                  <c:v>56.737322292083483</c:v>
                </c:pt>
                <c:pt idx="3028">
                  <c:v>56.733374386322652</c:v>
                </c:pt>
                <c:pt idx="3029">
                  <c:v>56.729975692384038</c:v>
                </c:pt>
                <c:pt idx="3030">
                  <c:v>56.726067016039096</c:v>
                </c:pt>
                <c:pt idx="3031">
                  <c:v>56.722119110278271</c:v>
                </c:pt>
                <c:pt idx="3032">
                  <c:v>56.718171204517468</c:v>
                </c:pt>
                <c:pt idx="3033">
                  <c:v>56.714219732446111</c:v>
                </c:pt>
                <c:pt idx="3034">
                  <c:v>56.709719048552579</c:v>
                </c:pt>
                <c:pt idx="3035">
                  <c:v>56.705771142791761</c:v>
                </c:pt>
                <c:pt idx="3036">
                  <c:v>56.702415244579541</c:v>
                </c:pt>
                <c:pt idx="3037">
                  <c:v>56.698463772508191</c:v>
                </c:pt>
                <c:pt idx="3038">
                  <c:v>56.693963088614652</c:v>
                </c:pt>
                <c:pt idx="3039">
                  <c:v>56.690567960986563</c:v>
                </c:pt>
                <c:pt idx="3040">
                  <c:v>56.68721206277435</c:v>
                </c:pt>
                <c:pt idx="3041">
                  <c:v>56.682707812570278</c:v>
                </c:pt>
                <c:pt idx="3042">
                  <c:v>56.679312684942175</c:v>
                </c:pt>
                <c:pt idx="3043">
                  <c:v>56.675364779181372</c:v>
                </c:pt>
                <c:pt idx="3044">
                  <c:v>56.671456102836416</c:v>
                </c:pt>
                <c:pt idx="3045">
                  <c:v>56.667504630765066</c:v>
                </c:pt>
                <c:pt idx="3046">
                  <c:v>56.663556725004263</c:v>
                </c:pt>
                <c:pt idx="3047">
                  <c:v>56.659056041110709</c:v>
                </c:pt>
                <c:pt idx="3048">
                  <c:v>56.655657347172095</c:v>
                </c:pt>
                <c:pt idx="3049">
                  <c:v>56.651156663278556</c:v>
                </c:pt>
                <c:pt idx="3050">
                  <c:v>56.647247986933614</c:v>
                </c:pt>
                <c:pt idx="3051">
                  <c:v>56.643300081172796</c:v>
                </c:pt>
                <c:pt idx="3052">
                  <c:v>56.639348609101447</c:v>
                </c:pt>
                <c:pt idx="3053">
                  <c:v>56.635400703340636</c:v>
                </c:pt>
                <c:pt idx="3054">
                  <c:v>56.632044805128409</c:v>
                </c:pt>
                <c:pt idx="3055">
                  <c:v>56.628096899367598</c:v>
                </c:pt>
                <c:pt idx="3056">
                  <c:v>56.624145427296249</c:v>
                </c:pt>
                <c:pt idx="3057">
                  <c:v>56.620197521535445</c:v>
                </c:pt>
                <c:pt idx="3058">
                  <c:v>56.616249615774613</c:v>
                </c:pt>
                <c:pt idx="3059">
                  <c:v>56.612340939429686</c:v>
                </c:pt>
                <c:pt idx="3060">
                  <c:v>56.608389467358336</c:v>
                </c:pt>
                <c:pt idx="3061">
                  <c:v>56.604441561597504</c:v>
                </c:pt>
                <c:pt idx="3062">
                  <c:v>56.600493655836701</c:v>
                </c:pt>
                <c:pt idx="3063">
                  <c:v>56.59654575007589</c:v>
                </c:pt>
                <c:pt idx="3064">
                  <c:v>56.592633507420409</c:v>
                </c:pt>
                <c:pt idx="3065">
                  <c:v>56.58923837979232</c:v>
                </c:pt>
                <c:pt idx="3066">
                  <c:v>56.585290474031503</c:v>
                </c:pt>
                <c:pt idx="3067">
                  <c:v>56.580789790137963</c:v>
                </c:pt>
                <c:pt idx="3068">
                  <c:v>56.577430325615211</c:v>
                </c:pt>
                <c:pt idx="3069">
                  <c:v>56.572929641721672</c:v>
                </c:pt>
                <c:pt idx="3070">
                  <c:v>56.569534514093576</c:v>
                </c:pt>
                <c:pt idx="3071">
                  <c:v>56.565030263889518</c:v>
                </c:pt>
                <c:pt idx="3072">
                  <c:v>56.561082358128687</c:v>
                </c:pt>
                <c:pt idx="3073">
                  <c:v>56.557134452367876</c:v>
                </c:pt>
                <c:pt idx="3074">
                  <c:v>56.553225776022927</c:v>
                </c:pt>
                <c:pt idx="3075">
                  <c:v>56.549274303951577</c:v>
                </c:pt>
                <c:pt idx="3076">
                  <c:v>56.545326398190774</c:v>
                </c:pt>
                <c:pt idx="3077">
                  <c:v>56.541378492429949</c:v>
                </c:pt>
                <c:pt idx="3078">
                  <c:v>56.537430586669132</c:v>
                </c:pt>
                <c:pt idx="3079">
                  <c:v>56.533518344013665</c:v>
                </c:pt>
                <c:pt idx="3080">
                  <c:v>56.52957043825284</c:v>
                </c:pt>
                <c:pt idx="3081">
                  <c:v>56.525622532492036</c:v>
                </c:pt>
                <c:pt idx="3082">
                  <c:v>56.521674626731219</c:v>
                </c:pt>
                <c:pt idx="3083">
                  <c:v>56.517762384075745</c:v>
                </c:pt>
                <c:pt idx="3084">
                  <c:v>56.513814478314927</c:v>
                </c:pt>
                <c:pt idx="3085">
                  <c:v>56.50986657255411</c:v>
                </c:pt>
                <c:pt idx="3086">
                  <c:v>56.505365888660577</c:v>
                </c:pt>
                <c:pt idx="3087">
                  <c:v>56.501414416589228</c:v>
                </c:pt>
                <c:pt idx="3088">
                  <c:v>56.498058518377</c:v>
                </c:pt>
                <c:pt idx="3089">
                  <c:v>56.493518605067592</c:v>
                </c:pt>
                <c:pt idx="3090">
                  <c:v>56.489606362412118</c:v>
                </c:pt>
                <c:pt idx="3091">
                  <c:v>56.485658456651301</c:v>
                </c:pt>
                <c:pt idx="3092">
                  <c:v>56.481157772757761</c:v>
                </c:pt>
                <c:pt idx="3093">
                  <c:v>56.477209866996944</c:v>
                </c:pt>
                <c:pt idx="3094">
                  <c:v>56.473258394925594</c:v>
                </c:pt>
                <c:pt idx="3095">
                  <c:v>56.469310489164783</c:v>
                </c:pt>
                <c:pt idx="3096">
                  <c:v>56.464809805271244</c:v>
                </c:pt>
                <c:pt idx="3097">
                  <c:v>56.461453907059024</c:v>
                </c:pt>
                <c:pt idx="3098">
                  <c:v>56.456949656854945</c:v>
                </c:pt>
                <c:pt idx="3099">
                  <c:v>56.452448972961413</c:v>
                </c:pt>
                <c:pt idx="3100">
                  <c:v>56.448501067200596</c:v>
                </c:pt>
                <c:pt idx="3101">
                  <c:v>56.444549595129246</c:v>
                </c:pt>
                <c:pt idx="3102">
                  <c:v>56.440048911235706</c:v>
                </c:pt>
                <c:pt idx="3103">
                  <c:v>56.435548227342167</c:v>
                </c:pt>
                <c:pt idx="3104">
                  <c:v>56.431600321581357</c:v>
                </c:pt>
                <c:pt idx="3105">
                  <c:v>56.427648849510007</c:v>
                </c:pt>
                <c:pt idx="3106">
                  <c:v>56.423740173165058</c:v>
                </c:pt>
                <c:pt idx="3107">
                  <c:v>56.419239489271519</c:v>
                </c:pt>
                <c:pt idx="3108">
                  <c:v>56.415291583510708</c:v>
                </c:pt>
                <c:pt idx="3109">
                  <c:v>56.410787333306637</c:v>
                </c:pt>
                <c:pt idx="3110">
                  <c:v>56.406839427545819</c:v>
                </c:pt>
                <c:pt idx="3111">
                  <c:v>56.40233874365228</c:v>
                </c:pt>
                <c:pt idx="3112">
                  <c:v>56.39838727158093</c:v>
                </c:pt>
                <c:pt idx="3113">
                  <c:v>56.39388658768739</c:v>
                </c:pt>
                <c:pt idx="3114">
                  <c:v>56.38993868192658</c:v>
                </c:pt>
                <c:pt idx="3115">
                  <c:v>56.385437998033041</c:v>
                </c:pt>
                <c:pt idx="3116">
                  <c:v>56.381486525961691</c:v>
                </c:pt>
                <c:pt idx="3117">
                  <c:v>56.377577849616742</c:v>
                </c:pt>
                <c:pt idx="3118">
                  <c:v>56.373037936307334</c:v>
                </c:pt>
                <c:pt idx="3119">
                  <c:v>56.369125693651853</c:v>
                </c:pt>
                <c:pt idx="3120">
                  <c:v>56.364625009758321</c:v>
                </c:pt>
                <c:pt idx="3121">
                  <c:v>56.360677103997503</c:v>
                </c:pt>
                <c:pt idx="3122">
                  <c:v>56.356176420103964</c:v>
                </c:pt>
                <c:pt idx="3123">
                  <c:v>56.352224948032614</c:v>
                </c:pt>
                <c:pt idx="3124">
                  <c:v>56.347724264139075</c:v>
                </c:pt>
                <c:pt idx="3125">
                  <c:v>56.343776358378264</c:v>
                </c:pt>
                <c:pt idx="3126">
                  <c:v>56.339272108174185</c:v>
                </c:pt>
                <c:pt idx="3127">
                  <c:v>56.335324202413375</c:v>
                </c:pt>
                <c:pt idx="3128">
                  <c:v>56.331376296652557</c:v>
                </c:pt>
                <c:pt idx="3129">
                  <c:v>56.326875612759018</c:v>
                </c:pt>
                <c:pt idx="3130">
                  <c:v>56.322963370103537</c:v>
                </c:pt>
                <c:pt idx="3131">
                  <c:v>56.318462686210005</c:v>
                </c:pt>
                <c:pt idx="3132">
                  <c:v>56.314514780449187</c:v>
                </c:pt>
                <c:pt idx="3133">
                  <c:v>56.310014096555648</c:v>
                </c:pt>
                <c:pt idx="3134">
                  <c:v>56.305509846351576</c:v>
                </c:pt>
                <c:pt idx="3135">
                  <c:v>56.301561940590759</c:v>
                </c:pt>
                <c:pt idx="3136">
                  <c:v>56.297061256697219</c:v>
                </c:pt>
                <c:pt idx="3137">
                  <c:v>56.292557006493148</c:v>
                </c:pt>
                <c:pt idx="3138">
                  <c:v>56.288056322599608</c:v>
                </c:pt>
                <c:pt idx="3139">
                  <c:v>56.284108416838798</c:v>
                </c:pt>
                <c:pt idx="3140">
                  <c:v>56.279607732945259</c:v>
                </c:pt>
                <c:pt idx="3141">
                  <c:v>56.275103482741187</c:v>
                </c:pt>
                <c:pt idx="3142">
                  <c:v>56.270602798847648</c:v>
                </c:pt>
                <c:pt idx="3143">
                  <c:v>56.266102114954094</c:v>
                </c:pt>
                <c:pt idx="3144">
                  <c:v>56.262150642882744</c:v>
                </c:pt>
                <c:pt idx="3145">
                  <c:v>56.257649958989219</c:v>
                </c:pt>
                <c:pt idx="3146">
                  <c:v>56.253149275095673</c:v>
                </c:pt>
                <c:pt idx="3147">
                  <c:v>56.248645024891594</c:v>
                </c:pt>
                <c:pt idx="3148">
                  <c:v>56.244697119130784</c:v>
                </c:pt>
                <c:pt idx="3149">
                  <c:v>56.239643657104523</c:v>
                </c:pt>
                <c:pt idx="3150">
                  <c:v>56.235103743795115</c:v>
                </c:pt>
                <c:pt idx="3151">
                  <c:v>56.231191501139634</c:v>
                </c:pt>
                <c:pt idx="3152">
                  <c:v>56.226690817246094</c:v>
                </c:pt>
                <c:pt idx="3153">
                  <c:v>56.222190133352555</c:v>
                </c:pt>
                <c:pt idx="3154">
                  <c:v>56.217685883148484</c:v>
                </c:pt>
                <c:pt idx="3155">
                  <c:v>56.213145969839076</c:v>
                </c:pt>
                <c:pt idx="3156">
                  <c:v>56.209237293494127</c:v>
                </c:pt>
                <c:pt idx="3157">
                  <c:v>56.204736609600594</c:v>
                </c:pt>
                <c:pt idx="3158">
                  <c:v>56.200232359396516</c:v>
                </c:pt>
                <c:pt idx="3159">
                  <c:v>56.195692446087108</c:v>
                </c:pt>
                <c:pt idx="3160">
                  <c:v>56.191191762193561</c:v>
                </c:pt>
                <c:pt idx="3161">
                  <c:v>56.186687511989483</c:v>
                </c:pt>
                <c:pt idx="3162">
                  <c:v>56.182778835644555</c:v>
                </c:pt>
                <c:pt idx="3163">
                  <c:v>56.177686144202411</c:v>
                </c:pt>
                <c:pt idx="3164">
                  <c:v>56.173181893998333</c:v>
                </c:pt>
                <c:pt idx="3165">
                  <c:v>56.169233988237522</c:v>
                </c:pt>
                <c:pt idx="3166">
                  <c:v>56.164733304343983</c:v>
                </c:pt>
                <c:pt idx="3167">
                  <c:v>56.160232620450444</c:v>
                </c:pt>
                <c:pt idx="3168">
                  <c:v>56.15517559211365</c:v>
                </c:pt>
                <c:pt idx="3169">
                  <c:v>56.151227686352833</c:v>
                </c:pt>
                <c:pt idx="3170">
                  <c:v>56.146727002459293</c:v>
                </c:pt>
                <c:pt idx="3171">
                  <c:v>56.142222752255222</c:v>
                </c:pt>
                <c:pt idx="3172">
                  <c:v>56.137722068361683</c:v>
                </c:pt>
                <c:pt idx="3173">
                  <c:v>56.133221384468143</c:v>
                </c:pt>
                <c:pt idx="3174">
                  <c:v>56.128717134264072</c:v>
                </c:pt>
                <c:pt idx="3175">
                  <c:v>56.124216450370525</c:v>
                </c:pt>
                <c:pt idx="3176">
                  <c:v>56.119715766476993</c:v>
                </c:pt>
                <c:pt idx="3177">
                  <c:v>56.115215082583447</c:v>
                </c:pt>
                <c:pt idx="3178">
                  <c:v>56.110710832379375</c:v>
                </c:pt>
                <c:pt idx="3179">
                  <c:v>56.106762926618558</c:v>
                </c:pt>
                <c:pt idx="3180">
                  <c:v>56.102262242725018</c:v>
                </c:pt>
                <c:pt idx="3181">
                  <c:v>56.097205214388225</c:v>
                </c:pt>
                <c:pt idx="3182">
                  <c:v>56.092665301078817</c:v>
                </c:pt>
                <c:pt idx="3183">
                  <c:v>56.087611839052556</c:v>
                </c:pt>
                <c:pt idx="3184">
                  <c:v>56.083107588848478</c:v>
                </c:pt>
                <c:pt idx="3185">
                  <c:v>56.079159683087667</c:v>
                </c:pt>
                <c:pt idx="3186">
                  <c:v>56.074106221061392</c:v>
                </c:pt>
                <c:pt idx="3187">
                  <c:v>56.070158315300588</c:v>
                </c:pt>
                <c:pt idx="3188">
                  <c:v>56.065101286963795</c:v>
                </c:pt>
                <c:pt idx="3189">
                  <c:v>56.060600603070242</c:v>
                </c:pt>
                <c:pt idx="3190">
                  <c:v>56.056099919176702</c:v>
                </c:pt>
                <c:pt idx="3191">
                  <c:v>56.052148447105353</c:v>
                </c:pt>
                <c:pt idx="3192">
                  <c:v>56.047094985079092</c:v>
                </c:pt>
                <c:pt idx="3193">
                  <c:v>56.042594301185552</c:v>
                </c:pt>
                <c:pt idx="3194">
                  <c:v>56.038090050981481</c:v>
                </c:pt>
                <c:pt idx="3195">
                  <c:v>56.033550137672073</c:v>
                </c:pt>
                <c:pt idx="3196">
                  <c:v>56.029049453778534</c:v>
                </c:pt>
                <c:pt idx="3197">
                  <c:v>56.023995991752273</c:v>
                </c:pt>
                <c:pt idx="3198">
                  <c:v>56.019491741548187</c:v>
                </c:pt>
                <c:pt idx="3199">
                  <c:v>56.014991057654647</c:v>
                </c:pt>
                <c:pt idx="3200">
                  <c:v>56.010490373761115</c:v>
                </c:pt>
                <c:pt idx="3201">
                  <c:v>56.005986123557037</c:v>
                </c:pt>
                <c:pt idx="3202">
                  <c:v>56.001485439663497</c:v>
                </c:pt>
                <c:pt idx="3203">
                  <c:v>55.996984755769965</c:v>
                </c:pt>
                <c:pt idx="3204">
                  <c:v>55.992480505565887</c:v>
                </c:pt>
                <c:pt idx="3205">
                  <c:v>55.987979821672354</c:v>
                </c:pt>
                <c:pt idx="3206">
                  <c:v>55.982887130230218</c:v>
                </c:pt>
                <c:pt idx="3207">
                  <c:v>55.978382880026146</c:v>
                </c:pt>
                <c:pt idx="3208">
                  <c:v>55.973882196132593</c:v>
                </c:pt>
                <c:pt idx="3209">
                  <c:v>55.969381512239067</c:v>
                </c:pt>
                <c:pt idx="3210">
                  <c:v>55.964328050212799</c:v>
                </c:pt>
                <c:pt idx="3211">
                  <c:v>55.959823800008721</c:v>
                </c:pt>
                <c:pt idx="3212">
                  <c:v>55.95477033798246</c:v>
                </c:pt>
                <c:pt idx="3213">
                  <c:v>55.950230424673052</c:v>
                </c:pt>
                <c:pt idx="3214">
                  <c:v>55.945173396336259</c:v>
                </c:pt>
                <c:pt idx="3215">
                  <c:v>55.940672712442719</c:v>
                </c:pt>
                <c:pt idx="3216">
                  <c:v>55.936172028549166</c:v>
                </c:pt>
                <c:pt idx="3217">
                  <c:v>55.931667778345094</c:v>
                </c:pt>
                <c:pt idx="3218">
                  <c:v>55.926614316318833</c:v>
                </c:pt>
                <c:pt idx="3219">
                  <c:v>55.922113632425294</c:v>
                </c:pt>
                <c:pt idx="3220">
                  <c:v>55.917017374672625</c:v>
                </c:pt>
                <c:pt idx="3221">
                  <c:v>55.912516690779093</c:v>
                </c:pt>
                <c:pt idx="3222">
                  <c:v>55.907463228752832</c:v>
                </c:pt>
                <c:pt idx="3223">
                  <c:v>55.902958978548753</c:v>
                </c:pt>
                <c:pt idx="3224">
                  <c:v>55.897905516522492</c:v>
                </c:pt>
                <c:pt idx="3225">
                  <c:v>55.893365603213077</c:v>
                </c:pt>
                <c:pt idx="3226">
                  <c:v>55.888312141186816</c:v>
                </c:pt>
                <c:pt idx="3227">
                  <c:v>55.883807890982737</c:v>
                </c:pt>
                <c:pt idx="3228">
                  <c:v>55.879307207089198</c:v>
                </c:pt>
                <c:pt idx="3229">
                  <c:v>55.874806523195666</c:v>
                </c:pt>
                <c:pt idx="3230">
                  <c:v>55.869749494858858</c:v>
                </c:pt>
                <c:pt idx="3231">
                  <c:v>55.864656803416722</c:v>
                </c:pt>
                <c:pt idx="3232">
                  <c:v>55.860156119523182</c:v>
                </c:pt>
                <c:pt idx="3233">
                  <c:v>55.855651869319111</c:v>
                </c:pt>
                <c:pt idx="3234">
                  <c:v>55.85059840729285</c:v>
                </c:pt>
                <c:pt idx="3235">
                  <c:v>55.845544945266589</c:v>
                </c:pt>
                <c:pt idx="3236">
                  <c:v>55.841040695062517</c:v>
                </c:pt>
                <c:pt idx="3237">
                  <c:v>55.836540011168978</c:v>
                </c:pt>
                <c:pt idx="3238">
                  <c:v>55.831447319726834</c:v>
                </c:pt>
                <c:pt idx="3239">
                  <c:v>55.826390291390041</c:v>
                </c:pt>
                <c:pt idx="3240">
                  <c:v>55.821889607496502</c:v>
                </c:pt>
                <c:pt idx="3241">
                  <c:v>55.816836145470241</c:v>
                </c:pt>
                <c:pt idx="3242">
                  <c:v>55.812292665850293</c:v>
                </c:pt>
                <c:pt idx="3243">
                  <c:v>55.807791981956754</c:v>
                </c:pt>
                <c:pt idx="3244">
                  <c:v>55.802738519930493</c:v>
                </c:pt>
                <c:pt idx="3245">
                  <c:v>55.797685057904225</c:v>
                </c:pt>
                <c:pt idx="3246">
                  <c:v>55.793180807700146</c:v>
                </c:pt>
                <c:pt idx="3247">
                  <c:v>55.787535338125295</c:v>
                </c:pt>
                <c:pt idx="3248">
                  <c:v>55.783034654231756</c:v>
                </c:pt>
                <c:pt idx="3249">
                  <c:v>55.777977625894962</c:v>
                </c:pt>
                <c:pt idx="3250">
                  <c:v>55.772884934452819</c:v>
                </c:pt>
                <c:pt idx="3251">
                  <c:v>55.767827906116018</c:v>
                </c:pt>
                <c:pt idx="3252">
                  <c:v>55.762774444089757</c:v>
                </c:pt>
                <c:pt idx="3253">
                  <c:v>55.757720982063496</c:v>
                </c:pt>
                <c:pt idx="3254">
                  <c:v>55.753181068754074</c:v>
                </c:pt>
                <c:pt idx="3255">
                  <c:v>55.748124040417281</c:v>
                </c:pt>
                <c:pt idx="3256">
                  <c:v>55.743623356523742</c:v>
                </c:pt>
                <c:pt idx="3257">
                  <c:v>55.738017116364759</c:v>
                </c:pt>
                <c:pt idx="3258">
                  <c:v>55.73351286616068</c:v>
                </c:pt>
                <c:pt idx="3259">
                  <c:v>55.728420174718551</c:v>
                </c:pt>
                <c:pt idx="3260">
                  <c:v>55.723366712692282</c:v>
                </c:pt>
                <c:pt idx="3261">
                  <c:v>55.718309684355482</c:v>
                </c:pt>
                <c:pt idx="3262">
                  <c:v>55.713216992913352</c:v>
                </c:pt>
                <c:pt idx="3263">
                  <c:v>55.708716309019813</c:v>
                </c:pt>
                <c:pt idx="3264">
                  <c:v>55.703659280683013</c:v>
                </c:pt>
                <c:pt idx="3265">
                  <c:v>55.698605818656745</c:v>
                </c:pt>
                <c:pt idx="3266">
                  <c:v>55.693513127214608</c:v>
                </c:pt>
                <c:pt idx="3267">
                  <c:v>55.688456098877815</c:v>
                </c:pt>
                <c:pt idx="3268">
                  <c:v>55.683955414984275</c:v>
                </c:pt>
                <c:pt idx="3269">
                  <c:v>55.67830994540941</c:v>
                </c:pt>
                <c:pt idx="3270">
                  <c:v>55.673252917072624</c:v>
                </c:pt>
                <c:pt idx="3271">
                  <c:v>55.668199455046349</c:v>
                </c:pt>
                <c:pt idx="3272">
                  <c:v>55.663106763604219</c:v>
                </c:pt>
                <c:pt idx="3273">
                  <c:v>55.658049735267426</c:v>
                </c:pt>
                <c:pt idx="3274">
                  <c:v>55.652996273241165</c:v>
                </c:pt>
                <c:pt idx="3275">
                  <c:v>55.648495589347611</c:v>
                </c:pt>
                <c:pt idx="3276">
                  <c:v>55.642846553462221</c:v>
                </c:pt>
                <c:pt idx="3277">
                  <c:v>55.638345869568681</c:v>
                </c:pt>
                <c:pt idx="3278">
                  <c:v>55.632696833683291</c:v>
                </c:pt>
                <c:pt idx="3279">
                  <c:v>55.62764337165703</c:v>
                </c:pt>
                <c:pt idx="3280">
                  <c:v>55.622589909630761</c:v>
                </c:pt>
                <c:pt idx="3281">
                  <c:v>55.6175364476045</c:v>
                </c:pt>
                <c:pt idx="3282">
                  <c:v>55.612440189851831</c:v>
                </c:pt>
                <c:pt idx="3283">
                  <c:v>55.60738672782557</c:v>
                </c:pt>
                <c:pt idx="3284">
                  <c:v>55.601737691940166</c:v>
                </c:pt>
                <c:pt idx="3285">
                  <c:v>55.59723700804664</c:v>
                </c:pt>
                <c:pt idx="3286">
                  <c:v>55.592183546020365</c:v>
                </c:pt>
                <c:pt idx="3287">
                  <c:v>55.587130083994104</c:v>
                </c:pt>
                <c:pt idx="3288">
                  <c:v>55.581481048108706</c:v>
                </c:pt>
                <c:pt idx="3289">
                  <c:v>55.576980364215181</c:v>
                </c:pt>
                <c:pt idx="3290">
                  <c:v>55.571331328329777</c:v>
                </c:pt>
                <c:pt idx="3291">
                  <c:v>55.566277866303516</c:v>
                </c:pt>
                <c:pt idx="3292">
                  <c:v>55.56122440427724</c:v>
                </c:pt>
                <c:pt idx="3293">
                  <c:v>55.55557536839185</c:v>
                </c:pt>
                <c:pt idx="3294">
                  <c:v>55.551074684498317</c:v>
                </c:pt>
                <c:pt idx="3295">
                  <c:v>55.545468444339328</c:v>
                </c:pt>
                <c:pt idx="3296">
                  <c:v>55.540372186586659</c:v>
                </c:pt>
                <c:pt idx="3297">
                  <c:v>55.534765946427676</c:v>
                </c:pt>
                <c:pt idx="3298">
                  <c:v>55.53026526253413</c:v>
                </c:pt>
                <c:pt idx="3299">
                  <c:v>55.524063448516017</c:v>
                </c:pt>
                <c:pt idx="3300">
                  <c:v>55.519009986489742</c:v>
                </c:pt>
                <c:pt idx="3301">
                  <c:v>55.513364516914891</c:v>
                </c:pt>
                <c:pt idx="3302">
                  <c:v>55.50830748857809</c:v>
                </c:pt>
                <c:pt idx="3303">
                  <c:v>55.502662019003232</c:v>
                </c:pt>
                <c:pt idx="3304">
                  <c:v>55.497608556976964</c:v>
                </c:pt>
                <c:pt idx="3305">
                  <c:v>55.492551528640163</c:v>
                </c:pt>
                <c:pt idx="3306">
                  <c:v>55.486906059065312</c:v>
                </c:pt>
                <c:pt idx="3307">
                  <c:v>55.481257023179907</c:v>
                </c:pt>
                <c:pt idx="3308">
                  <c:v>55.476203561153646</c:v>
                </c:pt>
                <c:pt idx="3309">
                  <c:v>55.470558091578795</c:v>
                </c:pt>
                <c:pt idx="3310">
                  <c:v>55.464948285109273</c:v>
                </c:pt>
                <c:pt idx="3311">
                  <c:v>55.459894823083012</c:v>
                </c:pt>
                <c:pt idx="3312">
                  <c:v>55.454249353508146</c:v>
                </c:pt>
                <c:pt idx="3313">
                  <c:v>55.449192325171346</c:v>
                </c:pt>
                <c:pt idx="3314">
                  <c:v>55.44354685559648</c:v>
                </c:pt>
                <c:pt idx="3315">
                  <c:v>55.437940615437498</c:v>
                </c:pt>
                <c:pt idx="3316">
                  <c:v>55.432844357684829</c:v>
                </c:pt>
                <c:pt idx="3317">
                  <c:v>55.427238117525846</c:v>
                </c:pt>
                <c:pt idx="3318">
                  <c:v>55.421589081640441</c:v>
                </c:pt>
                <c:pt idx="3319">
                  <c:v>55.41653561961418</c:v>
                </c:pt>
                <c:pt idx="3320">
                  <c:v>55.410337371906593</c:v>
                </c:pt>
                <c:pt idx="3321">
                  <c:v>55.405280343569807</c:v>
                </c:pt>
                <c:pt idx="3322">
                  <c:v>55.399634873994941</c:v>
                </c:pt>
                <c:pt idx="3323">
                  <c:v>55.39458141196868</c:v>
                </c:pt>
                <c:pt idx="3324">
                  <c:v>55.388379597950554</c:v>
                </c:pt>
                <c:pt idx="3325">
                  <c:v>55.382734128375702</c:v>
                </c:pt>
                <c:pt idx="3326">
                  <c:v>55.377680666349441</c:v>
                </c:pt>
                <c:pt idx="3327">
                  <c:v>55.371478852331315</c:v>
                </c:pt>
                <c:pt idx="3328">
                  <c:v>55.365872612172332</c:v>
                </c:pt>
                <c:pt idx="3329">
                  <c:v>55.359670798154205</c:v>
                </c:pt>
                <c:pt idx="3330">
                  <c:v>55.354617336127944</c:v>
                </c:pt>
                <c:pt idx="3331">
                  <c:v>55.34841908842035</c:v>
                </c:pt>
                <c:pt idx="3332">
                  <c:v>55.343322830667688</c:v>
                </c:pt>
                <c:pt idx="3333">
                  <c:v>55.337163812375977</c:v>
                </c:pt>
                <c:pt idx="3334">
                  <c:v>55.331518342801125</c:v>
                </c:pt>
                <c:pt idx="3335">
                  <c:v>55.32586930691572</c:v>
                </c:pt>
                <c:pt idx="3336">
                  <c:v>55.320263066756738</c:v>
                </c:pt>
                <c:pt idx="3337">
                  <c:v>55.314614030871347</c:v>
                </c:pt>
                <c:pt idx="3338">
                  <c:v>55.30900779071235</c:v>
                </c:pt>
                <c:pt idx="3339">
                  <c:v>55.30280954300477</c:v>
                </c:pt>
                <c:pt idx="3340">
                  <c:v>55.297160507119379</c:v>
                </c:pt>
                <c:pt idx="3341">
                  <c:v>55.296054950853922</c:v>
                </c:pt>
                <c:pt idx="3342">
                  <c:v>55.29040948127907</c:v>
                </c:pt>
                <c:pt idx="3343">
                  <c:v>55.284207667260944</c:v>
                </c:pt>
                <c:pt idx="3344">
                  <c:v>55.278601427101961</c:v>
                </c:pt>
                <c:pt idx="3345">
                  <c:v>55.272955957527095</c:v>
                </c:pt>
                <c:pt idx="3346">
                  <c:v>55.266754143508976</c:v>
                </c:pt>
                <c:pt idx="3347">
                  <c:v>55.261147903349993</c:v>
                </c:pt>
                <c:pt idx="3348">
                  <c:v>55.254946089331881</c:v>
                </c:pt>
                <c:pt idx="3349">
                  <c:v>55.249300619757015</c:v>
                </c:pt>
                <c:pt idx="3350">
                  <c:v>55.243141601465297</c:v>
                </c:pt>
                <c:pt idx="3351">
                  <c:v>55.237492565579906</c:v>
                </c:pt>
                <c:pt idx="3352">
                  <c:v>55.231886325420909</c:v>
                </c:pt>
                <c:pt idx="3353">
                  <c:v>55.225688077713329</c:v>
                </c:pt>
                <c:pt idx="3354">
                  <c:v>55.219486263695217</c:v>
                </c:pt>
                <c:pt idx="3355">
                  <c:v>55.213840794120358</c:v>
                </c:pt>
                <c:pt idx="3356">
                  <c:v>55.208783765783551</c:v>
                </c:pt>
                <c:pt idx="3357">
                  <c:v>55.202585518075978</c:v>
                </c:pt>
                <c:pt idx="3358">
                  <c:v>55.196979277916988</c:v>
                </c:pt>
                <c:pt idx="3359">
                  <c:v>55.19133024203159</c:v>
                </c:pt>
                <c:pt idx="3360">
                  <c:v>55.185684772456732</c:v>
                </c:pt>
                <c:pt idx="3361">
                  <c:v>55.179522187854481</c:v>
                </c:pt>
                <c:pt idx="3362">
                  <c:v>55.174429496412344</c:v>
                </c:pt>
                <c:pt idx="3363">
                  <c:v>55.168823256253354</c:v>
                </c:pt>
                <c:pt idx="3364">
                  <c:v>55.163726998500685</c:v>
                </c:pt>
                <c:pt idx="3365">
                  <c:v>55.158120758341703</c:v>
                </c:pt>
                <c:pt idx="3366">
                  <c:v>55.153067296315442</c:v>
                </c:pt>
                <c:pt idx="3367">
                  <c:v>55.147971038562773</c:v>
                </c:pt>
                <c:pt idx="3368">
                  <c:v>55.142364798403776</c:v>
                </c:pt>
                <c:pt idx="3369">
                  <c:v>55.137272106961646</c:v>
                </c:pt>
                <c:pt idx="3370">
                  <c:v>55.132767856757567</c:v>
                </c:pt>
                <c:pt idx="3371">
                  <c:v>55.127714394731306</c:v>
                </c:pt>
                <c:pt idx="3372">
                  <c:v>55.122660932705045</c:v>
                </c:pt>
                <c:pt idx="3373">
                  <c:v>55.118156682500974</c:v>
                </c:pt>
                <c:pt idx="3374">
                  <c:v>55.113655998607427</c:v>
                </c:pt>
                <c:pt idx="3375">
                  <c:v>55.108563307165291</c:v>
                </c:pt>
                <c:pt idx="3376">
                  <c:v>55.104059056961219</c:v>
                </c:pt>
                <c:pt idx="3377">
                  <c:v>55.100111151200402</c:v>
                </c:pt>
                <c:pt idx="3378">
                  <c:v>55.095057689174141</c:v>
                </c:pt>
                <c:pt idx="3379">
                  <c:v>55.090557005280601</c:v>
                </c:pt>
                <c:pt idx="3380">
                  <c:v>55.086605533209251</c:v>
                </c:pt>
                <c:pt idx="3381">
                  <c:v>55.082104849315719</c:v>
                </c:pt>
                <c:pt idx="3382">
                  <c:v>55.078156943554902</c:v>
                </c:pt>
                <c:pt idx="3383">
                  <c:v>55.07365269335083</c:v>
                </c:pt>
                <c:pt idx="3384">
                  <c:v>55.069704787590013</c:v>
                </c:pt>
                <c:pt idx="3385">
                  <c:v>55.065796111245071</c:v>
                </c:pt>
                <c:pt idx="3386">
                  <c:v>55.061848205484253</c:v>
                </c:pt>
                <c:pt idx="3387">
                  <c:v>55.057896733412903</c:v>
                </c:pt>
                <c:pt idx="3388">
                  <c:v>55.053948827652086</c:v>
                </c:pt>
                <c:pt idx="3389">
                  <c:v>55.050040151307144</c:v>
                </c:pt>
                <c:pt idx="3390">
                  <c:v>55.046092245546333</c:v>
                </c:pt>
                <c:pt idx="3391">
                  <c:v>55.042140773474976</c:v>
                </c:pt>
                <c:pt idx="3392">
                  <c:v>55.038192867714166</c:v>
                </c:pt>
                <c:pt idx="3393">
                  <c:v>55.034836969501953</c:v>
                </c:pt>
                <c:pt idx="3394">
                  <c:v>55.030889063741128</c:v>
                </c:pt>
                <c:pt idx="3395">
                  <c:v>55.027490369802514</c:v>
                </c:pt>
                <c:pt idx="3396">
                  <c:v>55.023542464041697</c:v>
                </c:pt>
                <c:pt idx="3397">
                  <c:v>55.020186565829476</c:v>
                </c:pt>
                <c:pt idx="3398">
                  <c:v>55.016238660068659</c:v>
                </c:pt>
                <c:pt idx="3399">
                  <c:v>55.012879195545914</c:v>
                </c:pt>
                <c:pt idx="3400">
                  <c:v>55.009484067917811</c:v>
                </c:pt>
                <c:pt idx="3401">
                  <c:v>55.006088940289722</c:v>
                </c:pt>
                <c:pt idx="3402">
                  <c:v>55.002733042077509</c:v>
                </c:pt>
                <c:pt idx="3403">
                  <c:v>54.998781570006159</c:v>
                </c:pt>
                <c:pt idx="3404">
                  <c:v>54.995425671793939</c:v>
                </c:pt>
                <c:pt idx="3405">
                  <c:v>54.99203054416585</c:v>
                </c:pt>
                <c:pt idx="3406">
                  <c:v>54.988082638405032</c:v>
                </c:pt>
                <c:pt idx="3407">
                  <c:v>54.98472317388228</c:v>
                </c:pt>
                <c:pt idx="3408">
                  <c:v>54.98188082438692</c:v>
                </c:pt>
                <c:pt idx="3409">
                  <c:v>54.977972148041978</c:v>
                </c:pt>
                <c:pt idx="3410">
                  <c:v>54.975129798546604</c:v>
                </c:pt>
                <c:pt idx="3411">
                  <c:v>54.971773900334398</c:v>
                </c:pt>
                <c:pt idx="3412">
                  <c:v>54.96837520639577</c:v>
                </c:pt>
                <c:pt idx="3413">
                  <c:v>54.96501930818355</c:v>
                </c:pt>
                <c:pt idx="3414">
                  <c:v>54.961624180555461</c:v>
                </c:pt>
                <c:pt idx="3415">
                  <c:v>54.958268282343234</c:v>
                </c:pt>
                <c:pt idx="3416">
                  <c:v>54.95486958840462</c:v>
                </c:pt>
                <c:pt idx="3417">
                  <c:v>54.9515136901924</c:v>
                </c:pt>
                <c:pt idx="3418">
                  <c:v>54.948118562564311</c:v>
                </c:pt>
                <c:pt idx="3419">
                  <c:v>54.945315442484812</c:v>
                </c:pt>
                <c:pt idx="3420">
                  <c:v>54.941920314856716</c:v>
                </c:pt>
                <c:pt idx="3421">
                  <c:v>54.939113628466693</c:v>
                </c:pt>
                <c:pt idx="3422">
                  <c:v>54.935718500838604</c:v>
                </c:pt>
                <c:pt idx="3423">
                  <c:v>54.932362602626384</c:v>
                </c:pt>
                <c:pt idx="3424">
                  <c:v>54.928967474998288</c:v>
                </c:pt>
                <c:pt idx="3425">
                  <c:v>54.926164354918797</c:v>
                </c:pt>
                <c:pt idx="3426">
                  <c:v>54.922765660980176</c:v>
                </c:pt>
                <c:pt idx="3427">
                  <c:v>54.919409762767955</c:v>
                </c:pt>
                <c:pt idx="3428">
                  <c:v>54.916014635139867</c:v>
                </c:pt>
                <c:pt idx="3429">
                  <c:v>54.913211515060368</c:v>
                </c:pt>
                <c:pt idx="3430">
                  <c:v>54.909855616848155</c:v>
                </c:pt>
                <c:pt idx="3431">
                  <c:v>54.907009701042256</c:v>
                </c:pt>
                <c:pt idx="3432">
                  <c:v>54.903653802830036</c:v>
                </c:pt>
                <c:pt idx="3433">
                  <c:v>54.900811453334661</c:v>
                </c:pt>
                <c:pt idx="3434">
                  <c:v>54.897455555122455</c:v>
                </c:pt>
                <c:pt idx="3435">
                  <c:v>54.894056861183827</c:v>
                </c:pt>
                <c:pt idx="3436">
                  <c:v>54.891806519237051</c:v>
                </c:pt>
                <c:pt idx="3437">
                  <c:v>54.88845062102483</c:v>
                </c:pt>
                <c:pt idx="3438">
                  <c:v>54.885055493396749</c:v>
                </c:pt>
                <c:pt idx="3439">
                  <c:v>54.881699595184521</c:v>
                </c:pt>
                <c:pt idx="3440">
                  <c:v>54.878853679378622</c:v>
                </c:pt>
                <c:pt idx="3441">
                  <c:v>54.876050559299131</c:v>
                </c:pt>
                <c:pt idx="3442">
                  <c:v>54.872694661086918</c:v>
                </c:pt>
                <c:pt idx="3443">
                  <c:v>54.869852311591551</c:v>
                </c:pt>
                <c:pt idx="3444">
                  <c:v>54.86649641337933</c:v>
                </c:pt>
                <c:pt idx="3445">
                  <c:v>54.863650497573438</c:v>
                </c:pt>
                <c:pt idx="3446">
                  <c:v>54.86084737749394</c:v>
                </c:pt>
                <c:pt idx="3447">
                  <c:v>54.85749147928172</c:v>
                </c:pt>
                <c:pt idx="3448">
                  <c:v>54.855241137334957</c:v>
                </c:pt>
                <c:pt idx="3449">
                  <c:v>54.852398787839583</c:v>
                </c:pt>
                <c:pt idx="3450">
                  <c:v>54.849039323316831</c:v>
                </c:pt>
                <c:pt idx="3451">
                  <c:v>54.846196973821456</c:v>
                </c:pt>
                <c:pt idx="3452">
                  <c:v>54.843946631874694</c:v>
                </c:pt>
                <c:pt idx="3453">
                  <c:v>54.840590733662474</c:v>
                </c:pt>
                <c:pt idx="3454">
                  <c:v>54.837195606034385</c:v>
                </c:pt>
                <c:pt idx="3455">
                  <c:v>54.834388919644347</c:v>
                </c:pt>
                <c:pt idx="3456">
                  <c:v>54.831585799564863</c:v>
                </c:pt>
                <c:pt idx="3457">
                  <c:v>54.828782679485364</c:v>
                </c:pt>
                <c:pt idx="3458">
                  <c:v>54.825940329989997</c:v>
                </c:pt>
                <c:pt idx="3459">
                  <c:v>54.823137209910513</c:v>
                </c:pt>
                <c:pt idx="3460">
                  <c:v>54.820334089831015</c:v>
                </c:pt>
                <c:pt idx="3461">
                  <c:v>54.817488174025122</c:v>
                </c:pt>
                <c:pt idx="3462">
                  <c:v>54.814685053945624</c:v>
                </c:pt>
                <c:pt idx="3463">
                  <c:v>54.811881933866125</c:v>
                </c:pt>
                <c:pt idx="3464">
                  <c:v>54.809078813786627</c:v>
                </c:pt>
                <c:pt idx="3465">
                  <c:v>54.80623646429126</c:v>
                </c:pt>
                <c:pt idx="3466">
                  <c:v>54.803429777901236</c:v>
                </c:pt>
                <c:pt idx="3467">
                  <c:v>54.800626657821752</c:v>
                </c:pt>
                <c:pt idx="3468">
                  <c:v>54.797784308326378</c:v>
                </c:pt>
                <c:pt idx="3469">
                  <c:v>54.794981188246879</c:v>
                </c:pt>
                <c:pt idx="3470">
                  <c:v>54.792178068167388</c:v>
                </c:pt>
                <c:pt idx="3471">
                  <c:v>54.789927726220625</c:v>
                </c:pt>
                <c:pt idx="3472">
                  <c:v>54.786529032281997</c:v>
                </c:pt>
                <c:pt idx="3473">
                  <c:v>54.783725912202499</c:v>
                </c:pt>
                <c:pt idx="3474">
                  <c:v>54.780922792123008</c:v>
                </c:pt>
                <c:pt idx="3475">
                  <c:v>54.77808044262764</c:v>
                </c:pt>
                <c:pt idx="3476">
                  <c:v>54.775277322548142</c:v>
                </c:pt>
                <c:pt idx="3477">
                  <c:v>54.772470636158118</c:v>
                </c:pt>
                <c:pt idx="3478">
                  <c:v>54.769667516078627</c:v>
                </c:pt>
                <c:pt idx="3479">
                  <c:v>54.766825166583267</c:v>
                </c:pt>
                <c:pt idx="3480">
                  <c:v>54.764022046503754</c:v>
                </c:pt>
                <c:pt idx="3481">
                  <c:v>54.76121892642427</c:v>
                </c:pt>
                <c:pt idx="3482">
                  <c:v>54.758373010618364</c:v>
                </c:pt>
                <c:pt idx="3483">
                  <c:v>54.756122668671601</c:v>
                </c:pt>
                <c:pt idx="3484">
                  <c:v>54.752766770459381</c:v>
                </c:pt>
                <c:pt idx="3485">
                  <c:v>54.750516428512611</c:v>
                </c:pt>
                <c:pt idx="3486">
                  <c:v>54.747674079017251</c:v>
                </c:pt>
                <c:pt idx="3487">
                  <c:v>54.744870958937753</c:v>
                </c:pt>
                <c:pt idx="3488">
                  <c:v>54.742064272547722</c:v>
                </c:pt>
                <c:pt idx="3489">
                  <c:v>54.739261152468231</c:v>
                </c:pt>
                <c:pt idx="3490">
                  <c:v>54.737010810521461</c:v>
                </c:pt>
                <c:pt idx="3491">
                  <c:v>54.734168461026101</c:v>
                </c:pt>
                <c:pt idx="3492">
                  <c:v>54.731918119079324</c:v>
                </c:pt>
                <c:pt idx="3493">
                  <c:v>54.729111432689294</c:v>
                </c:pt>
                <c:pt idx="3494">
                  <c:v>54.726308312609802</c:v>
                </c:pt>
                <c:pt idx="3495">
                  <c:v>54.724057970663033</c:v>
                </c:pt>
                <c:pt idx="3496">
                  <c:v>54.721215621167666</c:v>
                </c:pt>
                <c:pt idx="3497">
                  <c:v>54.718412501088174</c:v>
                </c:pt>
                <c:pt idx="3498">
                  <c:v>54.715609381008676</c:v>
                </c:pt>
                <c:pt idx="3499">
                  <c:v>54.713355472751381</c:v>
                </c:pt>
                <c:pt idx="3500">
                  <c:v>54.710552352671883</c:v>
                </c:pt>
                <c:pt idx="3501">
                  <c:v>54.707710003176516</c:v>
                </c:pt>
                <c:pt idx="3502">
                  <c:v>54.704906883097024</c:v>
                </c:pt>
                <c:pt idx="3503">
                  <c:v>54.702103763017526</c:v>
                </c:pt>
                <c:pt idx="3504">
                  <c:v>54.699257847211626</c:v>
                </c:pt>
                <c:pt idx="3505">
                  <c:v>54.697007505264864</c:v>
                </c:pt>
                <c:pt idx="3506">
                  <c:v>54.694757163318087</c:v>
                </c:pt>
                <c:pt idx="3507">
                  <c:v>54.692506821371325</c:v>
                </c:pt>
                <c:pt idx="3508">
                  <c:v>54.68915092315909</c:v>
                </c:pt>
                <c:pt idx="3509">
                  <c:v>54.68630857366373</c:v>
                </c:pt>
                <c:pt idx="3510">
                  <c:v>54.684054665406421</c:v>
                </c:pt>
                <c:pt idx="3511">
                  <c:v>54.681251545326937</c:v>
                </c:pt>
                <c:pt idx="3512">
                  <c:v>54.678448425247439</c:v>
                </c:pt>
                <c:pt idx="3513">
                  <c:v>54.676198083300662</c:v>
                </c:pt>
                <c:pt idx="3514">
                  <c:v>54.673947741353899</c:v>
                </c:pt>
                <c:pt idx="3515">
                  <c:v>54.671144621274401</c:v>
                </c:pt>
                <c:pt idx="3516">
                  <c:v>54.668894279327638</c:v>
                </c:pt>
                <c:pt idx="3517">
                  <c:v>54.66549558538901</c:v>
                </c:pt>
                <c:pt idx="3518">
                  <c:v>54.663245243442248</c:v>
                </c:pt>
                <c:pt idx="3519">
                  <c:v>54.660994901495471</c:v>
                </c:pt>
                <c:pt idx="3520">
                  <c:v>54.658191781415979</c:v>
                </c:pt>
                <c:pt idx="3521">
                  <c:v>54.655349431920605</c:v>
                </c:pt>
                <c:pt idx="3522">
                  <c:v>54.652542745530589</c:v>
                </c:pt>
                <c:pt idx="3523">
                  <c:v>54.650292403583819</c:v>
                </c:pt>
                <c:pt idx="3524">
                  <c:v>54.647489283504328</c:v>
                </c:pt>
                <c:pt idx="3525">
                  <c:v>54.645238941557551</c:v>
                </c:pt>
                <c:pt idx="3526">
                  <c:v>54.642988599610788</c:v>
                </c:pt>
                <c:pt idx="3527">
                  <c:v>54.640146250115421</c:v>
                </c:pt>
                <c:pt idx="3528">
                  <c:v>54.637339563725398</c:v>
                </c:pt>
                <c:pt idx="3529">
                  <c:v>54.634536443645885</c:v>
                </c:pt>
                <c:pt idx="3530">
                  <c:v>54.632286101699123</c:v>
                </c:pt>
                <c:pt idx="3531">
                  <c:v>54.63003575975236</c:v>
                </c:pt>
                <c:pt idx="3532">
                  <c:v>54.627193410256993</c:v>
                </c:pt>
                <c:pt idx="3533">
                  <c:v>54.624943068310216</c:v>
                </c:pt>
                <c:pt idx="3534">
                  <c:v>54.621583603787457</c:v>
                </c:pt>
                <c:pt idx="3535">
                  <c:v>54.619333261840694</c:v>
                </c:pt>
                <c:pt idx="3536">
                  <c:v>54.616530141761203</c:v>
                </c:pt>
                <c:pt idx="3537">
                  <c:v>54.613687792265829</c:v>
                </c:pt>
                <c:pt idx="3538">
                  <c:v>54.611437450319066</c:v>
                </c:pt>
                <c:pt idx="3539">
                  <c:v>54.609187108372303</c:v>
                </c:pt>
                <c:pt idx="3540">
                  <c:v>54.606380421982273</c:v>
                </c:pt>
                <c:pt idx="3541">
                  <c:v>54.603577301902774</c:v>
                </c:pt>
                <c:pt idx="3542">
                  <c:v>54.601326959956012</c:v>
                </c:pt>
                <c:pt idx="3543">
                  <c:v>54.598484610460638</c:v>
                </c:pt>
                <c:pt idx="3544">
                  <c:v>54.595681490381139</c:v>
                </c:pt>
                <c:pt idx="3545">
                  <c:v>54.593427582123844</c:v>
                </c:pt>
                <c:pt idx="3546">
                  <c:v>54.590624462044346</c:v>
                </c:pt>
                <c:pt idx="3547">
                  <c:v>54.587821341964862</c:v>
                </c:pt>
                <c:pt idx="3548">
                  <c:v>54.585531770602216</c:v>
                </c:pt>
                <c:pt idx="3549">
                  <c:v>54.582728650522718</c:v>
                </c:pt>
                <c:pt idx="3550">
                  <c:v>54.580478308575941</c:v>
                </c:pt>
                <c:pt idx="3551">
                  <c:v>54.577671622185917</c:v>
                </c:pt>
                <c:pt idx="3552">
                  <c:v>54.575421280239155</c:v>
                </c:pt>
                <c:pt idx="3553">
                  <c:v>54.572618160159656</c:v>
                </c:pt>
                <c:pt idx="3554">
                  <c:v>54.570367818212887</c:v>
                </c:pt>
                <c:pt idx="3555">
                  <c:v>54.566972690584805</c:v>
                </c:pt>
                <c:pt idx="3556">
                  <c:v>54.564722348638028</c:v>
                </c:pt>
                <c:pt idx="3557">
                  <c:v>54.561915662247998</c:v>
                </c:pt>
                <c:pt idx="3558">
                  <c:v>54.559665320301221</c:v>
                </c:pt>
                <c:pt idx="3559">
                  <c:v>54.556822970805861</c:v>
                </c:pt>
                <c:pt idx="3560">
                  <c:v>54.554572628859098</c:v>
                </c:pt>
                <c:pt idx="3561">
                  <c:v>54.5517695087796</c:v>
                </c:pt>
                <c:pt idx="3562">
                  <c:v>54.54951916683283</c:v>
                </c:pt>
                <c:pt idx="3563">
                  <c:v>54.546712480442807</c:v>
                </c:pt>
                <c:pt idx="3564">
                  <c:v>54.54387013094744</c:v>
                </c:pt>
                <c:pt idx="3565">
                  <c:v>54.54161978900067</c:v>
                </c:pt>
                <c:pt idx="3566">
                  <c:v>54.5393694470539</c:v>
                </c:pt>
                <c:pt idx="3567">
                  <c:v>54.536566326974402</c:v>
                </c:pt>
                <c:pt idx="3568">
                  <c:v>54.533763206894903</c:v>
                </c:pt>
                <c:pt idx="3569">
                  <c:v>54.531509298637602</c:v>
                </c:pt>
                <c:pt idx="3570">
                  <c:v>54.528706178558103</c:v>
                </c:pt>
                <c:pt idx="3571">
                  <c:v>54.525863829062736</c:v>
                </c:pt>
                <c:pt idx="3572">
                  <c:v>54.523613487115973</c:v>
                </c:pt>
                <c:pt idx="3573">
                  <c:v>54.521363145169211</c:v>
                </c:pt>
                <c:pt idx="3574">
                  <c:v>54.518560025089712</c:v>
                </c:pt>
                <c:pt idx="3575">
                  <c:v>54.515753338699682</c:v>
                </c:pt>
                <c:pt idx="3576">
                  <c:v>54.512910989204322</c:v>
                </c:pt>
                <c:pt idx="3577">
                  <c:v>54.510660647257545</c:v>
                </c:pt>
                <c:pt idx="3578">
                  <c:v>54.508410305310775</c:v>
                </c:pt>
                <c:pt idx="3579">
                  <c:v>54.505607185231284</c:v>
                </c:pt>
                <c:pt idx="3580">
                  <c:v>54.503353276973975</c:v>
                </c:pt>
                <c:pt idx="3581">
                  <c:v>54.499958149345893</c:v>
                </c:pt>
                <c:pt idx="3582">
                  <c:v>54.498299814947714</c:v>
                </c:pt>
                <c:pt idx="3583">
                  <c:v>54.495457465452347</c:v>
                </c:pt>
                <c:pt idx="3584">
                  <c:v>54.493207123505584</c:v>
                </c:pt>
                <c:pt idx="3585">
                  <c:v>54.490956781558808</c:v>
                </c:pt>
                <c:pt idx="3586">
                  <c:v>54.488150095168784</c:v>
                </c:pt>
                <c:pt idx="3587">
                  <c:v>54.485346975089286</c:v>
                </c:pt>
                <c:pt idx="3588">
                  <c:v>54.482504625593918</c:v>
                </c:pt>
                <c:pt idx="3589">
                  <c:v>54.480254283647156</c:v>
                </c:pt>
                <c:pt idx="3590">
                  <c:v>54.477451163567657</c:v>
                </c:pt>
                <c:pt idx="3591">
                  <c:v>54.475200821620881</c:v>
                </c:pt>
                <c:pt idx="3592">
                  <c:v>54.472394135230864</c:v>
                </c:pt>
                <c:pt idx="3593">
                  <c:v>54.470143793284088</c:v>
                </c:pt>
                <c:pt idx="3594">
                  <c:v>54.467340673204589</c:v>
                </c:pt>
                <c:pt idx="3595">
                  <c:v>54.464498323709229</c:v>
                </c:pt>
                <c:pt idx="3596">
                  <c:v>54.462247981762459</c:v>
                </c:pt>
                <c:pt idx="3597">
                  <c:v>54.459444861682968</c:v>
                </c:pt>
                <c:pt idx="3598">
                  <c:v>54.457190953425659</c:v>
                </c:pt>
                <c:pt idx="3599">
                  <c:v>54.454940611478897</c:v>
                </c:pt>
                <c:pt idx="3600">
                  <c:v>54.452137491399398</c:v>
                </c:pt>
                <c:pt idx="3601">
                  <c:v>54.449887149452636</c:v>
                </c:pt>
                <c:pt idx="3602">
                  <c:v>54.447044799957268</c:v>
                </c:pt>
                <c:pt idx="3603">
                  <c:v>54.444794458010492</c:v>
                </c:pt>
                <c:pt idx="3604">
                  <c:v>54.441987771620461</c:v>
                </c:pt>
                <c:pt idx="3605">
                  <c:v>54.439737429673698</c:v>
                </c:pt>
                <c:pt idx="3606">
                  <c:v>54.4369343095942</c:v>
                </c:pt>
                <c:pt idx="3607">
                  <c:v>54.434683967647437</c:v>
                </c:pt>
                <c:pt idx="3608">
                  <c:v>54.431841618152063</c:v>
                </c:pt>
                <c:pt idx="3609">
                  <c:v>54.429038498072579</c:v>
                </c:pt>
                <c:pt idx="3610">
                  <c:v>54.42678458981527</c:v>
                </c:pt>
                <c:pt idx="3611">
                  <c:v>54.424534247868493</c:v>
                </c:pt>
                <c:pt idx="3612">
                  <c:v>54.421731127788995</c:v>
                </c:pt>
                <c:pt idx="3613">
                  <c:v>54.418888778293642</c:v>
                </c:pt>
                <c:pt idx="3614">
                  <c:v>54.416638436346872</c:v>
                </c:pt>
                <c:pt idx="3615">
                  <c:v>54.413835316267381</c:v>
                </c:pt>
                <c:pt idx="3616">
                  <c:v>54.411581408010065</c:v>
                </c:pt>
                <c:pt idx="3617">
                  <c:v>54.408778287930573</c:v>
                </c:pt>
                <c:pt idx="3618">
                  <c:v>54.405935938435213</c:v>
                </c:pt>
                <c:pt idx="3619">
                  <c:v>54.403685596488437</c:v>
                </c:pt>
                <c:pt idx="3620">
                  <c:v>54.401435254541674</c:v>
                </c:pt>
                <c:pt idx="3621">
                  <c:v>54.398632134462176</c:v>
                </c:pt>
                <c:pt idx="3622">
                  <c:v>54.396378226204881</c:v>
                </c:pt>
                <c:pt idx="3623">
                  <c:v>54.393575106125382</c:v>
                </c:pt>
                <c:pt idx="3624">
                  <c:v>54.390771986045884</c:v>
                </c:pt>
                <c:pt idx="3625">
                  <c:v>54.388521644099121</c:v>
                </c:pt>
                <c:pt idx="3626">
                  <c:v>54.386232072736476</c:v>
                </c:pt>
                <c:pt idx="3627">
                  <c:v>54.383428952656978</c:v>
                </c:pt>
                <c:pt idx="3628">
                  <c:v>54.381175044399676</c:v>
                </c:pt>
                <c:pt idx="3629">
                  <c:v>54.378371924320177</c:v>
                </c:pt>
                <c:pt idx="3630">
                  <c:v>54.375568804240693</c:v>
                </c:pt>
                <c:pt idx="3631">
                  <c:v>54.373318462293916</c:v>
                </c:pt>
                <c:pt idx="3632">
                  <c:v>54.371068120347147</c:v>
                </c:pt>
                <c:pt idx="3633">
                  <c:v>54.368222204541247</c:v>
                </c:pt>
                <c:pt idx="3634">
                  <c:v>54.365971862594478</c:v>
                </c:pt>
                <c:pt idx="3635">
                  <c:v>54.363721520647715</c:v>
                </c:pt>
                <c:pt idx="3636">
                  <c:v>54.360918400568217</c:v>
                </c:pt>
                <c:pt idx="3637">
                  <c:v>54.35866805862144</c:v>
                </c:pt>
                <c:pt idx="3638">
                  <c:v>54.355864938541956</c:v>
                </c:pt>
                <c:pt idx="3639">
                  <c:v>54.353019022736049</c:v>
                </c:pt>
                <c:pt idx="3640">
                  <c:v>54.35076868078928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2713-49A8-840C-4B44505B7F3E}"/>
            </c:ext>
          </c:extLst>
        </c:ser>
        <c:ser>
          <c:idx val="2"/>
          <c:order val="2"/>
          <c:tx>
            <c:strRef>
              <c:f>'TG (2)'!$U$1</c:f>
              <c:strCache>
                <c:ptCount val="1"/>
                <c:pt idx="0">
                  <c:v>H240</c:v>
                </c:pt>
              </c:strCache>
            </c:strRef>
          </c:tx>
          <c:spPr>
            <a:ln w="19050" cap="rnd">
              <a:solidFill>
                <a:schemeClr val="accent5">
                  <a:lumMod val="50000"/>
                </a:schemeClr>
              </a:solidFill>
              <a:round/>
            </a:ln>
            <a:effectLst/>
          </c:spPr>
          <c:marker>
            <c:symbol val="none"/>
          </c:marker>
          <c:xVal>
            <c:numRef>
              <c:f>'TG (2)'!$X$2:$X$3642</c:f>
              <c:numCache>
                <c:formatCode>General</c:formatCode>
                <c:ptCount val="3641"/>
                <c:pt idx="0">
                  <c:v>62.395000000000003</c:v>
                </c:pt>
                <c:pt idx="1">
                  <c:v>63.524000000000001</c:v>
                </c:pt>
                <c:pt idx="2">
                  <c:v>64.622</c:v>
                </c:pt>
                <c:pt idx="3">
                  <c:v>65.703000000000003</c:v>
                </c:pt>
                <c:pt idx="4">
                  <c:v>66.783000000000001</c:v>
                </c:pt>
                <c:pt idx="5">
                  <c:v>67.853999999999999</c:v>
                </c:pt>
                <c:pt idx="6">
                  <c:v>68.908000000000001</c:v>
                </c:pt>
                <c:pt idx="7">
                  <c:v>69.957999999999998</c:v>
                </c:pt>
                <c:pt idx="8">
                  <c:v>70.991</c:v>
                </c:pt>
                <c:pt idx="9">
                  <c:v>71.995000000000005</c:v>
                </c:pt>
                <c:pt idx="10">
                  <c:v>72.968999999999994</c:v>
                </c:pt>
                <c:pt idx="11">
                  <c:v>73.918999999999997</c:v>
                </c:pt>
                <c:pt idx="12">
                  <c:v>74.847999999999999</c:v>
                </c:pt>
                <c:pt idx="13">
                  <c:v>75.786000000000001</c:v>
                </c:pt>
                <c:pt idx="14">
                  <c:v>76.724000000000004</c:v>
                </c:pt>
                <c:pt idx="15">
                  <c:v>77.644999999999996</c:v>
                </c:pt>
                <c:pt idx="16">
                  <c:v>78.540999999999997</c:v>
                </c:pt>
                <c:pt idx="17">
                  <c:v>79.436000000000007</c:v>
                </c:pt>
                <c:pt idx="18">
                  <c:v>80.319000000000003</c:v>
                </c:pt>
                <c:pt idx="19">
                  <c:v>81.188000000000002</c:v>
                </c:pt>
                <c:pt idx="20">
                  <c:v>82.043999999999997</c:v>
                </c:pt>
                <c:pt idx="21">
                  <c:v>82.873999999999995</c:v>
                </c:pt>
                <c:pt idx="22">
                  <c:v>83.694999999999993</c:v>
                </c:pt>
                <c:pt idx="23">
                  <c:v>84.504000000000005</c:v>
                </c:pt>
                <c:pt idx="24">
                  <c:v>85.311000000000007</c:v>
                </c:pt>
                <c:pt idx="25">
                  <c:v>86.105999999999995</c:v>
                </c:pt>
                <c:pt idx="26">
                  <c:v>86.89</c:v>
                </c:pt>
                <c:pt idx="27">
                  <c:v>87.659000000000006</c:v>
                </c:pt>
                <c:pt idx="28">
                  <c:v>88.418999999999997</c:v>
                </c:pt>
                <c:pt idx="29">
                  <c:v>89.161000000000001</c:v>
                </c:pt>
                <c:pt idx="30">
                  <c:v>89.881</c:v>
                </c:pt>
                <c:pt idx="31">
                  <c:v>90.593999999999994</c:v>
                </c:pt>
                <c:pt idx="32">
                  <c:v>91.308000000000007</c:v>
                </c:pt>
                <c:pt idx="33">
                  <c:v>92.021000000000001</c:v>
                </c:pt>
                <c:pt idx="34">
                  <c:v>92.712999999999994</c:v>
                </c:pt>
                <c:pt idx="35">
                  <c:v>93.376999999999995</c:v>
                </c:pt>
                <c:pt idx="36">
                  <c:v>94.028000000000006</c:v>
                </c:pt>
                <c:pt idx="37">
                  <c:v>94.677999999999997</c:v>
                </c:pt>
                <c:pt idx="38">
                  <c:v>95.32</c:v>
                </c:pt>
                <c:pt idx="39">
                  <c:v>95.950999999999993</c:v>
                </c:pt>
                <c:pt idx="40">
                  <c:v>96.555000000000007</c:v>
                </c:pt>
                <c:pt idx="41">
                  <c:v>97.132000000000005</c:v>
                </c:pt>
                <c:pt idx="42">
                  <c:v>97.715000000000003</c:v>
                </c:pt>
                <c:pt idx="43">
                  <c:v>98.292000000000002</c:v>
                </c:pt>
                <c:pt idx="44">
                  <c:v>98.847999999999999</c:v>
                </c:pt>
                <c:pt idx="45">
                  <c:v>99.394000000000005</c:v>
                </c:pt>
                <c:pt idx="46">
                  <c:v>99.936000000000007</c:v>
                </c:pt>
                <c:pt idx="47">
                  <c:v>100.48</c:v>
                </c:pt>
                <c:pt idx="48">
                  <c:v>101.001</c:v>
                </c:pt>
                <c:pt idx="49">
                  <c:v>101.498</c:v>
                </c:pt>
                <c:pt idx="50">
                  <c:v>101.985</c:v>
                </c:pt>
                <c:pt idx="51">
                  <c:v>102.462</c:v>
                </c:pt>
                <c:pt idx="52">
                  <c:v>102.92100000000001</c:v>
                </c:pt>
                <c:pt idx="53">
                  <c:v>103.35899999999999</c:v>
                </c:pt>
                <c:pt idx="54">
                  <c:v>103.794</c:v>
                </c:pt>
                <c:pt idx="55">
                  <c:v>104.22199999999999</c:v>
                </c:pt>
                <c:pt idx="56">
                  <c:v>104.655</c:v>
                </c:pt>
                <c:pt idx="57">
                  <c:v>105.09699999999999</c:v>
                </c:pt>
                <c:pt idx="58">
                  <c:v>105.51900000000001</c:v>
                </c:pt>
                <c:pt idx="59">
                  <c:v>105.92100000000001</c:v>
                </c:pt>
                <c:pt idx="60">
                  <c:v>106.309</c:v>
                </c:pt>
                <c:pt idx="61">
                  <c:v>106.70399999999999</c:v>
                </c:pt>
                <c:pt idx="62">
                  <c:v>107.104</c:v>
                </c:pt>
                <c:pt idx="63">
                  <c:v>107.499</c:v>
                </c:pt>
                <c:pt idx="64">
                  <c:v>107.895</c:v>
                </c:pt>
                <c:pt idx="65">
                  <c:v>108.28700000000001</c:v>
                </c:pt>
                <c:pt idx="66">
                  <c:v>108.666</c:v>
                </c:pt>
                <c:pt idx="67">
                  <c:v>109.03400000000001</c:v>
                </c:pt>
                <c:pt idx="68">
                  <c:v>109.387</c:v>
                </c:pt>
                <c:pt idx="69">
                  <c:v>109.72799999999999</c:v>
                </c:pt>
                <c:pt idx="70">
                  <c:v>110.072</c:v>
                </c:pt>
                <c:pt idx="71">
                  <c:v>110.41500000000001</c:v>
                </c:pt>
                <c:pt idx="72">
                  <c:v>110.748</c:v>
                </c:pt>
                <c:pt idx="73">
                  <c:v>111.062</c:v>
                </c:pt>
                <c:pt idx="74">
                  <c:v>111.372</c:v>
                </c:pt>
                <c:pt idx="75">
                  <c:v>111.68600000000001</c:v>
                </c:pt>
                <c:pt idx="76">
                  <c:v>111.995</c:v>
                </c:pt>
                <c:pt idx="77">
                  <c:v>112.28700000000001</c:v>
                </c:pt>
                <c:pt idx="78">
                  <c:v>112.57299999999999</c:v>
                </c:pt>
                <c:pt idx="79">
                  <c:v>112.83499999999999</c:v>
                </c:pt>
                <c:pt idx="80">
                  <c:v>113.093</c:v>
                </c:pt>
                <c:pt idx="81">
                  <c:v>113.364</c:v>
                </c:pt>
                <c:pt idx="82">
                  <c:v>113.63200000000001</c:v>
                </c:pt>
                <c:pt idx="83">
                  <c:v>113.896</c:v>
                </c:pt>
                <c:pt idx="84">
                  <c:v>114.158</c:v>
                </c:pt>
                <c:pt idx="85">
                  <c:v>114.41500000000001</c:v>
                </c:pt>
                <c:pt idx="86">
                  <c:v>114.66800000000001</c:v>
                </c:pt>
                <c:pt idx="87">
                  <c:v>114.92700000000001</c:v>
                </c:pt>
                <c:pt idx="88">
                  <c:v>115.16500000000001</c:v>
                </c:pt>
                <c:pt idx="89">
                  <c:v>115.392</c:v>
                </c:pt>
                <c:pt idx="90">
                  <c:v>115.623</c:v>
                </c:pt>
                <c:pt idx="91">
                  <c:v>115.849</c:v>
                </c:pt>
                <c:pt idx="92">
                  <c:v>116.059</c:v>
                </c:pt>
                <c:pt idx="93">
                  <c:v>116.276</c:v>
                </c:pt>
                <c:pt idx="94">
                  <c:v>116.49</c:v>
                </c:pt>
                <c:pt idx="95">
                  <c:v>116.693</c:v>
                </c:pt>
                <c:pt idx="96">
                  <c:v>116.886</c:v>
                </c:pt>
                <c:pt idx="97">
                  <c:v>117.072</c:v>
                </c:pt>
                <c:pt idx="98">
                  <c:v>117.256</c:v>
                </c:pt>
                <c:pt idx="99">
                  <c:v>117.435</c:v>
                </c:pt>
                <c:pt idx="100">
                  <c:v>117.62</c:v>
                </c:pt>
                <c:pt idx="101">
                  <c:v>117.788</c:v>
                </c:pt>
                <c:pt idx="102">
                  <c:v>117.94199999999999</c:v>
                </c:pt>
                <c:pt idx="103">
                  <c:v>118.104</c:v>
                </c:pt>
                <c:pt idx="104">
                  <c:v>118.27500000000001</c:v>
                </c:pt>
                <c:pt idx="105">
                  <c:v>118.434</c:v>
                </c:pt>
                <c:pt idx="106">
                  <c:v>118.575</c:v>
                </c:pt>
                <c:pt idx="107">
                  <c:v>118.70099999999999</c:v>
                </c:pt>
                <c:pt idx="108">
                  <c:v>118.834</c:v>
                </c:pt>
                <c:pt idx="109">
                  <c:v>118.958</c:v>
                </c:pt>
                <c:pt idx="110">
                  <c:v>119.08</c:v>
                </c:pt>
                <c:pt idx="111">
                  <c:v>119.202</c:v>
                </c:pt>
                <c:pt idx="112">
                  <c:v>119.322</c:v>
                </c:pt>
                <c:pt idx="113">
                  <c:v>119.43899999999999</c:v>
                </c:pt>
                <c:pt idx="114">
                  <c:v>119.544</c:v>
                </c:pt>
                <c:pt idx="115">
                  <c:v>119.642</c:v>
                </c:pt>
                <c:pt idx="116">
                  <c:v>119.747</c:v>
                </c:pt>
                <c:pt idx="117">
                  <c:v>119.854</c:v>
                </c:pt>
                <c:pt idx="118">
                  <c:v>119.959</c:v>
                </c:pt>
                <c:pt idx="119">
                  <c:v>120.05800000000001</c:v>
                </c:pt>
                <c:pt idx="120">
                  <c:v>120.16</c:v>
                </c:pt>
                <c:pt idx="121">
                  <c:v>120.26900000000001</c:v>
                </c:pt>
                <c:pt idx="122">
                  <c:v>120.376</c:v>
                </c:pt>
                <c:pt idx="123">
                  <c:v>120.476</c:v>
                </c:pt>
                <c:pt idx="124">
                  <c:v>120.572</c:v>
                </c:pt>
                <c:pt idx="125">
                  <c:v>120.65900000000001</c:v>
                </c:pt>
                <c:pt idx="126">
                  <c:v>120.738</c:v>
                </c:pt>
                <c:pt idx="127">
                  <c:v>120.833</c:v>
                </c:pt>
                <c:pt idx="128">
                  <c:v>120.92</c:v>
                </c:pt>
                <c:pt idx="129">
                  <c:v>120.98099999999999</c:v>
                </c:pt>
                <c:pt idx="130">
                  <c:v>121.047</c:v>
                </c:pt>
                <c:pt idx="131">
                  <c:v>121.117</c:v>
                </c:pt>
                <c:pt idx="132">
                  <c:v>121.181</c:v>
                </c:pt>
                <c:pt idx="133">
                  <c:v>121.232</c:v>
                </c:pt>
                <c:pt idx="134">
                  <c:v>121.291</c:v>
                </c:pt>
                <c:pt idx="135">
                  <c:v>121.369</c:v>
                </c:pt>
                <c:pt idx="136">
                  <c:v>121.443</c:v>
                </c:pt>
                <c:pt idx="137">
                  <c:v>121.514</c:v>
                </c:pt>
                <c:pt idx="138">
                  <c:v>121.581</c:v>
                </c:pt>
                <c:pt idx="139">
                  <c:v>121.646</c:v>
                </c:pt>
                <c:pt idx="140">
                  <c:v>121.71299999999999</c:v>
                </c:pt>
                <c:pt idx="141">
                  <c:v>121.777</c:v>
                </c:pt>
                <c:pt idx="142">
                  <c:v>121.83</c:v>
                </c:pt>
                <c:pt idx="143">
                  <c:v>121.874</c:v>
                </c:pt>
                <c:pt idx="144">
                  <c:v>121.922</c:v>
                </c:pt>
                <c:pt idx="145">
                  <c:v>121.973</c:v>
                </c:pt>
                <c:pt idx="146">
                  <c:v>122.027</c:v>
                </c:pt>
                <c:pt idx="147">
                  <c:v>122.08199999999999</c:v>
                </c:pt>
                <c:pt idx="148">
                  <c:v>122.127</c:v>
                </c:pt>
                <c:pt idx="149">
                  <c:v>122.161</c:v>
                </c:pt>
                <c:pt idx="150">
                  <c:v>122.194</c:v>
                </c:pt>
                <c:pt idx="151">
                  <c:v>122.21899999999999</c:v>
                </c:pt>
                <c:pt idx="152">
                  <c:v>122.235</c:v>
                </c:pt>
                <c:pt idx="153">
                  <c:v>122.242</c:v>
                </c:pt>
                <c:pt idx="154">
                  <c:v>122.25</c:v>
                </c:pt>
                <c:pt idx="155">
                  <c:v>122.271</c:v>
                </c:pt>
                <c:pt idx="156">
                  <c:v>122.29600000000001</c:v>
                </c:pt>
                <c:pt idx="157">
                  <c:v>122.324</c:v>
                </c:pt>
                <c:pt idx="158">
                  <c:v>122.345</c:v>
                </c:pt>
                <c:pt idx="159">
                  <c:v>122.354</c:v>
                </c:pt>
                <c:pt idx="160">
                  <c:v>122.371</c:v>
                </c:pt>
                <c:pt idx="161">
                  <c:v>122.38500000000001</c:v>
                </c:pt>
                <c:pt idx="162">
                  <c:v>122.402</c:v>
                </c:pt>
                <c:pt idx="163">
                  <c:v>122.411</c:v>
                </c:pt>
                <c:pt idx="164">
                  <c:v>122.417</c:v>
                </c:pt>
                <c:pt idx="165">
                  <c:v>122.42</c:v>
                </c:pt>
                <c:pt idx="166">
                  <c:v>122.42</c:v>
                </c:pt>
                <c:pt idx="167">
                  <c:v>122.419</c:v>
                </c:pt>
                <c:pt idx="168">
                  <c:v>122.43</c:v>
                </c:pt>
                <c:pt idx="169">
                  <c:v>122.452</c:v>
                </c:pt>
                <c:pt idx="170">
                  <c:v>122.473</c:v>
                </c:pt>
                <c:pt idx="171">
                  <c:v>122.494</c:v>
                </c:pt>
                <c:pt idx="172">
                  <c:v>122.512</c:v>
                </c:pt>
                <c:pt idx="173">
                  <c:v>122.526</c:v>
                </c:pt>
                <c:pt idx="174">
                  <c:v>122.539</c:v>
                </c:pt>
                <c:pt idx="175">
                  <c:v>122.55500000000001</c:v>
                </c:pt>
                <c:pt idx="176">
                  <c:v>122.57</c:v>
                </c:pt>
                <c:pt idx="177">
                  <c:v>122.577</c:v>
                </c:pt>
                <c:pt idx="178">
                  <c:v>122.572</c:v>
                </c:pt>
                <c:pt idx="179">
                  <c:v>122.55800000000001</c:v>
                </c:pt>
                <c:pt idx="180">
                  <c:v>122.544</c:v>
                </c:pt>
                <c:pt idx="181">
                  <c:v>122.529</c:v>
                </c:pt>
                <c:pt idx="182">
                  <c:v>122.515</c:v>
                </c:pt>
                <c:pt idx="183">
                  <c:v>122.506</c:v>
                </c:pt>
                <c:pt idx="184">
                  <c:v>122.496</c:v>
                </c:pt>
                <c:pt idx="185">
                  <c:v>122.486</c:v>
                </c:pt>
                <c:pt idx="186">
                  <c:v>122.464</c:v>
                </c:pt>
                <c:pt idx="187">
                  <c:v>122.44199999999999</c:v>
                </c:pt>
                <c:pt idx="188">
                  <c:v>122.422</c:v>
                </c:pt>
                <c:pt idx="189">
                  <c:v>122.39400000000001</c:v>
                </c:pt>
                <c:pt idx="190">
                  <c:v>122.374</c:v>
                </c:pt>
                <c:pt idx="191">
                  <c:v>122.345</c:v>
                </c:pt>
                <c:pt idx="192">
                  <c:v>122.318</c:v>
                </c:pt>
                <c:pt idx="193">
                  <c:v>122.29600000000001</c:v>
                </c:pt>
                <c:pt idx="194">
                  <c:v>122.274</c:v>
                </c:pt>
                <c:pt idx="195">
                  <c:v>122.245</c:v>
                </c:pt>
                <c:pt idx="196">
                  <c:v>122.21599999999999</c:v>
                </c:pt>
                <c:pt idx="197">
                  <c:v>122.182</c:v>
                </c:pt>
                <c:pt idx="198">
                  <c:v>122.122</c:v>
                </c:pt>
                <c:pt idx="199">
                  <c:v>122.066</c:v>
                </c:pt>
                <c:pt idx="200">
                  <c:v>122.02200000000001</c:v>
                </c:pt>
                <c:pt idx="201">
                  <c:v>121.996</c:v>
                </c:pt>
                <c:pt idx="202">
                  <c:v>121.98099999999999</c:v>
                </c:pt>
                <c:pt idx="203">
                  <c:v>121.967</c:v>
                </c:pt>
                <c:pt idx="204">
                  <c:v>121.938</c:v>
                </c:pt>
                <c:pt idx="205">
                  <c:v>121.89400000000001</c:v>
                </c:pt>
                <c:pt idx="206">
                  <c:v>121.858</c:v>
                </c:pt>
                <c:pt idx="207">
                  <c:v>121.827</c:v>
                </c:pt>
                <c:pt idx="208">
                  <c:v>121.79600000000001</c:v>
                </c:pt>
                <c:pt idx="209">
                  <c:v>121.765</c:v>
                </c:pt>
                <c:pt idx="210">
                  <c:v>121.73099999999999</c:v>
                </c:pt>
                <c:pt idx="211">
                  <c:v>121.703</c:v>
                </c:pt>
                <c:pt idx="212">
                  <c:v>121.673</c:v>
                </c:pt>
                <c:pt idx="213">
                  <c:v>121.643</c:v>
                </c:pt>
                <c:pt idx="214">
                  <c:v>121.613</c:v>
                </c:pt>
                <c:pt idx="215">
                  <c:v>121.574</c:v>
                </c:pt>
                <c:pt idx="216">
                  <c:v>121.536</c:v>
                </c:pt>
                <c:pt idx="217">
                  <c:v>121.502</c:v>
                </c:pt>
                <c:pt idx="218">
                  <c:v>121.465</c:v>
                </c:pt>
                <c:pt idx="219">
                  <c:v>121.42700000000001</c:v>
                </c:pt>
                <c:pt idx="220">
                  <c:v>121.383</c:v>
                </c:pt>
                <c:pt idx="221">
                  <c:v>121.352</c:v>
                </c:pt>
                <c:pt idx="222">
                  <c:v>121.312</c:v>
                </c:pt>
                <c:pt idx="223">
                  <c:v>121.262</c:v>
                </c:pt>
                <c:pt idx="224">
                  <c:v>121.20699999999999</c:v>
                </c:pt>
                <c:pt idx="225">
                  <c:v>121.15</c:v>
                </c:pt>
                <c:pt idx="226">
                  <c:v>121.09</c:v>
                </c:pt>
                <c:pt idx="227">
                  <c:v>121.035</c:v>
                </c:pt>
                <c:pt idx="228">
                  <c:v>120.98399999999999</c:v>
                </c:pt>
                <c:pt idx="229">
                  <c:v>120.94</c:v>
                </c:pt>
                <c:pt idx="230">
                  <c:v>120.88800000000001</c:v>
                </c:pt>
                <c:pt idx="231">
                  <c:v>120.833</c:v>
                </c:pt>
                <c:pt idx="232">
                  <c:v>120.788</c:v>
                </c:pt>
                <c:pt idx="233">
                  <c:v>120.73699999999999</c:v>
                </c:pt>
                <c:pt idx="234">
                  <c:v>120.69</c:v>
                </c:pt>
                <c:pt idx="235">
                  <c:v>120.639</c:v>
                </c:pt>
                <c:pt idx="236">
                  <c:v>120.58799999999999</c:v>
                </c:pt>
                <c:pt idx="237">
                  <c:v>120.539</c:v>
                </c:pt>
                <c:pt idx="238">
                  <c:v>120.483</c:v>
                </c:pt>
                <c:pt idx="239">
                  <c:v>120.41800000000001</c:v>
                </c:pt>
                <c:pt idx="240">
                  <c:v>120.36499999999999</c:v>
                </c:pt>
                <c:pt idx="241">
                  <c:v>120.30800000000001</c:v>
                </c:pt>
                <c:pt idx="242">
                  <c:v>120.256</c:v>
                </c:pt>
                <c:pt idx="243">
                  <c:v>120.20399999999999</c:v>
                </c:pt>
                <c:pt idx="244">
                  <c:v>120.14400000000001</c:v>
                </c:pt>
                <c:pt idx="245">
                  <c:v>120.083</c:v>
                </c:pt>
                <c:pt idx="246">
                  <c:v>120.023</c:v>
                </c:pt>
                <c:pt idx="247">
                  <c:v>119.96599999999999</c:v>
                </c:pt>
                <c:pt idx="248">
                  <c:v>119.91</c:v>
                </c:pt>
                <c:pt idx="249">
                  <c:v>119.855</c:v>
                </c:pt>
                <c:pt idx="250">
                  <c:v>119.79300000000001</c:v>
                </c:pt>
                <c:pt idx="251">
                  <c:v>119.727</c:v>
                </c:pt>
                <c:pt idx="252">
                  <c:v>119.66500000000001</c:v>
                </c:pt>
                <c:pt idx="253">
                  <c:v>119.605</c:v>
                </c:pt>
                <c:pt idx="254">
                  <c:v>119.542</c:v>
                </c:pt>
                <c:pt idx="255">
                  <c:v>119.468</c:v>
                </c:pt>
                <c:pt idx="256">
                  <c:v>119.407</c:v>
                </c:pt>
                <c:pt idx="257">
                  <c:v>119.346</c:v>
                </c:pt>
                <c:pt idx="258">
                  <c:v>119.288</c:v>
                </c:pt>
                <c:pt idx="259">
                  <c:v>119.22199999999999</c:v>
                </c:pt>
                <c:pt idx="260">
                  <c:v>119.157</c:v>
                </c:pt>
                <c:pt idx="261">
                  <c:v>119.1</c:v>
                </c:pt>
                <c:pt idx="262">
                  <c:v>119.03700000000001</c:v>
                </c:pt>
                <c:pt idx="263">
                  <c:v>118.96899999999999</c:v>
                </c:pt>
                <c:pt idx="264">
                  <c:v>118.907</c:v>
                </c:pt>
                <c:pt idx="265">
                  <c:v>118.83499999999999</c:v>
                </c:pt>
                <c:pt idx="266">
                  <c:v>118.77500000000001</c:v>
                </c:pt>
                <c:pt idx="267">
                  <c:v>118.726</c:v>
                </c:pt>
                <c:pt idx="268">
                  <c:v>118.672</c:v>
                </c:pt>
                <c:pt idx="269">
                  <c:v>118.61199999999999</c:v>
                </c:pt>
                <c:pt idx="270">
                  <c:v>118.54900000000001</c:v>
                </c:pt>
                <c:pt idx="271">
                  <c:v>118.482</c:v>
                </c:pt>
                <c:pt idx="272">
                  <c:v>118.417</c:v>
                </c:pt>
                <c:pt idx="273">
                  <c:v>118.34699999999999</c:v>
                </c:pt>
                <c:pt idx="274">
                  <c:v>118.27800000000001</c:v>
                </c:pt>
                <c:pt idx="275">
                  <c:v>118.209</c:v>
                </c:pt>
                <c:pt idx="276">
                  <c:v>118.146</c:v>
                </c:pt>
                <c:pt idx="277">
                  <c:v>118.077</c:v>
                </c:pt>
                <c:pt idx="278">
                  <c:v>118.011</c:v>
                </c:pt>
                <c:pt idx="279">
                  <c:v>117.938</c:v>
                </c:pt>
                <c:pt idx="280">
                  <c:v>117.863</c:v>
                </c:pt>
                <c:pt idx="281">
                  <c:v>117.80500000000001</c:v>
                </c:pt>
                <c:pt idx="282">
                  <c:v>117.747</c:v>
                </c:pt>
                <c:pt idx="283">
                  <c:v>117.687</c:v>
                </c:pt>
                <c:pt idx="284">
                  <c:v>117.623</c:v>
                </c:pt>
                <c:pt idx="285">
                  <c:v>117.56</c:v>
                </c:pt>
                <c:pt idx="286">
                  <c:v>117.488</c:v>
                </c:pt>
                <c:pt idx="287">
                  <c:v>117.417</c:v>
                </c:pt>
                <c:pt idx="288">
                  <c:v>117.343</c:v>
                </c:pt>
                <c:pt idx="289">
                  <c:v>117.268</c:v>
                </c:pt>
                <c:pt idx="290">
                  <c:v>117.20699999999999</c:v>
                </c:pt>
                <c:pt idx="291">
                  <c:v>117.14</c:v>
                </c:pt>
                <c:pt idx="292">
                  <c:v>117.069</c:v>
                </c:pt>
                <c:pt idx="293">
                  <c:v>116.997</c:v>
                </c:pt>
                <c:pt idx="294">
                  <c:v>116.931</c:v>
                </c:pt>
                <c:pt idx="295">
                  <c:v>116.863</c:v>
                </c:pt>
                <c:pt idx="296">
                  <c:v>116.79300000000001</c:v>
                </c:pt>
                <c:pt idx="297">
                  <c:v>116.735</c:v>
                </c:pt>
                <c:pt idx="298">
                  <c:v>116.682</c:v>
                </c:pt>
                <c:pt idx="299">
                  <c:v>116.624</c:v>
                </c:pt>
                <c:pt idx="300">
                  <c:v>116.55500000000001</c:v>
                </c:pt>
                <c:pt idx="301">
                  <c:v>116.494</c:v>
                </c:pt>
                <c:pt idx="302">
                  <c:v>116.435</c:v>
                </c:pt>
                <c:pt idx="303">
                  <c:v>116.375</c:v>
                </c:pt>
                <c:pt idx="304">
                  <c:v>116.297</c:v>
                </c:pt>
                <c:pt idx="305">
                  <c:v>116.227</c:v>
                </c:pt>
                <c:pt idx="306">
                  <c:v>116.167</c:v>
                </c:pt>
                <c:pt idx="307">
                  <c:v>116.105</c:v>
                </c:pt>
                <c:pt idx="308">
                  <c:v>116.041</c:v>
                </c:pt>
                <c:pt idx="309">
                  <c:v>115.982</c:v>
                </c:pt>
                <c:pt idx="310">
                  <c:v>115.92</c:v>
                </c:pt>
                <c:pt idx="311">
                  <c:v>115.85299999999999</c:v>
                </c:pt>
                <c:pt idx="312">
                  <c:v>115.78400000000001</c:v>
                </c:pt>
                <c:pt idx="313">
                  <c:v>115.718</c:v>
                </c:pt>
                <c:pt idx="314">
                  <c:v>115.646</c:v>
                </c:pt>
                <c:pt idx="315">
                  <c:v>115.566</c:v>
                </c:pt>
                <c:pt idx="316">
                  <c:v>115.491</c:v>
                </c:pt>
                <c:pt idx="317">
                  <c:v>115.42700000000001</c:v>
                </c:pt>
                <c:pt idx="318">
                  <c:v>115.354</c:v>
                </c:pt>
                <c:pt idx="319">
                  <c:v>115.271</c:v>
                </c:pt>
                <c:pt idx="320">
                  <c:v>115.191</c:v>
                </c:pt>
                <c:pt idx="321">
                  <c:v>115.107</c:v>
                </c:pt>
                <c:pt idx="322">
                  <c:v>115.024</c:v>
                </c:pt>
                <c:pt idx="323">
                  <c:v>114.953</c:v>
                </c:pt>
                <c:pt idx="324">
                  <c:v>114.884</c:v>
                </c:pt>
                <c:pt idx="325">
                  <c:v>114.816</c:v>
                </c:pt>
                <c:pt idx="326">
                  <c:v>114.73699999999999</c:v>
                </c:pt>
                <c:pt idx="327">
                  <c:v>114.657</c:v>
                </c:pt>
                <c:pt idx="328">
                  <c:v>114.584</c:v>
                </c:pt>
                <c:pt idx="329">
                  <c:v>114.512</c:v>
                </c:pt>
                <c:pt idx="330">
                  <c:v>114.44199999999999</c:v>
                </c:pt>
                <c:pt idx="331">
                  <c:v>114.383</c:v>
                </c:pt>
                <c:pt idx="332">
                  <c:v>114.331</c:v>
                </c:pt>
                <c:pt idx="333">
                  <c:v>114.261</c:v>
                </c:pt>
                <c:pt idx="334">
                  <c:v>114.197</c:v>
                </c:pt>
                <c:pt idx="335">
                  <c:v>114.128</c:v>
                </c:pt>
                <c:pt idx="336">
                  <c:v>114.06399999999999</c:v>
                </c:pt>
                <c:pt idx="337">
                  <c:v>114</c:v>
                </c:pt>
                <c:pt idx="338">
                  <c:v>113.934</c:v>
                </c:pt>
                <c:pt idx="339">
                  <c:v>113.869</c:v>
                </c:pt>
                <c:pt idx="340">
                  <c:v>113.806</c:v>
                </c:pt>
                <c:pt idx="341">
                  <c:v>113.753</c:v>
                </c:pt>
                <c:pt idx="342">
                  <c:v>113.7</c:v>
                </c:pt>
                <c:pt idx="343">
                  <c:v>113.63200000000001</c:v>
                </c:pt>
                <c:pt idx="344">
                  <c:v>113.565</c:v>
                </c:pt>
                <c:pt idx="345">
                  <c:v>113.495</c:v>
                </c:pt>
                <c:pt idx="346">
                  <c:v>113.42400000000001</c:v>
                </c:pt>
                <c:pt idx="347">
                  <c:v>113.35899999999999</c:v>
                </c:pt>
                <c:pt idx="348">
                  <c:v>113.30200000000001</c:v>
                </c:pt>
                <c:pt idx="349">
                  <c:v>113.232</c:v>
                </c:pt>
                <c:pt idx="350">
                  <c:v>113.166</c:v>
                </c:pt>
                <c:pt idx="351">
                  <c:v>113.102</c:v>
                </c:pt>
                <c:pt idx="352">
                  <c:v>113.02800000000001</c:v>
                </c:pt>
                <c:pt idx="353">
                  <c:v>112.962</c:v>
                </c:pt>
                <c:pt idx="354">
                  <c:v>112.893</c:v>
                </c:pt>
                <c:pt idx="355">
                  <c:v>112.82299999999999</c:v>
                </c:pt>
                <c:pt idx="356">
                  <c:v>112.756</c:v>
                </c:pt>
                <c:pt idx="357">
                  <c:v>112.694</c:v>
                </c:pt>
                <c:pt idx="358">
                  <c:v>112.619</c:v>
                </c:pt>
                <c:pt idx="359">
                  <c:v>112.547</c:v>
                </c:pt>
                <c:pt idx="360">
                  <c:v>112.48099999999999</c:v>
                </c:pt>
                <c:pt idx="361">
                  <c:v>112.402</c:v>
                </c:pt>
                <c:pt idx="362">
                  <c:v>112.331</c:v>
                </c:pt>
                <c:pt idx="363">
                  <c:v>112.261</c:v>
                </c:pt>
                <c:pt idx="364">
                  <c:v>112.187</c:v>
                </c:pt>
                <c:pt idx="365">
                  <c:v>112.11</c:v>
                </c:pt>
                <c:pt idx="366">
                  <c:v>112.04</c:v>
                </c:pt>
                <c:pt idx="367">
                  <c:v>111.97</c:v>
                </c:pt>
                <c:pt idx="368">
                  <c:v>111.899</c:v>
                </c:pt>
                <c:pt idx="369">
                  <c:v>111.818</c:v>
                </c:pt>
                <c:pt idx="370">
                  <c:v>111.745</c:v>
                </c:pt>
                <c:pt idx="371">
                  <c:v>111.67</c:v>
                </c:pt>
                <c:pt idx="372">
                  <c:v>111.59</c:v>
                </c:pt>
                <c:pt idx="373">
                  <c:v>111.53100000000001</c:v>
                </c:pt>
                <c:pt idx="374">
                  <c:v>111.474</c:v>
                </c:pt>
                <c:pt idx="375">
                  <c:v>111.41500000000001</c:v>
                </c:pt>
                <c:pt idx="376">
                  <c:v>111.352</c:v>
                </c:pt>
                <c:pt idx="377">
                  <c:v>111.29</c:v>
                </c:pt>
                <c:pt idx="378">
                  <c:v>111.223</c:v>
                </c:pt>
                <c:pt idx="379">
                  <c:v>111.15600000000001</c:v>
                </c:pt>
                <c:pt idx="380">
                  <c:v>111.09099999999999</c:v>
                </c:pt>
                <c:pt idx="381">
                  <c:v>111.01600000000001</c:v>
                </c:pt>
                <c:pt idx="382">
                  <c:v>110.95099999999999</c:v>
                </c:pt>
                <c:pt idx="383">
                  <c:v>110.884</c:v>
                </c:pt>
                <c:pt idx="384">
                  <c:v>110.825</c:v>
                </c:pt>
                <c:pt idx="385">
                  <c:v>110.77200000000001</c:v>
                </c:pt>
                <c:pt idx="386">
                  <c:v>110.721</c:v>
                </c:pt>
                <c:pt idx="387">
                  <c:v>110.655</c:v>
                </c:pt>
                <c:pt idx="388">
                  <c:v>110.58199999999999</c:v>
                </c:pt>
                <c:pt idx="389">
                  <c:v>110.51300000000001</c:v>
                </c:pt>
                <c:pt idx="390">
                  <c:v>110.447</c:v>
                </c:pt>
                <c:pt idx="391">
                  <c:v>110.38500000000001</c:v>
                </c:pt>
                <c:pt idx="392">
                  <c:v>110.31699999999999</c:v>
                </c:pt>
                <c:pt idx="393">
                  <c:v>110.26300000000001</c:v>
                </c:pt>
                <c:pt idx="394">
                  <c:v>110.212</c:v>
                </c:pt>
                <c:pt idx="395">
                  <c:v>110.152</c:v>
                </c:pt>
                <c:pt idx="396">
                  <c:v>110.09699999999999</c:v>
                </c:pt>
                <c:pt idx="397">
                  <c:v>110.04300000000001</c:v>
                </c:pt>
                <c:pt idx="398">
                  <c:v>109.98699999999999</c:v>
                </c:pt>
                <c:pt idx="399">
                  <c:v>109.91200000000001</c:v>
                </c:pt>
                <c:pt idx="400">
                  <c:v>109.822</c:v>
                </c:pt>
                <c:pt idx="401">
                  <c:v>109.73</c:v>
                </c:pt>
                <c:pt idx="402">
                  <c:v>109.649</c:v>
                </c:pt>
                <c:pt idx="403">
                  <c:v>109.584</c:v>
                </c:pt>
                <c:pt idx="404">
                  <c:v>109.52</c:v>
                </c:pt>
                <c:pt idx="405">
                  <c:v>109.45699999999999</c:v>
                </c:pt>
                <c:pt idx="406">
                  <c:v>109.395</c:v>
                </c:pt>
                <c:pt idx="407">
                  <c:v>109.339</c:v>
                </c:pt>
                <c:pt idx="408">
                  <c:v>109.28</c:v>
                </c:pt>
                <c:pt idx="409">
                  <c:v>109.21599999999999</c:v>
                </c:pt>
                <c:pt idx="410">
                  <c:v>109.15300000000001</c:v>
                </c:pt>
                <c:pt idx="411">
                  <c:v>109.08199999999999</c:v>
                </c:pt>
                <c:pt idx="412">
                  <c:v>109.002</c:v>
                </c:pt>
                <c:pt idx="413">
                  <c:v>108.928</c:v>
                </c:pt>
                <c:pt idx="414">
                  <c:v>108.848</c:v>
                </c:pt>
                <c:pt idx="415">
                  <c:v>108.777</c:v>
                </c:pt>
                <c:pt idx="416">
                  <c:v>108.70699999999999</c:v>
                </c:pt>
                <c:pt idx="417">
                  <c:v>108.64100000000001</c:v>
                </c:pt>
                <c:pt idx="418">
                  <c:v>108.57599999999999</c:v>
                </c:pt>
                <c:pt idx="419">
                  <c:v>108.515</c:v>
                </c:pt>
                <c:pt idx="420">
                  <c:v>108.458</c:v>
                </c:pt>
                <c:pt idx="421">
                  <c:v>108.38500000000001</c:v>
                </c:pt>
                <c:pt idx="422">
                  <c:v>108.29900000000001</c:v>
                </c:pt>
                <c:pt idx="423">
                  <c:v>108.211</c:v>
                </c:pt>
                <c:pt idx="424">
                  <c:v>108.133</c:v>
                </c:pt>
                <c:pt idx="425">
                  <c:v>108.057</c:v>
                </c:pt>
                <c:pt idx="426">
                  <c:v>107.98</c:v>
                </c:pt>
                <c:pt idx="427">
                  <c:v>107.92</c:v>
                </c:pt>
                <c:pt idx="428">
                  <c:v>107.863</c:v>
                </c:pt>
                <c:pt idx="429">
                  <c:v>107.80800000000001</c:v>
                </c:pt>
                <c:pt idx="430">
                  <c:v>107.82299999999999</c:v>
                </c:pt>
                <c:pt idx="431">
                  <c:v>107.899</c:v>
                </c:pt>
                <c:pt idx="432">
                  <c:v>108.004</c:v>
                </c:pt>
                <c:pt idx="433">
                  <c:v>108.137</c:v>
                </c:pt>
                <c:pt idx="434">
                  <c:v>108.255</c:v>
                </c:pt>
                <c:pt idx="435">
                  <c:v>108.336</c:v>
                </c:pt>
                <c:pt idx="436">
                  <c:v>108.5</c:v>
                </c:pt>
                <c:pt idx="437">
                  <c:v>108.57599999999999</c:v>
                </c:pt>
                <c:pt idx="438">
                  <c:v>108.75</c:v>
                </c:pt>
                <c:pt idx="439">
                  <c:v>108.892</c:v>
                </c:pt>
                <c:pt idx="440">
                  <c:v>109.07599999999999</c:v>
                </c:pt>
                <c:pt idx="441">
                  <c:v>109.157</c:v>
                </c:pt>
                <c:pt idx="442">
                  <c:v>109.146</c:v>
                </c:pt>
                <c:pt idx="443">
                  <c:v>108.935</c:v>
                </c:pt>
                <c:pt idx="444">
                  <c:v>108.974</c:v>
                </c:pt>
                <c:pt idx="445">
                  <c:v>109.146</c:v>
                </c:pt>
                <c:pt idx="446">
                  <c:v>109.304</c:v>
                </c:pt>
                <c:pt idx="447">
                  <c:v>109.367</c:v>
                </c:pt>
                <c:pt idx="448">
                  <c:v>109.631</c:v>
                </c:pt>
                <c:pt idx="449">
                  <c:v>109.989</c:v>
                </c:pt>
                <c:pt idx="450">
                  <c:v>110.032</c:v>
                </c:pt>
                <c:pt idx="451">
                  <c:v>110.184</c:v>
                </c:pt>
                <c:pt idx="452">
                  <c:v>110.26600000000001</c:v>
                </c:pt>
                <c:pt idx="453">
                  <c:v>110.50700000000001</c:v>
                </c:pt>
                <c:pt idx="454">
                  <c:v>110.89100000000001</c:v>
                </c:pt>
                <c:pt idx="455">
                  <c:v>110.854</c:v>
                </c:pt>
                <c:pt idx="456">
                  <c:v>110.63</c:v>
                </c:pt>
                <c:pt idx="457">
                  <c:v>110.518</c:v>
                </c:pt>
                <c:pt idx="458">
                  <c:v>110.42700000000001</c:v>
                </c:pt>
                <c:pt idx="459">
                  <c:v>110.312</c:v>
                </c:pt>
                <c:pt idx="460">
                  <c:v>110.6</c:v>
                </c:pt>
                <c:pt idx="461">
                  <c:v>110.33499999999999</c:v>
                </c:pt>
                <c:pt idx="462">
                  <c:v>110.262</c:v>
                </c:pt>
                <c:pt idx="463">
                  <c:v>110.08499999999999</c:v>
                </c:pt>
                <c:pt idx="464">
                  <c:v>110.145</c:v>
                </c:pt>
                <c:pt idx="465">
                  <c:v>110.042</c:v>
                </c:pt>
                <c:pt idx="466">
                  <c:v>109.779</c:v>
                </c:pt>
                <c:pt idx="467">
                  <c:v>109.548</c:v>
                </c:pt>
                <c:pt idx="468">
                  <c:v>109.491</c:v>
                </c:pt>
                <c:pt idx="469">
                  <c:v>109.52800000000001</c:v>
                </c:pt>
                <c:pt idx="470">
                  <c:v>109.58</c:v>
                </c:pt>
                <c:pt idx="471">
                  <c:v>109.551</c:v>
                </c:pt>
                <c:pt idx="472">
                  <c:v>109.658</c:v>
                </c:pt>
                <c:pt idx="473">
                  <c:v>109.413</c:v>
                </c:pt>
                <c:pt idx="474">
                  <c:v>109.435</c:v>
                </c:pt>
                <c:pt idx="475">
                  <c:v>108.884</c:v>
                </c:pt>
                <c:pt idx="476">
                  <c:v>108.729</c:v>
                </c:pt>
                <c:pt idx="477">
                  <c:v>108.499</c:v>
                </c:pt>
                <c:pt idx="478">
                  <c:v>108.51600000000001</c:v>
                </c:pt>
                <c:pt idx="479">
                  <c:v>108.393</c:v>
                </c:pt>
                <c:pt idx="480">
                  <c:v>108.399</c:v>
                </c:pt>
                <c:pt idx="481">
                  <c:v>108.26600000000001</c:v>
                </c:pt>
                <c:pt idx="482">
                  <c:v>108.297</c:v>
                </c:pt>
                <c:pt idx="483">
                  <c:v>108.304</c:v>
                </c:pt>
                <c:pt idx="484">
                  <c:v>109.00700000000001</c:v>
                </c:pt>
                <c:pt idx="485">
                  <c:v>109.19499999999999</c:v>
                </c:pt>
                <c:pt idx="486">
                  <c:v>108.742</c:v>
                </c:pt>
                <c:pt idx="487">
                  <c:v>108.33</c:v>
                </c:pt>
                <c:pt idx="488">
                  <c:v>108.22</c:v>
                </c:pt>
                <c:pt idx="489">
                  <c:v>108.114</c:v>
                </c:pt>
                <c:pt idx="490">
                  <c:v>108.095</c:v>
                </c:pt>
                <c:pt idx="491">
                  <c:v>108.343</c:v>
                </c:pt>
                <c:pt idx="492">
                  <c:v>108.34399999999999</c:v>
                </c:pt>
                <c:pt idx="493">
                  <c:v>108.499</c:v>
                </c:pt>
                <c:pt idx="494">
                  <c:v>108.556</c:v>
                </c:pt>
                <c:pt idx="495">
                  <c:v>108.505</c:v>
                </c:pt>
                <c:pt idx="496">
                  <c:v>108.511</c:v>
                </c:pt>
                <c:pt idx="497">
                  <c:v>108.35599999999999</c:v>
                </c:pt>
                <c:pt idx="498">
                  <c:v>108.327</c:v>
                </c:pt>
                <c:pt idx="499">
                  <c:v>108.41500000000001</c:v>
                </c:pt>
                <c:pt idx="500">
                  <c:v>108.441</c:v>
                </c:pt>
                <c:pt idx="501">
                  <c:v>108.474</c:v>
                </c:pt>
                <c:pt idx="502">
                  <c:v>108.36</c:v>
                </c:pt>
                <c:pt idx="503">
                  <c:v>108.214</c:v>
                </c:pt>
                <c:pt idx="504">
                  <c:v>108.346</c:v>
                </c:pt>
                <c:pt idx="505">
                  <c:v>108.53400000000001</c:v>
                </c:pt>
                <c:pt idx="506">
                  <c:v>108.577</c:v>
                </c:pt>
                <c:pt idx="507">
                  <c:v>108.822</c:v>
                </c:pt>
                <c:pt idx="508">
                  <c:v>109.015</c:v>
                </c:pt>
                <c:pt idx="509">
                  <c:v>109.059</c:v>
                </c:pt>
                <c:pt idx="510">
                  <c:v>109.07899999999999</c:v>
                </c:pt>
                <c:pt idx="511">
                  <c:v>109.16800000000001</c:v>
                </c:pt>
                <c:pt idx="512">
                  <c:v>109.258</c:v>
                </c:pt>
                <c:pt idx="513">
                  <c:v>109.355</c:v>
                </c:pt>
                <c:pt idx="514">
                  <c:v>109.512</c:v>
                </c:pt>
                <c:pt idx="515">
                  <c:v>109.65</c:v>
                </c:pt>
                <c:pt idx="516">
                  <c:v>109.672</c:v>
                </c:pt>
                <c:pt idx="517">
                  <c:v>109.678</c:v>
                </c:pt>
                <c:pt idx="518">
                  <c:v>109.91800000000001</c:v>
                </c:pt>
                <c:pt idx="519">
                  <c:v>109.846</c:v>
                </c:pt>
                <c:pt idx="520">
                  <c:v>109.949</c:v>
                </c:pt>
                <c:pt idx="521">
                  <c:v>110.13200000000001</c:v>
                </c:pt>
                <c:pt idx="522">
                  <c:v>110.38200000000001</c:v>
                </c:pt>
                <c:pt idx="523">
                  <c:v>110.72</c:v>
                </c:pt>
                <c:pt idx="524">
                  <c:v>110.893</c:v>
                </c:pt>
                <c:pt idx="525">
                  <c:v>110.88200000000001</c:v>
                </c:pt>
                <c:pt idx="526">
                  <c:v>110.86799999999999</c:v>
                </c:pt>
                <c:pt idx="527">
                  <c:v>110.96299999999999</c:v>
                </c:pt>
                <c:pt idx="528">
                  <c:v>111.03400000000001</c:v>
                </c:pt>
                <c:pt idx="529">
                  <c:v>111.258</c:v>
                </c:pt>
                <c:pt idx="530">
                  <c:v>111.361</c:v>
                </c:pt>
                <c:pt idx="531">
                  <c:v>111.399</c:v>
                </c:pt>
                <c:pt idx="532">
                  <c:v>111.48399999999999</c:v>
                </c:pt>
                <c:pt idx="533">
                  <c:v>111.63200000000001</c:v>
                </c:pt>
                <c:pt idx="534">
                  <c:v>111.81399999999999</c:v>
                </c:pt>
                <c:pt idx="535">
                  <c:v>111.92700000000001</c:v>
                </c:pt>
                <c:pt idx="536">
                  <c:v>112.048</c:v>
                </c:pt>
                <c:pt idx="537">
                  <c:v>112.25</c:v>
                </c:pt>
                <c:pt idx="538">
                  <c:v>112.294</c:v>
                </c:pt>
                <c:pt idx="539">
                  <c:v>112.298</c:v>
                </c:pt>
                <c:pt idx="540">
                  <c:v>112.489</c:v>
                </c:pt>
                <c:pt idx="541">
                  <c:v>112.64</c:v>
                </c:pt>
                <c:pt idx="542">
                  <c:v>113.173</c:v>
                </c:pt>
                <c:pt idx="543">
                  <c:v>113.157</c:v>
                </c:pt>
                <c:pt idx="544">
                  <c:v>113.483</c:v>
                </c:pt>
                <c:pt idx="545">
                  <c:v>113.312</c:v>
                </c:pt>
                <c:pt idx="546">
                  <c:v>113.41500000000001</c:v>
                </c:pt>
                <c:pt idx="547">
                  <c:v>113.64400000000001</c:v>
                </c:pt>
                <c:pt idx="548">
                  <c:v>113.934</c:v>
                </c:pt>
                <c:pt idx="549">
                  <c:v>114.044</c:v>
                </c:pt>
                <c:pt idx="550">
                  <c:v>114.07899999999999</c:v>
                </c:pt>
                <c:pt idx="551">
                  <c:v>114.107</c:v>
                </c:pt>
                <c:pt idx="552">
                  <c:v>114.142</c:v>
                </c:pt>
                <c:pt idx="553">
                  <c:v>114.244</c:v>
                </c:pt>
                <c:pt idx="554">
                  <c:v>114.584</c:v>
                </c:pt>
                <c:pt idx="555">
                  <c:v>114.64700000000001</c:v>
                </c:pt>
                <c:pt idx="556">
                  <c:v>114.846</c:v>
                </c:pt>
                <c:pt idx="557">
                  <c:v>115.163</c:v>
                </c:pt>
                <c:pt idx="558">
                  <c:v>115.261</c:v>
                </c:pt>
                <c:pt idx="559">
                  <c:v>115.42700000000001</c:v>
                </c:pt>
                <c:pt idx="560">
                  <c:v>115.625</c:v>
                </c:pt>
                <c:pt idx="561">
                  <c:v>115.637</c:v>
                </c:pt>
                <c:pt idx="562">
                  <c:v>115.94799999999999</c:v>
                </c:pt>
                <c:pt idx="563">
                  <c:v>116.102</c:v>
                </c:pt>
                <c:pt idx="564">
                  <c:v>116.16500000000001</c:v>
                </c:pt>
                <c:pt idx="565">
                  <c:v>116.34099999999999</c:v>
                </c:pt>
                <c:pt idx="566">
                  <c:v>116.691</c:v>
                </c:pt>
                <c:pt idx="567">
                  <c:v>117.29600000000001</c:v>
                </c:pt>
                <c:pt idx="568">
                  <c:v>117.51900000000001</c:v>
                </c:pt>
                <c:pt idx="569">
                  <c:v>117.849</c:v>
                </c:pt>
                <c:pt idx="570">
                  <c:v>117.61199999999999</c:v>
                </c:pt>
                <c:pt idx="571">
                  <c:v>117.824</c:v>
                </c:pt>
                <c:pt idx="572">
                  <c:v>117.712</c:v>
                </c:pt>
                <c:pt idx="573">
                  <c:v>117.876</c:v>
                </c:pt>
                <c:pt idx="574">
                  <c:v>117.977</c:v>
                </c:pt>
                <c:pt idx="575">
                  <c:v>118.00700000000001</c:v>
                </c:pt>
                <c:pt idx="576">
                  <c:v>118.154</c:v>
                </c:pt>
                <c:pt idx="577">
                  <c:v>118.352</c:v>
                </c:pt>
                <c:pt idx="578">
                  <c:v>118.438</c:v>
                </c:pt>
                <c:pt idx="579">
                  <c:v>118.601</c:v>
                </c:pt>
                <c:pt idx="580">
                  <c:v>118.80200000000001</c:v>
                </c:pt>
                <c:pt idx="581">
                  <c:v>119.08</c:v>
                </c:pt>
                <c:pt idx="582">
                  <c:v>119.258</c:v>
                </c:pt>
                <c:pt idx="583">
                  <c:v>119.399</c:v>
                </c:pt>
                <c:pt idx="584">
                  <c:v>119.624</c:v>
                </c:pt>
                <c:pt idx="585">
                  <c:v>119.98099999999999</c:v>
                </c:pt>
                <c:pt idx="586">
                  <c:v>120.161</c:v>
                </c:pt>
                <c:pt idx="587">
                  <c:v>120.517</c:v>
                </c:pt>
                <c:pt idx="588">
                  <c:v>120.639</c:v>
                </c:pt>
                <c:pt idx="589">
                  <c:v>120.84399999999999</c:v>
                </c:pt>
                <c:pt idx="590">
                  <c:v>120.93</c:v>
                </c:pt>
                <c:pt idx="591">
                  <c:v>120.986</c:v>
                </c:pt>
                <c:pt idx="592">
                  <c:v>121.232</c:v>
                </c:pt>
                <c:pt idx="593">
                  <c:v>121.706</c:v>
                </c:pt>
                <c:pt idx="594">
                  <c:v>121.762</c:v>
                </c:pt>
                <c:pt idx="595">
                  <c:v>121.982</c:v>
                </c:pt>
                <c:pt idx="596">
                  <c:v>122.17700000000001</c:v>
                </c:pt>
                <c:pt idx="597">
                  <c:v>122.337</c:v>
                </c:pt>
                <c:pt idx="598">
                  <c:v>122.56699999999999</c:v>
                </c:pt>
                <c:pt idx="599">
                  <c:v>122.995</c:v>
                </c:pt>
                <c:pt idx="600">
                  <c:v>123.163</c:v>
                </c:pt>
                <c:pt idx="601">
                  <c:v>123.328</c:v>
                </c:pt>
                <c:pt idx="602">
                  <c:v>123.535</c:v>
                </c:pt>
                <c:pt idx="603">
                  <c:v>123.73099999999999</c:v>
                </c:pt>
                <c:pt idx="604">
                  <c:v>124.36</c:v>
                </c:pt>
                <c:pt idx="605">
                  <c:v>124.42400000000001</c:v>
                </c:pt>
                <c:pt idx="606">
                  <c:v>124.515</c:v>
                </c:pt>
                <c:pt idx="607">
                  <c:v>124.821</c:v>
                </c:pt>
                <c:pt idx="608">
                  <c:v>124.93</c:v>
                </c:pt>
                <c:pt idx="609">
                  <c:v>125.35599999999999</c:v>
                </c:pt>
                <c:pt idx="610">
                  <c:v>125.505</c:v>
                </c:pt>
                <c:pt idx="611">
                  <c:v>125.569</c:v>
                </c:pt>
                <c:pt idx="612">
                  <c:v>125.694</c:v>
                </c:pt>
                <c:pt idx="613">
                  <c:v>126.133</c:v>
                </c:pt>
                <c:pt idx="614">
                  <c:v>126.41200000000001</c:v>
                </c:pt>
                <c:pt idx="615">
                  <c:v>126.944</c:v>
                </c:pt>
                <c:pt idx="616">
                  <c:v>127.322</c:v>
                </c:pt>
                <c:pt idx="617">
                  <c:v>127.538</c:v>
                </c:pt>
                <c:pt idx="618">
                  <c:v>127.83499999999999</c:v>
                </c:pt>
                <c:pt idx="619">
                  <c:v>127.798</c:v>
                </c:pt>
                <c:pt idx="620">
                  <c:v>127.944</c:v>
                </c:pt>
                <c:pt idx="621">
                  <c:v>128.18100000000001</c:v>
                </c:pt>
                <c:pt idx="622">
                  <c:v>128.452</c:v>
                </c:pt>
                <c:pt idx="623">
                  <c:v>128.64500000000001</c:v>
                </c:pt>
                <c:pt idx="624">
                  <c:v>128.82300000000001</c:v>
                </c:pt>
                <c:pt idx="625">
                  <c:v>128.989</c:v>
                </c:pt>
                <c:pt idx="626">
                  <c:v>129.27500000000001</c:v>
                </c:pt>
                <c:pt idx="627">
                  <c:v>129.47</c:v>
                </c:pt>
                <c:pt idx="628">
                  <c:v>130.048</c:v>
                </c:pt>
                <c:pt idx="629">
                  <c:v>130.34</c:v>
                </c:pt>
                <c:pt idx="630">
                  <c:v>130.68</c:v>
                </c:pt>
                <c:pt idx="631">
                  <c:v>130.708</c:v>
                </c:pt>
                <c:pt idx="632">
                  <c:v>130.86199999999999</c:v>
                </c:pt>
                <c:pt idx="633">
                  <c:v>131.017</c:v>
                </c:pt>
                <c:pt idx="634">
                  <c:v>131.27600000000001</c:v>
                </c:pt>
                <c:pt idx="635">
                  <c:v>131.44499999999999</c:v>
                </c:pt>
                <c:pt idx="636">
                  <c:v>131.59</c:v>
                </c:pt>
                <c:pt idx="637">
                  <c:v>131.78299999999999</c:v>
                </c:pt>
                <c:pt idx="638">
                  <c:v>132.49600000000001</c:v>
                </c:pt>
                <c:pt idx="639">
                  <c:v>132.422</c:v>
                </c:pt>
                <c:pt idx="640">
                  <c:v>132.559</c:v>
                </c:pt>
                <c:pt idx="641">
                  <c:v>132.70500000000001</c:v>
                </c:pt>
                <c:pt idx="642">
                  <c:v>133.00899999999999</c:v>
                </c:pt>
                <c:pt idx="643">
                  <c:v>133.30099999999999</c:v>
                </c:pt>
                <c:pt idx="644">
                  <c:v>133.964</c:v>
                </c:pt>
                <c:pt idx="645">
                  <c:v>134.035</c:v>
                </c:pt>
                <c:pt idx="646">
                  <c:v>134.119</c:v>
                </c:pt>
                <c:pt idx="647">
                  <c:v>134.39500000000001</c:v>
                </c:pt>
                <c:pt idx="648">
                  <c:v>134.62</c:v>
                </c:pt>
                <c:pt idx="649">
                  <c:v>135.483</c:v>
                </c:pt>
                <c:pt idx="650">
                  <c:v>135.88800000000001</c:v>
                </c:pt>
                <c:pt idx="651">
                  <c:v>135.72399999999999</c:v>
                </c:pt>
                <c:pt idx="652">
                  <c:v>135.94399999999999</c:v>
                </c:pt>
                <c:pt idx="653">
                  <c:v>136.102</c:v>
                </c:pt>
                <c:pt idx="654">
                  <c:v>136.27600000000001</c:v>
                </c:pt>
                <c:pt idx="655">
                  <c:v>136.60499999999999</c:v>
                </c:pt>
                <c:pt idx="656">
                  <c:v>136.97300000000001</c:v>
                </c:pt>
                <c:pt idx="657">
                  <c:v>137.01599999999999</c:v>
                </c:pt>
                <c:pt idx="658">
                  <c:v>137.28800000000001</c:v>
                </c:pt>
                <c:pt idx="659">
                  <c:v>137.595</c:v>
                </c:pt>
                <c:pt idx="660">
                  <c:v>137.97399999999999</c:v>
                </c:pt>
                <c:pt idx="661">
                  <c:v>138.26599999999999</c:v>
                </c:pt>
                <c:pt idx="662">
                  <c:v>138.56800000000001</c:v>
                </c:pt>
                <c:pt idx="663">
                  <c:v>138.893</c:v>
                </c:pt>
                <c:pt idx="664">
                  <c:v>139.22999999999999</c:v>
                </c:pt>
                <c:pt idx="665">
                  <c:v>139.52099999999999</c:v>
                </c:pt>
                <c:pt idx="666">
                  <c:v>139.70099999999999</c:v>
                </c:pt>
                <c:pt idx="667">
                  <c:v>139.70099999999999</c:v>
                </c:pt>
                <c:pt idx="668">
                  <c:v>139.96799999999999</c:v>
                </c:pt>
                <c:pt idx="669">
                  <c:v>140.27799999999999</c:v>
                </c:pt>
                <c:pt idx="670">
                  <c:v>140.77199999999999</c:v>
                </c:pt>
                <c:pt idx="671">
                  <c:v>140.90600000000001</c:v>
                </c:pt>
                <c:pt idx="672">
                  <c:v>141.316</c:v>
                </c:pt>
                <c:pt idx="673">
                  <c:v>141.69999999999999</c:v>
                </c:pt>
                <c:pt idx="674">
                  <c:v>142.06299999999999</c:v>
                </c:pt>
                <c:pt idx="675">
                  <c:v>142.13800000000001</c:v>
                </c:pt>
                <c:pt idx="676">
                  <c:v>142.55699999999999</c:v>
                </c:pt>
                <c:pt idx="677">
                  <c:v>142.76900000000001</c:v>
                </c:pt>
                <c:pt idx="678">
                  <c:v>142.959</c:v>
                </c:pt>
                <c:pt idx="679">
                  <c:v>143.20500000000001</c:v>
                </c:pt>
                <c:pt idx="680">
                  <c:v>143.345</c:v>
                </c:pt>
                <c:pt idx="681">
                  <c:v>143.667</c:v>
                </c:pt>
                <c:pt idx="682">
                  <c:v>144.31899999999999</c:v>
                </c:pt>
                <c:pt idx="683">
                  <c:v>144.63499999999999</c:v>
                </c:pt>
                <c:pt idx="684">
                  <c:v>144.74100000000001</c:v>
                </c:pt>
                <c:pt idx="685">
                  <c:v>144.869</c:v>
                </c:pt>
                <c:pt idx="686">
                  <c:v>145.084</c:v>
                </c:pt>
                <c:pt idx="687">
                  <c:v>145.53100000000001</c:v>
                </c:pt>
                <c:pt idx="688">
                  <c:v>146.018</c:v>
                </c:pt>
                <c:pt idx="689">
                  <c:v>146.13999999999999</c:v>
                </c:pt>
                <c:pt idx="690">
                  <c:v>146.23400000000001</c:v>
                </c:pt>
                <c:pt idx="691">
                  <c:v>146.721</c:v>
                </c:pt>
                <c:pt idx="692">
                  <c:v>146.983</c:v>
                </c:pt>
                <c:pt idx="693">
                  <c:v>147.14400000000001</c:v>
                </c:pt>
                <c:pt idx="694">
                  <c:v>147.518</c:v>
                </c:pt>
                <c:pt idx="695">
                  <c:v>147.69999999999999</c:v>
                </c:pt>
                <c:pt idx="696">
                  <c:v>148.13200000000001</c:v>
                </c:pt>
                <c:pt idx="697">
                  <c:v>148.53299999999999</c:v>
                </c:pt>
                <c:pt idx="698">
                  <c:v>148.839</c:v>
                </c:pt>
                <c:pt idx="699">
                  <c:v>149.084</c:v>
                </c:pt>
                <c:pt idx="700">
                  <c:v>149.30699999999999</c:v>
                </c:pt>
                <c:pt idx="701">
                  <c:v>149.55199999999999</c:v>
                </c:pt>
                <c:pt idx="702">
                  <c:v>149.738</c:v>
                </c:pt>
                <c:pt idx="703">
                  <c:v>149.94</c:v>
                </c:pt>
                <c:pt idx="704">
                  <c:v>150.09200000000001</c:v>
                </c:pt>
                <c:pt idx="705">
                  <c:v>150.56</c:v>
                </c:pt>
                <c:pt idx="706">
                  <c:v>150.94399999999999</c:v>
                </c:pt>
                <c:pt idx="707">
                  <c:v>151.203</c:v>
                </c:pt>
                <c:pt idx="708">
                  <c:v>151.71</c:v>
                </c:pt>
                <c:pt idx="709">
                  <c:v>151.85599999999999</c:v>
                </c:pt>
                <c:pt idx="710">
                  <c:v>152.13800000000001</c:v>
                </c:pt>
                <c:pt idx="711">
                  <c:v>152.38900000000001</c:v>
                </c:pt>
                <c:pt idx="712">
                  <c:v>152.53100000000001</c:v>
                </c:pt>
                <c:pt idx="713">
                  <c:v>152.93199999999999</c:v>
                </c:pt>
                <c:pt idx="714">
                  <c:v>153.095</c:v>
                </c:pt>
                <c:pt idx="715">
                  <c:v>153.35499999999999</c:v>
                </c:pt>
                <c:pt idx="716">
                  <c:v>153.93199999999999</c:v>
                </c:pt>
                <c:pt idx="717">
                  <c:v>154.13</c:v>
                </c:pt>
                <c:pt idx="718">
                  <c:v>154.458</c:v>
                </c:pt>
                <c:pt idx="719">
                  <c:v>154.80000000000001</c:v>
                </c:pt>
                <c:pt idx="720">
                  <c:v>154.989</c:v>
                </c:pt>
                <c:pt idx="721">
                  <c:v>155.34299999999999</c:v>
                </c:pt>
                <c:pt idx="722">
                  <c:v>155.631</c:v>
                </c:pt>
                <c:pt idx="723">
                  <c:v>155.946</c:v>
                </c:pt>
                <c:pt idx="724">
                  <c:v>156.167</c:v>
                </c:pt>
                <c:pt idx="725">
                  <c:v>156.83600000000001</c:v>
                </c:pt>
                <c:pt idx="726">
                  <c:v>157.488</c:v>
                </c:pt>
                <c:pt idx="727">
                  <c:v>157.35</c:v>
                </c:pt>
                <c:pt idx="728">
                  <c:v>157.62799999999999</c:v>
                </c:pt>
                <c:pt idx="729">
                  <c:v>157.91200000000001</c:v>
                </c:pt>
                <c:pt idx="730">
                  <c:v>158.23699999999999</c:v>
                </c:pt>
                <c:pt idx="731">
                  <c:v>158.78899999999999</c:v>
                </c:pt>
                <c:pt idx="732">
                  <c:v>159.53700000000001</c:v>
                </c:pt>
                <c:pt idx="733">
                  <c:v>160.143</c:v>
                </c:pt>
                <c:pt idx="734">
                  <c:v>159.97900000000001</c:v>
                </c:pt>
                <c:pt idx="735">
                  <c:v>159.90100000000001</c:v>
                </c:pt>
                <c:pt idx="736">
                  <c:v>160.154</c:v>
                </c:pt>
                <c:pt idx="737">
                  <c:v>160.184</c:v>
                </c:pt>
                <c:pt idx="738">
                  <c:v>160.358</c:v>
                </c:pt>
                <c:pt idx="739">
                  <c:v>160.62700000000001</c:v>
                </c:pt>
                <c:pt idx="740">
                  <c:v>161.05600000000001</c:v>
                </c:pt>
                <c:pt idx="741">
                  <c:v>161.33099999999999</c:v>
                </c:pt>
                <c:pt idx="742">
                  <c:v>161.65799999999999</c:v>
                </c:pt>
                <c:pt idx="743">
                  <c:v>161.82499999999999</c:v>
                </c:pt>
                <c:pt idx="744">
                  <c:v>162.11000000000001</c:v>
                </c:pt>
                <c:pt idx="745">
                  <c:v>162.46799999999999</c:v>
                </c:pt>
                <c:pt idx="746">
                  <c:v>162.81299999999999</c:v>
                </c:pt>
                <c:pt idx="747">
                  <c:v>163.07900000000001</c:v>
                </c:pt>
                <c:pt idx="748">
                  <c:v>163.51400000000001</c:v>
                </c:pt>
                <c:pt idx="749">
                  <c:v>163.899</c:v>
                </c:pt>
                <c:pt idx="750">
                  <c:v>164.12100000000001</c:v>
                </c:pt>
                <c:pt idx="751">
                  <c:v>164.249</c:v>
                </c:pt>
                <c:pt idx="752">
                  <c:v>164.80699999999999</c:v>
                </c:pt>
                <c:pt idx="753">
                  <c:v>165.02199999999999</c:v>
                </c:pt>
                <c:pt idx="754">
                  <c:v>165.267</c:v>
                </c:pt>
                <c:pt idx="755">
                  <c:v>165.65799999999999</c:v>
                </c:pt>
                <c:pt idx="756">
                  <c:v>165.82400000000001</c:v>
                </c:pt>
                <c:pt idx="757">
                  <c:v>166.03100000000001</c:v>
                </c:pt>
                <c:pt idx="758">
                  <c:v>166.23</c:v>
                </c:pt>
                <c:pt idx="759">
                  <c:v>166.53399999999999</c:v>
                </c:pt>
                <c:pt idx="760">
                  <c:v>166.739</c:v>
                </c:pt>
                <c:pt idx="761">
                  <c:v>167.05699999999999</c:v>
                </c:pt>
                <c:pt idx="762">
                  <c:v>167.411</c:v>
                </c:pt>
                <c:pt idx="763">
                  <c:v>167.82</c:v>
                </c:pt>
                <c:pt idx="764">
                  <c:v>168.09700000000001</c:v>
                </c:pt>
                <c:pt idx="765">
                  <c:v>168.309</c:v>
                </c:pt>
                <c:pt idx="766">
                  <c:v>168.739</c:v>
                </c:pt>
                <c:pt idx="767">
                  <c:v>169.05600000000001</c:v>
                </c:pt>
                <c:pt idx="768">
                  <c:v>169.709</c:v>
                </c:pt>
                <c:pt idx="769">
                  <c:v>169.803</c:v>
                </c:pt>
                <c:pt idx="770">
                  <c:v>170.07599999999999</c:v>
                </c:pt>
                <c:pt idx="771">
                  <c:v>170.22499999999999</c:v>
                </c:pt>
                <c:pt idx="772">
                  <c:v>170.56</c:v>
                </c:pt>
                <c:pt idx="773">
                  <c:v>170.97900000000001</c:v>
                </c:pt>
                <c:pt idx="774">
                  <c:v>171.27799999999999</c:v>
                </c:pt>
                <c:pt idx="775">
                  <c:v>171.773</c:v>
                </c:pt>
                <c:pt idx="776">
                  <c:v>172.16200000000001</c:v>
                </c:pt>
                <c:pt idx="777">
                  <c:v>172.22200000000001</c:v>
                </c:pt>
                <c:pt idx="778">
                  <c:v>172.75</c:v>
                </c:pt>
                <c:pt idx="779">
                  <c:v>173.095</c:v>
                </c:pt>
                <c:pt idx="780">
                  <c:v>173.59800000000001</c:v>
                </c:pt>
                <c:pt idx="781">
                  <c:v>173.892</c:v>
                </c:pt>
                <c:pt idx="782">
                  <c:v>174.22200000000001</c:v>
                </c:pt>
                <c:pt idx="783">
                  <c:v>174.68199999999999</c:v>
                </c:pt>
                <c:pt idx="784">
                  <c:v>174.815</c:v>
                </c:pt>
                <c:pt idx="785">
                  <c:v>175.095</c:v>
                </c:pt>
                <c:pt idx="786">
                  <c:v>175.45</c:v>
                </c:pt>
                <c:pt idx="787">
                  <c:v>175.792</c:v>
                </c:pt>
                <c:pt idx="788">
                  <c:v>175.953</c:v>
                </c:pt>
                <c:pt idx="789">
                  <c:v>176.19</c:v>
                </c:pt>
                <c:pt idx="790">
                  <c:v>176.32900000000001</c:v>
                </c:pt>
                <c:pt idx="791">
                  <c:v>176.61099999999999</c:v>
                </c:pt>
                <c:pt idx="792">
                  <c:v>176.97399999999999</c:v>
                </c:pt>
                <c:pt idx="793">
                  <c:v>177.21100000000001</c:v>
                </c:pt>
                <c:pt idx="794">
                  <c:v>177.715</c:v>
                </c:pt>
                <c:pt idx="795">
                  <c:v>178.03800000000001</c:v>
                </c:pt>
                <c:pt idx="796">
                  <c:v>178.15700000000001</c:v>
                </c:pt>
                <c:pt idx="797">
                  <c:v>178.53800000000001</c:v>
                </c:pt>
                <c:pt idx="798">
                  <c:v>178.68700000000001</c:v>
                </c:pt>
                <c:pt idx="799">
                  <c:v>179.101</c:v>
                </c:pt>
                <c:pt idx="800">
                  <c:v>179.42400000000001</c:v>
                </c:pt>
                <c:pt idx="801">
                  <c:v>179.83</c:v>
                </c:pt>
                <c:pt idx="802">
                  <c:v>180.15299999999999</c:v>
                </c:pt>
                <c:pt idx="803">
                  <c:v>180.459</c:v>
                </c:pt>
                <c:pt idx="804">
                  <c:v>180.96199999999999</c:v>
                </c:pt>
                <c:pt idx="805">
                  <c:v>181.084</c:v>
                </c:pt>
                <c:pt idx="806">
                  <c:v>181.322</c:v>
                </c:pt>
                <c:pt idx="807">
                  <c:v>181.51400000000001</c:v>
                </c:pt>
                <c:pt idx="808">
                  <c:v>181.75700000000001</c:v>
                </c:pt>
                <c:pt idx="809">
                  <c:v>182.14</c:v>
                </c:pt>
                <c:pt idx="810">
                  <c:v>182.589</c:v>
                </c:pt>
                <c:pt idx="811">
                  <c:v>182.733</c:v>
                </c:pt>
                <c:pt idx="812">
                  <c:v>182.96700000000001</c:v>
                </c:pt>
                <c:pt idx="813">
                  <c:v>183.434</c:v>
                </c:pt>
                <c:pt idx="814">
                  <c:v>183.952</c:v>
                </c:pt>
                <c:pt idx="815">
                  <c:v>184.73400000000001</c:v>
                </c:pt>
                <c:pt idx="816">
                  <c:v>184.803</c:v>
                </c:pt>
                <c:pt idx="817">
                  <c:v>184.65799999999999</c:v>
                </c:pt>
                <c:pt idx="818">
                  <c:v>184.745</c:v>
                </c:pt>
                <c:pt idx="819">
                  <c:v>184.803</c:v>
                </c:pt>
                <c:pt idx="820">
                  <c:v>185.30500000000001</c:v>
                </c:pt>
                <c:pt idx="821">
                  <c:v>185.51</c:v>
                </c:pt>
                <c:pt idx="822">
                  <c:v>185.85900000000001</c:v>
                </c:pt>
                <c:pt idx="823">
                  <c:v>186.23699999999999</c:v>
                </c:pt>
                <c:pt idx="824">
                  <c:v>186.40799999999999</c:v>
                </c:pt>
                <c:pt idx="825">
                  <c:v>186.673</c:v>
                </c:pt>
                <c:pt idx="826">
                  <c:v>187.096</c:v>
                </c:pt>
                <c:pt idx="827">
                  <c:v>187.386</c:v>
                </c:pt>
                <c:pt idx="828">
                  <c:v>187.66200000000001</c:v>
                </c:pt>
                <c:pt idx="829">
                  <c:v>187.86199999999999</c:v>
                </c:pt>
                <c:pt idx="830">
                  <c:v>188.21799999999999</c:v>
                </c:pt>
                <c:pt idx="831">
                  <c:v>188.69800000000001</c:v>
                </c:pt>
                <c:pt idx="832">
                  <c:v>189.036</c:v>
                </c:pt>
                <c:pt idx="833">
                  <c:v>189.416</c:v>
                </c:pt>
                <c:pt idx="834">
                  <c:v>189.56399999999999</c:v>
                </c:pt>
                <c:pt idx="835">
                  <c:v>189.93</c:v>
                </c:pt>
                <c:pt idx="836">
                  <c:v>190.071</c:v>
                </c:pt>
                <c:pt idx="837">
                  <c:v>190.17500000000001</c:v>
                </c:pt>
                <c:pt idx="838">
                  <c:v>190.54400000000001</c:v>
                </c:pt>
                <c:pt idx="839">
                  <c:v>191.066</c:v>
                </c:pt>
                <c:pt idx="840">
                  <c:v>191.58199999999999</c:v>
                </c:pt>
                <c:pt idx="841">
                  <c:v>191.934</c:v>
                </c:pt>
                <c:pt idx="842">
                  <c:v>192.03800000000001</c:v>
                </c:pt>
                <c:pt idx="843">
                  <c:v>192.435</c:v>
                </c:pt>
                <c:pt idx="844">
                  <c:v>192.72900000000001</c:v>
                </c:pt>
                <c:pt idx="845">
                  <c:v>193.10499999999999</c:v>
                </c:pt>
                <c:pt idx="846">
                  <c:v>193.483</c:v>
                </c:pt>
                <c:pt idx="847">
                  <c:v>193.61699999999999</c:v>
                </c:pt>
                <c:pt idx="848">
                  <c:v>194.04599999999999</c:v>
                </c:pt>
                <c:pt idx="849">
                  <c:v>194.339</c:v>
                </c:pt>
                <c:pt idx="850">
                  <c:v>194.79900000000001</c:v>
                </c:pt>
                <c:pt idx="851">
                  <c:v>195.05799999999999</c:v>
                </c:pt>
                <c:pt idx="852">
                  <c:v>195.43700000000001</c:v>
                </c:pt>
                <c:pt idx="853">
                  <c:v>195.727</c:v>
                </c:pt>
                <c:pt idx="854">
                  <c:v>196.024</c:v>
                </c:pt>
                <c:pt idx="855">
                  <c:v>196.33699999999999</c:v>
                </c:pt>
                <c:pt idx="856">
                  <c:v>196.709</c:v>
                </c:pt>
                <c:pt idx="857">
                  <c:v>196.875</c:v>
                </c:pt>
                <c:pt idx="858">
                  <c:v>197.06700000000001</c:v>
                </c:pt>
                <c:pt idx="859">
                  <c:v>197.542</c:v>
                </c:pt>
                <c:pt idx="860">
                  <c:v>197.75399999999999</c:v>
                </c:pt>
                <c:pt idx="861">
                  <c:v>198.11699999999999</c:v>
                </c:pt>
                <c:pt idx="862">
                  <c:v>198.40600000000001</c:v>
                </c:pt>
                <c:pt idx="863">
                  <c:v>198.84399999999999</c:v>
                </c:pt>
                <c:pt idx="864">
                  <c:v>199.14</c:v>
                </c:pt>
                <c:pt idx="865">
                  <c:v>199.63300000000001</c:v>
                </c:pt>
                <c:pt idx="866">
                  <c:v>200.06700000000001</c:v>
                </c:pt>
                <c:pt idx="867">
                  <c:v>200.17699999999999</c:v>
                </c:pt>
                <c:pt idx="868">
                  <c:v>200.34700000000001</c:v>
                </c:pt>
                <c:pt idx="869">
                  <c:v>200.803</c:v>
                </c:pt>
                <c:pt idx="870">
                  <c:v>201.24700000000001</c:v>
                </c:pt>
                <c:pt idx="871">
                  <c:v>201.44</c:v>
                </c:pt>
                <c:pt idx="872">
                  <c:v>201.714</c:v>
                </c:pt>
                <c:pt idx="873">
                  <c:v>201.9</c:v>
                </c:pt>
                <c:pt idx="874">
                  <c:v>201.93</c:v>
                </c:pt>
                <c:pt idx="875">
                  <c:v>202.1</c:v>
                </c:pt>
                <c:pt idx="876">
                  <c:v>202.352</c:v>
                </c:pt>
                <c:pt idx="877">
                  <c:v>202.51499999999999</c:v>
                </c:pt>
                <c:pt idx="878">
                  <c:v>203.00200000000001</c:v>
                </c:pt>
                <c:pt idx="879">
                  <c:v>203.37799999999999</c:v>
                </c:pt>
                <c:pt idx="880">
                  <c:v>203.68299999999999</c:v>
                </c:pt>
                <c:pt idx="881">
                  <c:v>203.822</c:v>
                </c:pt>
                <c:pt idx="882">
                  <c:v>204.09399999999999</c:v>
                </c:pt>
                <c:pt idx="883">
                  <c:v>204.38499999999999</c:v>
                </c:pt>
                <c:pt idx="884">
                  <c:v>204.739</c:v>
                </c:pt>
                <c:pt idx="885">
                  <c:v>205.04499999999999</c:v>
                </c:pt>
                <c:pt idx="886">
                  <c:v>205.209</c:v>
                </c:pt>
                <c:pt idx="887">
                  <c:v>205.41499999999999</c:v>
                </c:pt>
                <c:pt idx="888">
                  <c:v>205.71600000000001</c:v>
                </c:pt>
                <c:pt idx="889">
                  <c:v>206.06</c:v>
                </c:pt>
                <c:pt idx="890">
                  <c:v>206.285</c:v>
                </c:pt>
                <c:pt idx="891">
                  <c:v>206.56700000000001</c:v>
                </c:pt>
                <c:pt idx="892">
                  <c:v>206.82300000000001</c:v>
                </c:pt>
                <c:pt idx="893">
                  <c:v>207.048</c:v>
                </c:pt>
                <c:pt idx="894">
                  <c:v>207.297</c:v>
                </c:pt>
                <c:pt idx="895">
                  <c:v>207.62299999999999</c:v>
                </c:pt>
                <c:pt idx="896">
                  <c:v>207.81700000000001</c:v>
                </c:pt>
                <c:pt idx="897">
                  <c:v>208.36500000000001</c:v>
                </c:pt>
                <c:pt idx="898">
                  <c:v>208.95599999999999</c:v>
                </c:pt>
                <c:pt idx="899">
                  <c:v>209.12799999999999</c:v>
                </c:pt>
                <c:pt idx="900">
                  <c:v>209.18100000000001</c:v>
                </c:pt>
                <c:pt idx="901">
                  <c:v>209.18899999999999</c:v>
                </c:pt>
                <c:pt idx="902">
                  <c:v>209.49799999999999</c:v>
                </c:pt>
                <c:pt idx="903">
                  <c:v>209.631</c:v>
                </c:pt>
                <c:pt idx="904">
                  <c:v>210.023</c:v>
                </c:pt>
                <c:pt idx="905">
                  <c:v>210.41900000000001</c:v>
                </c:pt>
                <c:pt idx="906">
                  <c:v>210.79400000000001</c:v>
                </c:pt>
                <c:pt idx="907">
                  <c:v>210.809</c:v>
                </c:pt>
                <c:pt idx="908">
                  <c:v>210.96799999999999</c:v>
                </c:pt>
                <c:pt idx="909">
                  <c:v>211.17500000000001</c:v>
                </c:pt>
                <c:pt idx="910">
                  <c:v>211.43700000000001</c:v>
                </c:pt>
                <c:pt idx="911">
                  <c:v>211.54300000000001</c:v>
                </c:pt>
                <c:pt idx="912">
                  <c:v>211.87799999999999</c:v>
                </c:pt>
                <c:pt idx="913">
                  <c:v>212.256</c:v>
                </c:pt>
                <c:pt idx="914">
                  <c:v>212.471</c:v>
                </c:pt>
                <c:pt idx="915">
                  <c:v>212.82900000000001</c:v>
                </c:pt>
                <c:pt idx="916">
                  <c:v>213.191</c:v>
                </c:pt>
                <c:pt idx="917">
                  <c:v>213.64400000000001</c:v>
                </c:pt>
                <c:pt idx="918">
                  <c:v>214.148</c:v>
                </c:pt>
                <c:pt idx="919">
                  <c:v>214.18799999999999</c:v>
                </c:pt>
                <c:pt idx="920">
                  <c:v>214.56200000000001</c:v>
                </c:pt>
                <c:pt idx="921">
                  <c:v>214.755</c:v>
                </c:pt>
                <c:pt idx="922">
                  <c:v>215.05099999999999</c:v>
                </c:pt>
                <c:pt idx="923">
                  <c:v>215.29900000000001</c:v>
                </c:pt>
                <c:pt idx="924">
                  <c:v>215.75399999999999</c:v>
                </c:pt>
                <c:pt idx="925">
                  <c:v>216.03200000000001</c:v>
                </c:pt>
                <c:pt idx="926">
                  <c:v>216.33</c:v>
                </c:pt>
                <c:pt idx="927">
                  <c:v>216.78899999999999</c:v>
                </c:pt>
                <c:pt idx="928">
                  <c:v>216.94900000000001</c:v>
                </c:pt>
                <c:pt idx="929">
                  <c:v>217.41399999999999</c:v>
                </c:pt>
                <c:pt idx="930">
                  <c:v>217.84100000000001</c:v>
                </c:pt>
                <c:pt idx="931">
                  <c:v>217.83099999999999</c:v>
                </c:pt>
                <c:pt idx="932">
                  <c:v>218.10599999999999</c:v>
                </c:pt>
                <c:pt idx="933">
                  <c:v>218.34</c:v>
                </c:pt>
                <c:pt idx="934">
                  <c:v>218.49199999999999</c:v>
                </c:pt>
                <c:pt idx="935">
                  <c:v>219.02699999999999</c:v>
                </c:pt>
                <c:pt idx="936">
                  <c:v>219.376</c:v>
                </c:pt>
                <c:pt idx="937">
                  <c:v>219.48</c:v>
                </c:pt>
                <c:pt idx="938">
                  <c:v>219.66300000000001</c:v>
                </c:pt>
                <c:pt idx="939">
                  <c:v>219.94499999999999</c:v>
                </c:pt>
                <c:pt idx="940">
                  <c:v>220.268</c:v>
                </c:pt>
                <c:pt idx="941">
                  <c:v>220.75399999999999</c:v>
                </c:pt>
                <c:pt idx="942">
                  <c:v>221.24299999999999</c:v>
                </c:pt>
                <c:pt idx="943">
                  <c:v>221.346</c:v>
                </c:pt>
                <c:pt idx="944">
                  <c:v>221.863</c:v>
                </c:pt>
                <c:pt idx="945">
                  <c:v>221.87100000000001</c:v>
                </c:pt>
                <c:pt idx="946">
                  <c:v>221.96899999999999</c:v>
                </c:pt>
                <c:pt idx="947">
                  <c:v>222.422</c:v>
                </c:pt>
                <c:pt idx="948">
                  <c:v>222.6</c:v>
                </c:pt>
                <c:pt idx="949">
                  <c:v>222.63300000000001</c:v>
                </c:pt>
                <c:pt idx="950">
                  <c:v>222.94900000000001</c:v>
                </c:pt>
                <c:pt idx="951">
                  <c:v>223.21899999999999</c:v>
                </c:pt>
                <c:pt idx="952">
                  <c:v>223.56</c:v>
                </c:pt>
                <c:pt idx="953">
                  <c:v>223.75</c:v>
                </c:pt>
                <c:pt idx="954">
                  <c:v>224.00800000000001</c:v>
                </c:pt>
                <c:pt idx="955">
                  <c:v>224.21899999999999</c:v>
                </c:pt>
                <c:pt idx="956">
                  <c:v>224.66900000000001</c:v>
                </c:pt>
                <c:pt idx="957">
                  <c:v>224.923</c:v>
                </c:pt>
                <c:pt idx="958">
                  <c:v>225.339</c:v>
                </c:pt>
                <c:pt idx="959">
                  <c:v>225.48099999999999</c:v>
                </c:pt>
                <c:pt idx="960">
                  <c:v>225.63800000000001</c:v>
                </c:pt>
                <c:pt idx="961">
                  <c:v>225.84100000000001</c:v>
                </c:pt>
                <c:pt idx="962">
                  <c:v>226.07300000000001</c:v>
                </c:pt>
                <c:pt idx="963">
                  <c:v>226.40199999999999</c:v>
                </c:pt>
                <c:pt idx="964">
                  <c:v>226.77</c:v>
                </c:pt>
                <c:pt idx="965">
                  <c:v>227.26599999999999</c:v>
                </c:pt>
                <c:pt idx="966">
                  <c:v>227.43100000000001</c:v>
                </c:pt>
                <c:pt idx="967">
                  <c:v>227.68100000000001</c:v>
                </c:pt>
                <c:pt idx="968">
                  <c:v>227.91399999999999</c:v>
                </c:pt>
                <c:pt idx="969">
                  <c:v>228.13800000000001</c:v>
                </c:pt>
                <c:pt idx="970">
                  <c:v>228.41900000000001</c:v>
                </c:pt>
                <c:pt idx="971">
                  <c:v>228.797</c:v>
                </c:pt>
                <c:pt idx="972">
                  <c:v>229.08199999999999</c:v>
                </c:pt>
                <c:pt idx="973">
                  <c:v>229.37</c:v>
                </c:pt>
                <c:pt idx="974">
                  <c:v>229.477</c:v>
                </c:pt>
                <c:pt idx="975">
                  <c:v>229.83</c:v>
                </c:pt>
                <c:pt idx="976">
                  <c:v>230.20599999999999</c:v>
                </c:pt>
                <c:pt idx="977">
                  <c:v>230.471</c:v>
                </c:pt>
                <c:pt idx="978">
                  <c:v>230.822</c:v>
                </c:pt>
                <c:pt idx="979">
                  <c:v>231.17400000000001</c:v>
                </c:pt>
                <c:pt idx="980">
                  <c:v>231.79</c:v>
                </c:pt>
                <c:pt idx="981">
                  <c:v>232.239</c:v>
                </c:pt>
                <c:pt idx="982">
                  <c:v>232.25800000000001</c:v>
                </c:pt>
                <c:pt idx="983">
                  <c:v>232.17</c:v>
                </c:pt>
                <c:pt idx="984">
                  <c:v>232.24</c:v>
                </c:pt>
                <c:pt idx="985">
                  <c:v>232.34200000000001</c:v>
                </c:pt>
                <c:pt idx="986">
                  <c:v>232.67099999999999</c:v>
                </c:pt>
                <c:pt idx="987">
                  <c:v>232.93899999999999</c:v>
                </c:pt>
                <c:pt idx="988">
                  <c:v>233.274</c:v>
                </c:pt>
                <c:pt idx="989">
                  <c:v>233.66399999999999</c:v>
                </c:pt>
                <c:pt idx="990">
                  <c:v>233.834</c:v>
                </c:pt>
                <c:pt idx="991">
                  <c:v>234.066</c:v>
                </c:pt>
                <c:pt idx="992">
                  <c:v>234.58799999999999</c:v>
                </c:pt>
                <c:pt idx="993">
                  <c:v>234.922</c:v>
                </c:pt>
                <c:pt idx="994">
                  <c:v>235.06299999999999</c:v>
                </c:pt>
                <c:pt idx="995">
                  <c:v>235.24</c:v>
                </c:pt>
                <c:pt idx="996">
                  <c:v>235.50899999999999</c:v>
                </c:pt>
                <c:pt idx="997">
                  <c:v>235.73599999999999</c:v>
                </c:pt>
                <c:pt idx="998">
                  <c:v>236.286</c:v>
                </c:pt>
                <c:pt idx="999">
                  <c:v>236.66900000000001</c:v>
                </c:pt>
                <c:pt idx="1000">
                  <c:v>236.86799999999999</c:v>
                </c:pt>
                <c:pt idx="1001">
                  <c:v>237.142</c:v>
                </c:pt>
                <c:pt idx="1002">
                  <c:v>237.42599999999999</c:v>
                </c:pt>
                <c:pt idx="1003">
                  <c:v>237.56100000000001</c:v>
                </c:pt>
                <c:pt idx="1004">
                  <c:v>237.756</c:v>
                </c:pt>
                <c:pt idx="1005">
                  <c:v>237.94399999999999</c:v>
                </c:pt>
                <c:pt idx="1006">
                  <c:v>238.291</c:v>
                </c:pt>
                <c:pt idx="1007">
                  <c:v>238.85400000000001</c:v>
                </c:pt>
                <c:pt idx="1008">
                  <c:v>239.19399999999999</c:v>
                </c:pt>
                <c:pt idx="1009">
                  <c:v>239.393</c:v>
                </c:pt>
                <c:pt idx="1010">
                  <c:v>239.77199999999999</c:v>
                </c:pt>
                <c:pt idx="1011">
                  <c:v>240.238</c:v>
                </c:pt>
                <c:pt idx="1012">
                  <c:v>240.58099999999999</c:v>
                </c:pt>
                <c:pt idx="1013">
                  <c:v>240.63399999999999</c:v>
                </c:pt>
                <c:pt idx="1014">
                  <c:v>240.75</c:v>
                </c:pt>
                <c:pt idx="1015">
                  <c:v>241.18100000000001</c:v>
                </c:pt>
                <c:pt idx="1016">
                  <c:v>241.63800000000001</c:v>
                </c:pt>
                <c:pt idx="1017">
                  <c:v>241.904</c:v>
                </c:pt>
                <c:pt idx="1018">
                  <c:v>242.09399999999999</c:v>
                </c:pt>
                <c:pt idx="1019">
                  <c:v>242.33199999999999</c:v>
                </c:pt>
                <c:pt idx="1020">
                  <c:v>242.86600000000001</c:v>
                </c:pt>
                <c:pt idx="1021">
                  <c:v>243.107</c:v>
                </c:pt>
                <c:pt idx="1022">
                  <c:v>243.214</c:v>
                </c:pt>
                <c:pt idx="1023">
                  <c:v>243.39099999999999</c:v>
                </c:pt>
                <c:pt idx="1024">
                  <c:v>243.92599999999999</c:v>
                </c:pt>
                <c:pt idx="1025">
                  <c:v>244.048</c:v>
                </c:pt>
                <c:pt idx="1026">
                  <c:v>244.48500000000001</c:v>
                </c:pt>
                <c:pt idx="1027">
                  <c:v>244.667</c:v>
                </c:pt>
                <c:pt idx="1028">
                  <c:v>244.87100000000001</c:v>
                </c:pt>
                <c:pt idx="1029">
                  <c:v>245.06100000000001</c:v>
                </c:pt>
                <c:pt idx="1030">
                  <c:v>245.33</c:v>
                </c:pt>
                <c:pt idx="1031">
                  <c:v>245.64699999999999</c:v>
                </c:pt>
                <c:pt idx="1032">
                  <c:v>245.81100000000001</c:v>
                </c:pt>
                <c:pt idx="1033">
                  <c:v>246.26400000000001</c:v>
                </c:pt>
                <c:pt idx="1034">
                  <c:v>246.38399999999999</c:v>
                </c:pt>
                <c:pt idx="1035">
                  <c:v>246.601</c:v>
                </c:pt>
                <c:pt idx="1036">
                  <c:v>246.81399999999999</c:v>
                </c:pt>
                <c:pt idx="1037">
                  <c:v>247.24100000000001</c:v>
                </c:pt>
                <c:pt idx="1038">
                  <c:v>247.51300000000001</c:v>
                </c:pt>
                <c:pt idx="1039">
                  <c:v>247.91399999999999</c:v>
                </c:pt>
                <c:pt idx="1040">
                  <c:v>248.03800000000001</c:v>
                </c:pt>
                <c:pt idx="1041">
                  <c:v>248.339</c:v>
                </c:pt>
                <c:pt idx="1042">
                  <c:v>248.667</c:v>
                </c:pt>
                <c:pt idx="1043">
                  <c:v>249.196</c:v>
                </c:pt>
                <c:pt idx="1044">
                  <c:v>249.53700000000001</c:v>
                </c:pt>
                <c:pt idx="1045">
                  <c:v>249.58</c:v>
                </c:pt>
                <c:pt idx="1046">
                  <c:v>249.74199999999999</c:v>
                </c:pt>
                <c:pt idx="1047">
                  <c:v>250.27199999999999</c:v>
                </c:pt>
                <c:pt idx="1048">
                  <c:v>250.57599999999999</c:v>
                </c:pt>
                <c:pt idx="1049">
                  <c:v>250.62</c:v>
                </c:pt>
                <c:pt idx="1050">
                  <c:v>251.13800000000001</c:v>
                </c:pt>
                <c:pt idx="1051">
                  <c:v>251.333</c:v>
                </c:pt>
                <c:pt idx="1052">
                  <c:v>251.37299999999999</c:v>
                </c:pt>
                <c:pt idx="1053">
                  <c:v>251.75</c:v>
                </c:pt>
                <c:pt idx="1054">
                  <c:v>252.065</c:v>
                </c:pt>
                <c:pt idx="1055">
                  <c:v>252.20599999999999</c:v>
                </c:pt>
                <c:pt idx="1056">
                  <c:v>252.31700000000001</c:v>
                </c:pt>
                <c:pt idx="1057">
                  <c:v>252.52199999999999</c:v>
                </c:pt>
                <c:pt idx="1058">
                  <c:v>252.83699999999999</c:v>
                </c:pt>
                <c:pt idx="1059">
                  <c:v>253.011</c:v>
                </c:pt>
                <c:pt idx="1060">
                  <c:v>253.40100000000001</c:v>
                </c:pt>
                <c:pt idx="1061">
                  <c:v>253.756</c:v>
                </c:pt>
                <c:pt idx="1062">
                  <c:v>254.142</c:v>
                </c:pt>
                <c:pt idx="1063">
                  <c:v>254.57900000000001</c:v>
                </c:pt>
                <c:pt idx="1064">
                  <c:v>254.97900000000001</c:v>
                </c:pt>
                <c:pt idx="1065">
                  <c:v>254.999</c:v>
                </c:pt>
                <c:pt idx="1066">
                  <c:v>255.035</c:v>
                </c:pt>
                <c:pt idx="1067">
                  <c:v>255.16399999999999</c:v>
                </c:pt>
                <c:pt idx="1068">
                  <c:v>255.55099999999999</c:v>
                </c:pt>
                <c:pt idx="1069">
                  <c:v>255.72900000000001</c:v>
                </c:pt>
                <c:pt idx="1070">
                  <c:v>256.12</c:v>
                </c:pt>
                <c:pt idx="1071">
                  <c:v>256.72800000000001</c:v>
                </c:pt>
                <c:pt idx="1072">
                  <c:v>256.91899999999998</c:v>
                </c:pt>
                <c:pt idx="1073">
                  <c:v>257.10899999999998</c:v>
                </c:pt>
                <c:pt idx="1074">
                  <c:v>257.303</c:v>
                </c:pt>
                <c:pt idx="1075">
                  <c:v>257.399</c:v>
                </c:pt>
                <c:pt idx="1076">
                  <c:v>257.68599999999998</c:v>
                </c:pt>
                <c:pt idx="1077">
                  <c:v>258.017</c:v>
                </c:pt>
                <c:pt idx="1078">
                  <c:v>258.31900000000002</c:v>
                </c:pt>
                <c:pt idx="1079">
                  <c:v>258.50299999999999</c:v>
                </c:pt>
                <c:pt idx="1080">
                  <c:v>258.95600000000002</c:v>
                </c:pt>
                <c:pt idx="1081">
                  <c:v>259.23399999999998</c:v>
                </c:pt>
                <c:pt idx="1082">
                  <c:v>259.608</c:v>
                </c:pt>
                <c:pt idx="1083">
                  <c:v>259.839</c:v>
                </c:pt>
                <c:pt idx="1084">
                  <c:v>260.16399999999999</c:v>
                </c:pt>
                <c:pt idx="1085">
                  <c:v>260.51900000000001</c:v>
                </c:pt>
                <c:pt idx="1086">
                  <c:v>260.99200000000002</c:v>
                </c:pt>
                <c:pt idx="1087">
                  <c:v>261.17099999999999</c:v>
                </c:pt>
                <c:pt idx="1088">
                  <c:v>261.44900000000001</c:v>
                </c:pt>
                <c:pt idx="1089">
                  <c:v>261.678</c:v>
                </c:pt>
                <c:pt idx="1090">
                  <c:v>262.017</c:v>
                </c:pt>
                <c:pt idx="1091">
                  <c:v>262.40600000000001</c:v>
                </c:pt>
                <c:pt idx="1092">
                  <c:v>262.892</c:v>
                </c:pt>
                <c:pt idx="1093">
                  <c:v>263.13</c:v>
                </c:pt>
                <c:pt idx="1094">
                  <c:v>263.52</c:v>
                </c:pt>
                <c:pt idx="1095">
                  <c:v>263.65300000000002</c:v>
                </c:pt>
                <c:pt idx="1096">
                  <c:v>263.87599999999998</c:v>
                </c:pt>
                <c:pt idx="1097">
                  <c:v>264.048</c:v>
                </c:pt>
                <c:pt idx="1098">
                  <c:v>264.29500000000002</c:v>
                </c:pt>
                <c:pt idx="1099">
                  <c:v>264.63900000000001</c:v>
                </c:pt>
                <c:pt idx="1100">
                  <c:v>264.89499999999998</c:v>
                </c:pt>
                <c:pt idx="1101">
                  <c:v>265.048</c:v>
                </c:pt>
                <c:pt idx="1102">
                  <c:v>265.37099999999998</c:v>
                </c:pt>
                <c:pt idx="1103">
                  <c:v>265.53500000000003</c:v>
                </c:pt>
                <c:pt idx="1104">
                  <c:v>266.08699999999999</c:v>
                </c:pt>
                <c:pt idx="1105">
                  <c:v>266.24900000000002</c:v>
                </c:pt>
                <c:pt idx="1106">
                  <c:v>266.642</c:v>
                </c:pt>
                <c:pt idx="1107">
                  <c:v>266.65499999999997</c:v>
                </c:pt>
                <c:pt idx="1108">
                  <c:v>267.11700000000002</c:v>
                </c:pt>
                <c:pt idx="1109">
                  <c:v>267.41300000000001</c:v>
                </c:pt>
                <c:pt idx="1110">
                  <c:v>267.60500000000002</c:v>
                </c:pt>
                <c:pt idx="1111">
                  <c:v>268.05</c:v>
                </c:pt>
                <c:pt idx="1112">
                  <c:v>268.42500000000001</c:v>
                </c:pt>
                <c:pt idx="1113">
                  <c:v>268.91199999999998</c:v>
                </c:pt>
                <c:pt idx="1114">
                  <c:v>268.99200000000002</c:v>
                </c:pt>
                <c:pt idx="1115">
                  <c:v>269.327</c:v>
                </c:pt>
                <c:pt idx="1116">
                  <c:v>269.48500000000001</c:v>
                </c:pt>
                <c:pt idx="1117">
                  <c:v>269.54899999999998</c:v>
                </c:pt>
                <c:pt idx="1118">
                  <c:v>269.78100000000001</c:v>
                </c:pt>
                <c:pt idx="1119">
                  <c:v>270.20800000000003</c:v>
                </c:pt>
                <c:pt idx="1120">
                  <c:v>270.39400000000001</c:v>
                </c:pt>
                <c:pt idx="1121">
                  <c:v>270.59500000000003</c:v>
                </c:pt>
                <c:pt idx="1122">
                  <c:v>270.81200000000001</c:v>
                </c:pt>
                <c:pt idx="1123">
                  <c:v>271.02199999999999</c:v>
                </c:pt>
                <c:pt idx="1124">
                  <c:v>271.28300000000002</c:v>
                </c:pt>
                <c:pt idx="1125">
                  <c:v>271.56400000000002</c:v>
                </c:pt>
                <c:pt idx="1126">
                  <c:v>271.91399999999999</c:v>
                </c:pt>
                <c:pt idx="1127">
                  <c:v>272.16399999999999</c:v>
                </c:pt>
                <c:pt idx="1128">
                  <c:v>272.56700000000001</c:v>
                </c:pt>
                <c:pt idx="1129">
                  <c:v>272.577</c:v>
                </c:pt>
                <c:pt idx="1130">
                  <c:v>272.78899999999999</c:v>
                </c:pt>
                <c:pt idx="1131">
                  <c:v>273.01799999999997</c:v>
                </c:pt>
                <c:pt idx="1132">
                  <c:v>273.41399999999999</c:v>
                </c:pt>
                <c:pt idx="1133">
                  <c:v>273.66500000000002</c:v>
                </c:pt>
                <c:pt idx="1134">
                  <c:v>274.06</c:v>
                </c:pt>
                <c:pt idx="1135">
                  <c:v>274.25599999999997</c:v>
                </c:pt>
                <c:pt idx="1136">
                  <c:v>274.45600000000002</c:v>
                </c:pt>
                <c:pt idx="1137">
                  <c:v>274.77800000000002</c:v>
                </c:pt>
                <c:pt idx="1138">
                  <c:v>275.23599999999999</c:v>
                </c:pt>
                <c:pt idx="1139">
                  <c:v>275.74</c:v>
                </c:pt>
                <c:pt idx="1140">
                  <c:v>275.85199999999998</c:v>
                </c:pt>
                <c:pt idx="1141">
                  <c:v>276.17500000000001</c:v>
                </c:pt>
                <c:pt idx="1142">
                  <c:v>276.375</c:v>
                </c:pt>
                <c:pt idx="1143">
                  <c:v>276.56599999999997</c:v>
                </c:pt>
                <c:pt idx="1144">
                  <c:v>276.83</c:v>
                </c:pt>
                <c:pt idx="1145">
                  <c:v>277.291</c:v>
                </c:pt>
                <c:pt idx="1146">
                  <c:v>277.55900000000003</c:v>
                </c:pt>
                <c:pt idx="1147">
                  <c:v>277.88</c:v>
                </c:pt>
                <c:pt idx="1148">
                  <c:v>277.79399999999998</c:v>
                </c:pt>
                <c:pt idx="1149">
                  <c:v>278.23200000000003</c:v>
                </c:pt>
                <c:pt idx="1150">
                  <c:v>278.30099999999999</c:v>
                </c:pt>
                <c:pt idx="1151">
                  <c:v>278.43799999999999</c:v>
                </c:pt>
                <c:pt idx="1152">
                  <c:v>278.56700000000001</c:v>
                </c:pt>
                <c:pt idx="1153">
                  <c:v>279.03699999999998</c:v>
                </c:pt>
                <c:pt idx="1154">
                  <c:v>279.17500000000001</c:v>
                </c:pt>
                <c:pt idx="1155">
                  <c:v>279.45699999999999</c:v>
                </c:pt>
                <c:pt idx="1156">
                  <c:v>279.75599999999997</c:v>
                </c:pt>
                <c:pt idx="1157">
                  <c:v>280.18700000000001</c:v>
                </c:pt>
                <c:pt idx="1158">
                  <c:v>280.32799999999997</c:v>
                </c:pt>
                <c:pt idx="1159">
                  <c:v>280.548</c:v>
                </c:pt>
                <c:pt idx="1160">
                  <c:v>281.08800000000002</c:v>
                </c:pt>
                <c:pt idx="1161">
                  <c:v>281.36399999999998</c:v>
                </c:pt>
                <c:pt idx="1162">
                  <c:v>281.50299999999999</c:v>
                </c:pt>
                <c:pt idx="1163">
                  <c:v>282.04199999999997</c:v>
                </c:pt>
                <c:pt idx="1164">
                  <c:v>282.322</c:v>
                </c:pt>
                <c:pt idx="1165">
                  <c:v>282.57299999999998</c:v>
                </c:pt>
                <c:pt idx="1166">
                  <c:v>282.89499999999998</c:v>
                </c:pt>
                <c:pt idx="1167">
                  <c:v>283.017</c:v>
                </c:pt>
                <c:pt idx="1168">
                  <c:v>283.43299999999999</c:v>
                </c:pt>
                <c:pt idx="1169">
                  <c:v>283.755</c:v>
                </c:pt>
                <c:pt idx="1170">
                  <c:v>283.99799999999999</c:v>
                </c:pt>
                <c:pt idx="1171">
                  <c:v>284.197</c:v>
                </c:pt>
                <c:pt idx="1172">
                  <c:v>284.48899999999998</c:v>
                </c:pt>
                <c:pt idx="1173">
                  <c:v>284.577</c:v>
                </c:pt>
                <c:pt idx="1174">
                  <c:v>284.88900000000001</c:v>
                </c:pt>
                <c:pt idx="1175">
                  <c:v>285.33999999999997</c:v>
                </c:pt>
                <c:pt idx="1176">
                  <c:v>285.64999999999998</c:v>
                </c:pt>
                <c:pt idx="1177">
                  <c:v>285.89800000000002</c:v>
                </c:pt>
                <c:pt idx="1178">
                  <c:v>286.33100000000002</c:v>
                </c:pt>
                <c:pt idx="1179">
                  <c:v>286.60399999999998</c:v>
                </c:pt>
                <c:pt idx="1180">
                  <c:v>286.637</c:v>
                </c:pt>
                <c:pt idx="1181">
                  <c:v>286.68099999999998</c:v>
                </c:pt>
                <c:pt idx="1182">
                  <c:v>287.17399999999998</c:v>
                </c:pt>
                <c:pt idx="1183">
                  <c:v>287.53899999999999</c:v>
                </c:pt>
                <c:pt idx="1184">
                  <c:v>287.64800000000002</c:v>
                </c:pt>
                <c:pt idx="1185">
                  <c:v>287.84899999999999</c:v>
                </c:pt>
                <c:pt idx="1186">
                  <c:v>288.20100000000002</c:v>
                </c:pt>
                <c:pt idx="1187">
                  <c:v>288.44900000000001</c:v>
                </c:pt>
                <c:pt idx="1188">
                  <c:v>288.89999999999998</c:v>
                </c:pt>
                <c:pt idx="1189">
                  <c:v>289.10500000000002</c:v>
                </c:pt>
                <c:pt idx="1190">
                  <c:v>289.19299999999998</c:v>
                </c:pt>
                <c:pt idx="1191">
                  <c:v>289.346</c:v>
                </c:pt>
                <c:pt idx="1192">
                  <c:v>289.589</c:v>
                </c:pt>
                <c:pt idx="1193">
                  <c:v>289.92399999999998</c:v>
                </c:pt>
                <c:pt idx="1194">
                  <c:v>290.45400000000001</c:v>
                </c:pt>
                <c:pt idx="1195">
                  <c:v>290.89100000000002</c:v>
                </c:pt>
                <c:pt idx="1196">
                  <c:v>291.096</c:v>
                </c:pt>
                <c:pt idx="1197">
                  <c:v>291.33999999999997</c:v>
                </c:pt>
                <c:pt idx="1198">
                  <c:v>291.517</c:v>
                </c:pt>
                <c:pt idx="1199">
                  <c:v>291.61900000000003</c:v>
                </c:pt>
                <c:pt idx="1200">
                  <c:v>291.86700000000002</c:v>
                </c:pt>
                <c:pt idx="1201">
                  <c:v>292.197</c:v>
                </c:pt>
                <c:pt idx="1202">
                  <c:v>292.31599999999997</c:v>
                </c:pt>
                <c:pt idx="1203">
                  <c:v>292.64400000000001</c:v>
                </c:pt>
                <c:pt idx="1204">
                  <c:v>292.92200000000003</c:v>
                </c:pt>
                <c:pt idx="1205">
                  <c:v>293.16500000000002</c:v>
                </c:pt>
                <c:pt idx="1206">
                  <c:v>293.59300000000002</c:v>
                </c:pt>
                <c:pt idx="1207">
                  <c:v>293.7</c:v>
                </c:pt>
                <c:pt idx="1208">
                  <c:v>293.90600000000001</c:v>
                </c:pt>
                <c:pt idx="1209">
                  <c:v>294.12</c:v>
                </c:pt>
                <c:pt idx="1210">
                  <c:v>294.291</c:v>
                </c:pt>
                <c:pt idx="1211">
                  <c:v>294.8</c:v>
                </c:pt>
                <c:pt idx="1212">
                  <c:v>295.05399999999997</c:v>
                </c:pt>
                <c:pt idx="1213">
                  <c:v>295.25400000000002</c:v>
                </c:pt>
                <c:pt idx="1214">
                  <c:v>295.52999999999997</c:v>
                </c:pt>
                <c:pt idx="1215">
                  <c:v>295.71600000000001</c:v>
                </c:pt>
                <c:pt idx="1216">
                  <c:v>296.10300000000001</c:v>
                </c:pt>
                <c:pt idx="1217">
                  <c:v>296.26400000000001</c:v>
                </c:pt>
                <c:pt idx="1218">
                  <c:v>296.46199999999999</c:v>
                </c:pt>
                <c:pt idx="1219">
                  <c:v>296.77</c:v>
                </c:pt>
                <c:pt idx="1220">
                  <c:v>296.94600000000003</c:v>
                </c:pt>
                <c:pt idx="1221">
                  <c:v>297.31099999999998</c:v>
                </c:pt>
                <c:pt idx="1222">
                  <c:v>297.464</c:v>
                </c:pt>
                <c:pt idx="1223">
                  <c:v>297.822</c:v>
                </c:pt>
                <c:pt idx="1224">
                  <c:v>298.053</c:v>
                </c:pt>
                <c:pt idx="1225">
                  <c:v>298.37099999999998</c:v>
                </c:pt>
                <c:pt idx="1226">
                  <c:v>298.57400000000001</c:v>
                </c:pt>
                <c:pt idx="1227">
                  <c:v>298.71899999999999</c:v>
                </c:pt>
                <c:pt idx="1228">
                  <c:v>298.98500000000001</c:v>
                </c:pt>
                <c:pt idx="1229">
                  <c:v>299.476</c:v>
                </c:pt>
                <c:pt idx="1230">
                  <c:v>299.495</c:v>
                </c:pt>
                <c:pt idx="1231">
                  <c:v>299.84800000000001</c:v>
                </c:pt>
                <c:pt idx="1232">
                  <c:v>300.173</c:v>
                </c:pt>
                <c:pt idx="1233">
                  <c:v>300.76600000000002</c:v>
                </c:pt>
                <c:pt idx="1234">
                  <c:v>301.029</c:v>
                </c:pt>
                <c:pt idx="1235">
                  <c:v>301.10199999999998</c:v>
                </c:pt>
                <c:pt idx="1236">
                  <c:v>300.99200000000002</c:v>
                </c:pt>
                <c:pt idx="1237">
                  <c:v>301.17899999999997</c:v>
                </c:pt>
                <c:pt idx="1238">
                  <c:v>301.52199999999999</c:v>
                </c:pt>
                <c:pt idx="1239">
                  <c:v>301.91000000000003</c:v>
                </c:pt>
                <c:pt idx="1240">
                  <c:v>302.13600000000002</c:v>
                </c:pt>
                <c:pt idx="1241">
                  <c:v>302.464</c:v>
                </c:pt>
                <c:pt idx="1242">
                  <c:v>302.40300000000002</c:v>
                </c:pt>
                <c:pt idx="1243">
                  <c:v>303.22300000000001</c:v>
                </c:pt>
                <c:pt idx="1244">
                  <c:v>303.53699999999998</c:v>
                </c:pt>
                <c:pt idx="1245">
                  <c:v>303.76299999999998</c:v>
                </c:pt>
                <c:pt idx="1246">
                  <c:v>303.72300000000001</c:v>
                </c:pt>
                <c:pt idx="1247">
                  <c:v>304.005</c:v>
                </c:pt>
                <c:pt idx="1248">
                  <c:v>304.49400000000003</c:v>
                </c:pt>
                <c:pt idx="1249">
                  <c:v>304.75900000000001</c:v>
                </c:pt>
                <c:pt idx="1250">
                  <c:v>304.98399999999998</c:v>
                </c:pt>
                <c:pt idx="1251">
                  <c:v>305.16000000000003</c:v>
                </c:pt>
                <c:pt idx="1252">
                  <c:v>305.59500000000003</c:v>
                </c:pt>
                <c:pt idx="1253">
                  <c:v>305.548</c:v>
                </c:pt>
                <c:pt idx="1254">
                  <c:v>305.86900000000003</c:v>
                </c:pt>
                <c:pt idx="1255">
                  <c:v>306.03500000000003</c:v>
                </c:pt>
                <c:pt idx="1256">
                  <c:v>306.35700000000003</c:v>
                </c:pt>
                <c:pt idx="1257">
                  <c:v>306.52800000000002</c:v>
                </c:pt>
                <c:pt idx="1258">
                  <c:v>306.87099999999998</c:v>
                </c:pt>
                <c:pt idx="1259">
                  <c:v>307.10300000000001</c:v>
                </c:pt>
                <c:pt idx="1260">
                  <c:v>307.33100000000002</c:v>
                </c:pt>
                <c:pt idx="1261">
                  <c:v>307.721</c:v>
                </c:pt>
                <c:pt idx="1262">
                  <c:v>307.84100000000001</c:v>
                </c:pt>
                <c:pt idx="1263">
                  <c:v>307.964</c:v>
                </c:pt>
                <c:pt idx="1264">
                  <c:v>308.214</c:v>
                </c:pt>
                <c:pt idx="1265">
                  <c:v>308.428</c:v>
                </c:pt>
                <c:pt idx="1266">
                  <c:v>308.82299999999998</c:v>
                </c:pt>
                <c:pt idx="1267">
                  <c:v>309.334</c:v>
                </c:pt>
                <c:pt idx="1268">
                  <c:v>309.81</c:v>
                </c:pt>
                <c:pt idx="1269">
                  <c:v>310.334</c:v>
                </c:pt>
                <c:pt idx="1270">
                  <c:v>310.49400000000003</c:v>
                </c:pt>
                <c:pt idx="1271">
                  <c:v>310.60899999999998</c:v>
                </c:pt>
                <c:pt idx="1272">
                  <c:v>310.96499999999997</c:v>
                </c:pt>
                <c:pt idx="1273">
                  <c:v>311.2</c:v>
                </c:pt>
                <c:pt idx="1274">
                  <c:v>311.34399999999999</c:v>
                </c:pt>
                <c:pt idx="1275">
                  <c:v>311.46199999999999</c:v>
                </c:pt>
                <c:pt idx="1276">
                  <c:v>311.55700000000002</c:v>
                </c:pt>
                <c:pt idx="1277">
                  <c:v>311.637</c:v>
                </c:pt>
                <c:pt idx="1278">
                  <c:v>311.84899999999999</c:v>
                </c:pt>
                <c:pt idx="1279">
                  <c:v>312.28100000000001</c:v>
                </c:pt>
                <c:pt idx="1280">
                  <c:v>312.62099999999998</c:v>
                </c:pt>
                <c:pt idx="1281">
                  <c:v>312.74</c:v>
                </c:pt>
                <c:pt idx="1282">
                  <c:v>313.05399999999997</c:v>
                </c:pt>
                <c:pt idx="1283">
                  <c:v>313.19799999999998</c:v>
                </c:pt>
                <c:pt idx="1284">
                  <c:v>313.428</c:v>
                </c:pt>
                <c:pt idx="1285">
                  <c:v>313.68099999999998</c:v>
                </c:pt>
                <c:pt idx="1286">
                  <c:v>314.029</c:v>
                </c:pt>
                <c:pt idx="1287">
                  <c:v>314.262</c:v>
                </c:pt>
                <c:pt idx="1288">
                  <c:v>314.49400000000003</c:v>
                </c:pt>
                <c:pt idx="1289">
                  <c:v>314.77100000000002</c:v>
                </c:pt>
                <c:pt idx="1290">
                  <c:v>314.93</c:v>
                </c:pt>
                <c:pt idx="1291">
                  <c:v>315.18900000000002</c:v>
                </c:pt>
                <c:pt idx="1292">
                  <c:v>315.5</c:v>
                </c:pt>
                <c:pt idx="1293">
                  <c:v>315.87599999999998</c:v>
                </c:pt>
                <c:pt idx="1294">
                  <c:v>316.00799999999998</c:v>
                </c:pt>
                <c:pt idx="1295">
                  <c:v>316.47300000000001</c:v>
                </c:pt>
                <c:pt idx="1296">
                  <c:v>316.87599999999998</c:v>
                </c:pt>
                <c:pt idx="1297">
                  <c:v>317.065</c:v>
                </c:pt>
                <c:pt idx="1298">
                  <c:v>317.35500000000002</c:v>
                </c:pt>
                <c:pt idx="1299">
                  <c:v>317.63</c:v>
                </c:pt>
                <c:pt idx="1300">
                  <c:v>317.95600000000002</c:v>
                </c:pt>
                <c:pt idx="1301">
                  <c:v>318.11700000000002</c:v>
                </c:pt>
                <c:pt idx="1302">
                  <c:v>318.25200000000001</c:v>
                </c:pt>
                <c:pt idx="1303">
                  <c:v>318.80099999999999</c:v>
                </c:pt>
                <c:pt idx="1304">
                  <c:v>319.00799999999998</c:v>
                </c:pt>
                <c:pt idx="1305">
                  <c:v>319.17899999999997</c:v>
                </c:pt>
                <c:pt idx="1306">
                  <c:v>319.41000000000003</c:v>
                </c:pt>
                <c:pt idx="1307">
                  <c:v>319.63200000000001</c:v>
                </c:pt>
                <c:pt idx="1308">
                  <c:v>319.88</c:v>
                </c:pt>
                <c:pt idx="1309">
                  <c:v>320.12299999999999</c:v>
                </c:pt>
                <c:pt idx="1310">
                  <c:v>320.51100000000002</c:v>
                </c:pt>
                <c:pt idx="1311">
                  <c:v>320.73</c:v>
                </c:pt>
                <c:pt idx="1312">
                  <c:v>321.084</c:v>
                </c:pt>
                <c:pt idx="1313">
                  <c:v>321.40899999999999</c:v>
                </c:pt>
                <c:pt idx="1314">
                  <c:v>321.76900000000001</c:v>
                </c:pt>
                <c:pt idx="1315">
                  <c:v>321.77100000000002</c:v>
                </c:pt>
                <c:pt idx="1316">
                  <c:v>321.69900000000001</c:v>
                </c:pt>
                <c:pt idx="1317">
                  <c:v>322.142</c:v>
                </c:pt>
                <c:pt idx="1318">
                  <c:v>322.43200000000002</c:v>
                </c:pt>
                <c:pt idx="1319">
                  <c:v>322.77499999999998</c:v>
                </c:pt>
                <c:pt idx="1320">
                  <c:v>323.02699999999999</c:v>
                </c:pt>
                <c:pt idx="1321">
                  <c:v>323.44299999999998</c:v>
                </c:pt>
                <c:pt idx="1322">
                  <c:v>323.47500000000002</c:v>
                </c:pt>
                <c:pt idx="1323">
                  <c:v>323.80399999999997</c:v>
                </c:pt>
                <c:pt idx="1324">
                  <c:v>323.91699999999997</c:v>
                </c:pt>
                <c:pt idx="1325">
                  <c:v>324.61200000000002</c:v>
                </c:pt>
                <c:pt idx="1326">
                  <c:v>324.99200000000002</c:v>
                </c:pt>
                <c:pt idx="1327">
                  <c:v>324.92700000000002</c:v>
                </c:pt>
                <c:pt idx="1328">
                  <c:v>325.60199999999998</c:v>
                </c:pt>
                <c:pt idx="1329">
                  <c:v>325.50299999999999</c:v>
                </c:pt>
                <c:pt idx="1330">
                  <c:v>325.64</c:v>
                </c:pt>
                <c:pt idx="1331">
                  <c:v>325.947</c:v>
                </c:pt>
                <c:pt idx="1332">
                  <c:v>326.18900000000002</c:v>
                </c:pt>
                <c:pt idx="1333">
                  <c:v>326.56700000000001</c:v>
                </c:pt>
                <c:pt idx="1334">
                  <c:v>326.61799999999999</c:v>
                </c:pt>
                <c:pt idx="1335">
                  <c:v>327.012</c:v>
                </c:pt>
                <c:pt idx="1336">
                  <c:v>327.30399999999997</c:v>
                </c:pt>
                <c:pt idx="1337">
                  <c:v>327.70299999999997</c:v>
                </c:pt>
                <c:pt idx="1338">
                  <c:v>327.78399999999999</c:v>
                </c:pt>
                <c:pt idx="1339">
                  <c:v>327.73200000000003</c:v>
                </c:pt>
                <c:pt idx="1340">
                  <c:v>328.17599999999999</c:v>
                </c:pt>
                <c:pt idx="1341">
                  <c:v>328.541</c:v>
                </c:pt>
                <c:pt idx="1342">
                  <c:v>328.67200000000003</c:v>
                </c:pt>
                <c:pt idx="1343">
                  <c:v>329.20299999999997</c:v>
                </c:pt>
                <c:pt idx="1344">
                  <c:v>329.43799999999999</c:v>
                </c:pt>
                <c:pt idx="1345">
                  <c:v>329.59300000000002</c:v>
                </c:pt>
                <c:pt idx="1346">
                  <c:v>329.666</c:v>
                </c:pt>
                <c:pt idx="1347">
                  <c:v>329.85199999999998</c:v>
                </c:pt>
                <c:pt idx="1348">
                  <c:v>330.20400000000001</c:v>
                </c:pt>
                <c:pt idx="1349">
                  <c:v>330.44799999999998</c:v>
                </c:pt>
                <c:pt idx="1350">
                  <c:v>330.625</c:v>
                </c:pt>
                <c:pt idx="1351">
                  <c:v>331.23700000000002</c:v>
                </c:pt>
                <c:pt idx="1352">
                  <c:v>331.238</c:v>
                </c:pt>
                <c:pt idx="1353">
                  <c:v>331.62599999999998</c:v>
                </c:pt>
                <c:pt idx="1354">
                  <c:v>331.97800000000001</c:v>
                </c:pt>
                <c:pt idx="1355">
                  <c:v>332.34699999999998</c:v>
                </c:pt>
                <c:pt idx="1356">
                  <c:v>333.13400000000001</c:v>
                </c:pt>
                <c:pt idx="1357">
                  <c:v>333.29700000000003</c:v>
                </c:pt>
                <c:pt idx="1358">
                  <c:v>333.26600000000002</c:v>
                </c:pt>
                <c:pt idx="1359">
                  <c:v>333.36</c:v>
                </c:pt>
                <c:pt idx="1360">
                  <c:v>333.358</c:v>
                </c:pt>
                <c:pt idx="1361">
                  <c:v>333.47899999999998</c:v>
                </c:pt>
                <c:pt idx="1362">
                  <c:v>333.82600000000002</c:v>
                </c:pt>
                <c:pt idx="1363">
                  <c:v>334.21600000000001</c:v>
                </c:pt>
                <c:pt idx="1364">
                  <c:v>334.47699999999998</c:v>
                </c:pt>
                <c:pt idx="1365">
                  <c:v>334.73399999999998</c:v>
                </c:pt>
                <c:pt idx="1366">
                  <c:v>335.10300000000001</c:v>
                </c:pt>
                <c:pt idx="1367">
                  <c:v>335.423</c:v>
                </c:pt>
                <c:pt idx="1368">
                  <c:v>335.65100000000001</c:v>
                </c:pt>
                <c:pt idx="1369">
                  <c:v>335.78500000000003</c:v>
                </c:pt>
                <c:pt idx="1370">
                  <c:v>336.11200000000002</c:v>
                </c:pt>
                <c:pt idx="1371">
                  <c:v>336.28800000000001</c:v>
                </c:pt>
                <c:pt idx="1372">
                  <c:v>336.58600000000001</c:v>
                </c:pt>
                <c:pt idx="1373">
                  <c:v>336.90100000000001</c:v>
                </c:pt>
                <c:pt idx="1374">
                  <c:v>337.14499999999998</c:v>
                </c:pt>
                <c:pt idx="1375">
                  <c:v>337.28500000000003</c:v>
                </c:pt>
                <c:pt idx="1376">
                  <c:v>337.52800000000002</c:v>
                </c:pt>
                <c:pt idx="1377">
                  <c:v>337.803</c:v>
                </c:pt>
                <c:pt idx="1378">
                  <c:v>338.09899999999999</c:v>
                </c:pt>
                <c:pt idx="1379">
                  <c:v>338.34300000000002</c:v>
                </c:pt>
                <c:pt idx="1380">
                  <c:v>338.65100000000001</c:v>
                </c:pt>
                <c:pt idx="1381">
                  <c:v>338.85599999999999</c:v>
                </c:pt>
                <c:pt idx="1382">
                  <c:v>338.976</c:v>
                </c:pt>
                <c:pt idx="1383">
                  <c:v>339.30900000000003</c:v>
                </c:pt>
                <c:pt idx="1384">
                  <c:v>339.77800000000002</c:v>
                </c:pt>
                <c:pt idx="1385">
                  <c:v>339.98899999999998</c:v>
                </c:pt>
                <c:pt idx="1386">
                  <c:v>340.47800000000001</c:v>
                </c:pt>
                <c:pt idx="1387">
                  <c:v>340.59500000000003</c:v>
                </c:pt>
                <c:pt idx="1388">
                  <c:v>340.75900000000001</c:v>
                </c:pt>
                <c:pt idx="1389">
                  <c:v>341.13799999999998</c:v>
                </c:pt>
                <c:pt idx="1390">
                  <c:v>341.33600000000001</c:v>
                </c:pt>
                <c:pt idx="1391">
                  <c:v>341.60199999999998</c:v>
                </c:pt>
                <c:pt idx="1392">
                  <c:v>341.81400000000002</c:v>
                </c:pt>
                <c:pt idx="1393">
                  <c:v>342.15</c:v>
                </c:pt>
                <c:pt idx="1394">
                  <c:v>342.47500000000002</c:v>
                </c:pt>
                <c:pt idx="1395">
                  <c:v>343.03199999999998</c:v>
                </c:pt>
                <c:pt idx="1396">
                  <c:v>343.51100000000002</c:v>
                </c:pt>
                <c:pt idx="1397">
                  <c:v>343.82799999999997</c:v>
                </c:pt>
                <c:pt idx="1398">
                  <c:v>343.83</c:v>
                </c:pt>
                <c:pt idx="1399">
                  <c:v>344.23</c:v>
                </c:pt>
                <c:pt idx="1400">
                  <c:v>344.48700000000002</c:v>
                </c:pt>
                <c:pt idx="1401">
                  <c:v>344.61900000000003</c:v>
                </c:pt>
                <c:pt idx="1402">
                  <c:v>344.89699999999999</c:v>
                </c:pt>
                <c:pt idx="1403">
                  <c:v>345.55099999999999</c:v>
                </c:pt>
                <c:pt idx="1404">
                  <c:v>345.31900000000002</c:v>
                </c:pt>
                <c:pt idx="1405">
                  <c:v>345.50200000000001</c:v>
                </c:pt>
                <c:pt idx="1406">
                  <c:v>345.529</c:v>
                </c:pt>
                <c:pt idx="1407">
                  <c:v>345.98700000000002</c:v>
                </c:pt>
                <c:pt idx="1408">
                  <c:v>346.51900000000001</c:v>
                </c:pt>
                <c:pt idx="1409">
                  <c:v>346.58600000000001</c:v>
                </c:pt>
                <c:pt idx="1410">
                  <c:v>347.149</c:v>
                </c:pt>
                <c:pt idx="1411">
                  <c:v>347.33</c:v>
                </c:pt>
                <c:pt idx="1412">
                  <c:v>347.65100000000001</c:v>
                </c:pt>
                <c:pt idx="1413">
                  <c:v>347.84699999999998</c:v>
                </c:pt>
                <c:pt idx="1414">
                  <c:v>348.21899999999999</c:v>
                </c:pt>
                <c:pt idx="1415">
                  <c:v>348.34699999999998</c:v>
                </c:pt>
                <c:pt idx="1416">
                  <c:v>348.96100000000001</c:v>
                </c:pt>
                <c:pt idx="1417">
                  <c:v>348.97399999999999</c:v>
                </c:pt>
                <c:pt idx="1418">
                  <c:v>349.64100000000002</c:v>
                </c:pt>
                <c:pt idx="1419">
                  <c:v>349.37799999999999</c:v>
                </c:pt>
                <c:pt idx="1420">
                  <c:v>349.71699999999998</c:v>
                </c:pt>
                <c:pt idx="1421">
                  <c:v>349.62400000000002</c:v>
                </c:pt>
                <c:pt idx="1422">
                  <c:v>349.82799999999997</c:v>
                </c:pt>
                <c:pt idx="1423">
                  <c:v>349.95299999999997</c:v>
                </c:pt>
                <c:pt idx="1424">
                  <c:v>350.25599999999997</c:v>
                </c:pt>
                <c:pt idx="1425">
                  <c:v>350.387</c:v>
                </c:pt>
                <c:pt idx="1426">
                  <c:v>350.74799999999999</c:v>
                </c:pt>
                <c:pt idx="1427">
                  <c:v>351.19600000000003</c:v>
                </c:pt>
                <c:pt idx="1428">
                  <c:v>351.11500000000001</c:v>
                </c:pt>
                <c:pt idx="1429">
                  <c:v>351.48200000000003</c:v>
                </c:pt>
                <c:pt idx="1430">
                  <c:v>352.43200000000002</c:v>
                </c:pt>
                <c:pt idx="1431">
                  <c:v>352.38799999999998</c:v>
                </c:pt>
                <c:pt idx="1432">
                  <c:v>352.68900000000002</c:v>
                </c:pt>
                <c:pt idx="1433">
                  <c:v>352.81900000000002</c:v>
                </c:pt>
                <c:pt idx="1434">
                  <c:v>352.93700000000001</c:v>
                </c:pt>
                <c:pt idx="1435">
                  <c:v>352.98599999999999</c:v>
                </c:pt>
                <c:pt idx="1436">
                  <c:v>353.44</c:v>
                </c:pt>
                <c:pt idx="1437">
                  <c:v>353.65100000000001</c:v>
                </c:pt>
                <c:pt idx="1438">
                  <c:v>354.00400000000002</c:v>
                </c:pt>
                <c:pt idx="1439">
                  <c:v>354.23700000000002</c:v>
                </c:pt>
                <c:pt idx="1440">
                  <c:v>354.41300000000001</c:v>
                </c:pt>
                <c:pt idx="1441">
                  <c:v>354.44</c:v>
                </c:pt>
                <c:pt idx="1442">
                  <c:v>354.678</c:v>
                </c:pt>
                <c:pt idx="1443">
                  <c:v>355.04899999999998</c:v>
                </c:pt>
                <c:pt idx="1444">
                  <c:v>355.77800000000002</c:v>
                </c:pt>
                <c:pt idx="1445">
                  <c:v>355.74700000000001</c:v>
                </c:pt>
                <c:pt idx="1446">
                  <c:v>355.96899999999999</c:v>
                </c:pt>
                <c:pt idx="1447">
                  <c:v>356.05799999999999</c:v>
                </c:pt>
                <c:pt idx="1448">
                  <c:v>356.47699999999998</c:v>
                </c:pt>
                <c:pt idx="1449">
                  <c:v>356.54500000000002</c:v>
                </c:pt>
                <c:pt idx="1450">
                  <c:v>357.149</c:v>
                </c:pt>
                <c:pt idx="1451">
                  <c:v>357.27199999999999</c:v>
                </c:pt>
                <c:pt idx="1452">
                  <c:v>357.495</c:v>
                </c:pt>
                <c:pt idx="1453">
                  <c:v>357.81900000000002</c:v>
                </c:pt>
                <c:pt idx="1454">
                  <c:v>358.36</c:v>
                </c:pt>
                <c:pt idx="1455">
                  <c:v>358.613</c:v>
                </c:pt>
                <c:pt idx="1456">
                  <c:v>358.84800000000001</c:v>
                </c:pt>
                <c:pt idx="1457">
                  <c:v>359.089</c:v>
                </c:pt>
                <c:pt idx="1458">
                  <c:v>359.44</c:v>
                </c:pt>
                <c:pt idx="1459">
                  <c:v>359.52100000000002</c:v>
                </c:pt>
                <c:pt idx="1460">
                  <c:v>359.85</c:v>
                </c:pt>
                <c:pt idx="1461">
                  <c:v>360.38799999999998</c:v>
                </c:pt>
                <c:pt idx="1462">
                  <c:v>361.07499999999999</c:v>
                </c:pt>
                <c:pt idx="1463">
                  <c:v>361.10700000000003</c:v>
                </c:pt>
                <c:pt idx="1464">
                  <c:v>361.42700000000002</c:v>
                </c:pt>
                <c:pt idx="1465">
                  <c:v>362.44900000000001</c:v>
                </c:pt>
                <c:pt idx="1466">
                  <c:v>363.04700000000003</c:v>
                </c:pt>
                <c:pt idx="1467">
                  <c:v>362.56799999999998</c:v>
                </c:pt>
                <c:pt idx="1468">
                  <c:v>362.59100000000001</c:v>
                </c:pt>
                <c:pt idx="1469">
                  <c:v>362.69200000000001</c:v>
                </c:pt>
                <c:pt idx="1470">
                  <c:v>362.79700000000003</c:v>
                </c:pt>
                <c:pt idx="1471">
                  <c:v>363.09199999999998</c:v>
                </c:pt>
                <c:pt idx="1472">
                  <c:v>363.185</c:v>
                </c:pt>
                <c:pt idx="1473">
                  <c:v>363.375</c:v>
                </c:pt>
                <c:pt idx="1474">
                  <c:v>363.661</c:v>
                </c:pt>
                <c:pt idx="1475">
                  <c:v>363.77499999999998</c:v>
                </c:pt>
                <c:pt idx="1476">
                  <c:v>364.4</c:v>
                </c:pt>
                <c:pt idx="1477">
                  <c:v>365.08300000000003</c:v>
                </c:pt>
                <c:pt idx="1478">
                  <c:v>365.28</c:v>
                </c:pt>
                <c:pt idx="1479">
                  <c:v>365.72800000000001</c:v>
                </c:pt>
                <c:pt idx="1480">
                  <c:v>366.52499999999998</c:v>
                </c:pt>
                <c:pt idx="1481">
                  <c:v>366.16</c:v>
                </c:pt>
                <c:pt idx="1482">
                  <c:v>366.64100000000002</c:v>
                </c:pt>
                <c:pt idx="1483">
                  <c:v>366.96699999999998</c:v>
                </c:pt>
                <c:pt idx="1484">
                  <c:v>366.92099999999999</c:v>
                </c:pt>
                <c:pt idx="1485">
                  <c:v>367.322</c:v>
                </c:pt>
                <c:pt idx="1486">
                  <c:v>367.54700000000003</c:v>
                </c:pt>
                <c:pt idx="1487">
                  <c:v>367.79700000000003</c:v>
                </c:pt>
                <c:pt idx="1488">
                  <c:v>368.24099999999999</c:v>
                </c:pt>
                <c:pt idx="1489">
                  <c:v>368.62700000000001</c:v>
                </c:pt>
                <c:pt idx="1490">
                  <c:v>368.75</c:v>
                </c:pt>
                <c:pt idx="1491">
                  <c:v>368.697</c:v>
                </c:pt>
                <c:pt idx="1492">
                  <c:v>368.55900000000003</c:v>
                </c:pt>
                <c:pt idx="1493">
                  <c:v>368.69499999999999</c:v>
                </c:pt>
                <c:pt idx="1494">
                  <c:v>369.34800000000001</c:v>
                </c:pt>
                <c:pt idx="1495">
                  <c:v>369.452</c:v>
                </c:pt>
                <c:pt idx="1496">
                  <c:v>369.97800000000001</c:v>
                </c:pt>
                <c:pt idx="1497">
                  <c:v>369.84699999999998</c:v>
                </c:pt>
                <c:pt idx="1498">
                  <c:v>369.82400000000001</c:v>
                </c:pt>
                <c:pt idx="1499">
                  <c:v>370.02800000000002</c:v>
                </c:pt>
                <c:pt idx="1500">
                  <c:v>370.30500000000001</c:v>
                </c:pt>
                <c:pt idx="1501">
                  <c:v>370.96800000000002</c:v>
                </c:pt>
                <c:pt idx="1502">
                  <c:v>371.065</c:v>
                </c:pt>
                <c:pt idx="1503">
                  <c:v>371.18400000000003</c:v>
                </c:pt>
                <c:pt idx="1504">
                  <c:v>371.387</c:v>
                </c:pt>
                <c:pt idx="1505">
                  <c:v>371.89800000000002</c:v>
                </c:pt>
                <c:pt idx="1506">
                  <c:v>372.24599999999998</c:v>
                </c:pt>
                <c:pt idx="1507">
                  <c:v>372.51100000000002</c:v>
                </c:pt>
                <c:pt idx="1508">
                  <c:v>372.95100000000002</c:v>
                </c:pt>
                <c:pt idx="1509">
                  <c:v>373.20699999999999</c:v>
                </c:pt>
                <c:pt idx="1510">
                  <c:v>373.27499999999998</c:v>
                </c:pt>
                <c:pt idx="1511">
                  <c:v>373.33100000000002</c:v>
                </c:pt>
                <c:pt idx="1512">
                  <c:v>373.42</c:v>
                </c:pt>
                <c:pt idx="1513">
                  <c:v>374.01400000000001</c:v>
                </c:pt>
                <c:pt idx="1514">
                  <c:v>374.286</c:v>
                </c:pt>
                <c:pt idx="1515">
                  <c:v>374.82</c:v>
                </c:pt>
                <c:pt idx="1516">
                  <c:v>374.90800000000002</c:v>
                </c:pt>
                <c:pt idx="1517">
                  <c:v>375.185</c:v>
                </c:pt>
                <c:pt idx="1518">
                  <c:v>375.54300000000001</c:v>
                </c:pt>
                <c:pt idx="1519">
                  <c:v>375.69799999999998</c:v>
                </c:pt>
                <c:pt idx="1520">
                  <c:v>375.78199999999998</c:v>
                </c:pt>
                <c:pt idx="1521">
                  <c:v>376.49900000000002</c:v>
                </c:pt>
                <c:pt idx="1522">
                  <c:v>376.38099999999997</c:v>
                </c:pt>
                <c:pt idx="1523">
                  <c:v>376.63</c:v>
                </c:pt>
                <c:pt idx="1524">
                  <c:v>377</c:v>
                </c:pt>
                <c:pt idx="1525">
                  <c:v>377.08699999999999</c:v>
                </c:pt>
                <c:pt idx="1526">
                  <c:v>377.35</c:v>
                </c:pt>
                <c:pt idx="1527">
                  <c:v>377.952</c:v>
                </c:pt>
                <c:pt idx="1528">
                  <c:v>378.017</c:v>
                </c:pt>
                <c:pt idx="1529">
                  <c:v>378.49400000000003</c:v>
                </c:pt>
                <c:pt idx="1530">
                  <c:v>378.60300000000001</c:v>
                </c:pt>
                <c:pt idx="1531">
                  <c:v>378.84699999999998</c:v>
                </c:pt>
                <c:pt idx="1532">
                  <c:v>379.32299999999998</c:v>
                </c:pt>
                <c:pt idx="1533">
                  <c:v>379.28899999999999</c:v>
                </c:pt>
                <c:pt idx="1534">
                  <c:v>379.798</c:v>
                </c:pt>
                <c:pt idx="1535">
                  <c:v>380.06400000000002</c:v>
                </c:pt>
                <c:pt idx="1536">
                  <c:v>380.161</c:v>
                </c:pt>
                <c:pt idx="1537">
                  <c:v>380.81400000000002</c:v>
                </c:pt>
                <c:pt idx="1538">
                  <c:v>381.25400000000002</c:v>
                </c:pt>
                <c:pt idx="1539">
                  <c:v>381.39</c:v>
                </c:pt>
                <c:pt idx="1540">
                  <c:v>381.548</c:v>
                </c:pt>
                <c:pt idx="1541">
                  <c:v>381.78</c:v>
                </c:pt>
                <c:pt idx="1542">
                  <c:v>381.86399999999998</c:v>
                </c:pt>
                <c:pt idx="1543">
                  <c:v>382.45</c:v>
                </c:pt>
                <c:pt idx="1544">
                  <c:v>382.89100000000002</c:v>
                </c:pt>
                <c:pt idx="1545">
                  <c:v>383.26900000000001</c:v>
                </c:pt>
                <c:pt idx="1546">
                  <c:v>383.161</c:v>
                </c:pt>
                <c:pt idx="1547">
                  <c:v>383.27</c:v>
                </c:pt>
                <c:pt idx="1548">
                  <c:v>383.55799999999999</c:v>
                </c:pt>
                <c:pt idx="1549">
                  <c:v>383.72800000000001</c:v>
                </c:pt>
                <c:pt idx="1550">
                  <c:v>383.96199999999999</c:v>
                </c:pt>
                <c:pt idx="1551">
                  <c:v>384.25400000000002</c:v>
                </c:pt>
                <c:pt idx="1552">
                  <c:v>384.36</c:v>
                </c:pt>
                <c:pt idx="1553">
                  <c:v>384.7</c:v>
                </c:pt>
                <c:pt idx="1554">
                  <c:v>385.91500000000002</c:v>
                </c:pt>
                <c:pt idx="1555">
                  <c:v>386.37700000000001</c:v>
                </c:pt>
                <c:pt idx="1556">
                  <c:v>386.36200000000002</c:v>
                </c:pt>
                <c:pt idx="1557">
                  <c:v>386.71800000000002</c:v>
                </c:pt>
                <c:pt idx="1558">
                  <c:v>387.53100000000001</c:v>
                </c:pt>
                <c:pt idx="1559">
                  <c:v>387.78</c:v>
                </c:pt>
                <c:pt idx="1560">
                  <c:v>387.97399999999999</c:v>
                </c:pt>
                <c:pt idx="1561">
                  <c:v>388.30700000000002</c:v>
                </c:pt>
                <c:pt idx="1562">
                  <c:v>388.25200000000001</c:v>
                </c:pt>
                <c:pt idx="1563">
                  <c:v>388.327</c:v>
                </c:pt>
                <c:pt idx="1564">
                  <c:v>388.58600000000001</c:v>
                </c:pt>
                <c:pt idx="1565">
                  <c:v>389.11599999999999</c:v>
                </c:pt>
                <c:pt idx="1566">
                  <c:v>388.67099999999999</c:v>
                </c:pt>
                <c:pt idx="1567">
                  <c:v>389.01900000000001</c:v>
                </c:pt>
                <c:pt idx="1568">
                  <c:v>389.15800000000002</c:v>
                </c:pt>
                <c:pt idx="1569">
                  <c:v>389.43200000000002</c:v>
                </c:pt>
                <c:pt idx="1570">
                  <c:v>389.79700000000003</c:v>
                </c:pt>
                <c:pt idx="1571">
                  <c:v>390.29700000000003</c:v>
                </c:pt>
                <c:pt idx="1572">
                  <c:v>390.30500000000001</c:v>
                </c:pt>
                <c:pt idx="1573">
                  <c:v>390.57100000000003</c:v>
                </c:pt>
                <c:pt idx="1574">
                  <c:v>390.91800000000001</c:v>
                </c:pt>
                <c:pt idx="1575">
                  <c:v>390.72</c:v>
                </c:pt>
                <c:pt idx="1576">
                  <c:v>390.84399999999999</c:v>
                </c:pt>
                <c:pt idx="1577">
                  <c:v>391.13400000000001</c:v>
                </c:pt>
                <c:pt idx="1578">
                  <c:v>391.32499999999999</c:v>
                </c:pt>
                <c:pt idx="1579">
                  <c:v>391.67399999999998</c:v>
                </c:pt>
                <c:pt idx="1580">
                  <c:v>391.512</c:v>
                </c:pt>
                <c:pt idx="1581">
                  <c:v>391.983</c:v>
                </c:pt>
                <c:pt idx="1582">
                  <c:v>392.07900000000001</c:v>
                </c:pt>
                <c:pt idx="1583">
                  <c:v>392.13799999999998</c:v>
                </c:pt>
                <c:pt idx="1584">
                  <c:v>392.32499999999999</c:v>
                </c:pt>
                <c:pt idx="1585">
                  <c:v>392.72300000000001</c:v>
                </c:pt>
                <c:pt idx="1586">
                  <c:v>393.012</c:v>
                </c:pt>
                <c:pt idx="1587">
                  <c:v>393.1</c:v>
                </c:pt>
                <c:pt idx="1588">
                  <c:v>393.49700000000001</c:v>
                </c:pt>
                <c:pt idx="1589">
                  <c:v>393.92500000000001</c:v>
                </c:pt>
                <c:pt idx="1590">
                  <c:v>394.57799999999997</c:v>
                </c:pt>
                <c:pt idx="1591">
                  <c:v>394.517</c:v>
                </c:pt>
                <c:pt idx="1592">
                  <c:v>394.56299999999999</c:v>
                </c:pt>
                <c:pt idx="1593">
                  <c:v>395.13499999999999</c:v>
                </c:pt>
                <c:pt idx="1594">
                  <c:v>395.91500000000002</c:v>
                </c:pt>
                <c:pt idx="1595">
                  <c:v>396.38499999999999</c:v>
                </c:pt>
                <c:pt idx="1596">
                  <c:v>396.35</c:v>
                </c:pt>
                <c:pt idx="1597">
                  <c:v>396.00200000000001</c:v>
                </c:pt>
                <c:pt idx="1598">
                  <c:v>396.31299999999999</c:v>
                </c:pt>
                <c:pt idx="1599">
                  <c:v>397.19200000000001</c:v>
                </c:pt>
                <c:pt idx="1600">
                  <c:v>397.21199999999999</c:v>
                </c:pt>
                <c:pt idx="1601">
                  <c:v>397.58100000000002</c:v>
                </c:pt>
                <c:pt idx="1602">
                  <c:v>398.03800000000001</c:v>
                </c:pt>
                <c:pt idx="1603">
                  <c:v>398.51499999999999</c:v>
                </c:pt>
                <c:pt idx="1604">
                  <c:v>398.58499999999998</c:v>
                </c:pt>
                <c:pt idx="1605">
                  <c:v>398.678</c:v>
                </c:pt>
                <c:pt idx="1606">
                  <c:v>398.678</c:v>
                </c:pt>
                <c:pt idx="1607">
                  <c:v>398.83</c:v>
                </c:pt>
                <c:pt idx="1608">
                  <c:v>399.17599999999999</c:v>
                </c:pt>
                <c:pt idx="1609">
                  <c:v>399.19099999999997</c:v>
                </c:pt>
                <c:pt idx="1610">
                  <c:v>399.31799999999998</c:v>
                </c:pt>
                <c:pt idx="1611">
                  <c:v>399.6</c:v>
                </c:pt>
                <c:pt idx="1612">
                  <c:v>400.02199999999999</c:v>
                </c:pt>
                <c:pt idx="1613">
                  <c:v>400.48700000000002</c:v>
                </c:pt>
                <c:pt idx="1614">
                  <c:v>400.63400000000001</c:v>
                </c:pt>
                <c:pt idx="1615">
                  <c:v>401.14499999999998</c:v>
                </c:pt>
                <c:pt idx="1616">
                  <c:v>401.39800000000002</c:v>
                </c:pt>
                <c:pt idx="1617">
                  <c:v>401.72699999999998</c:v>
                </c:pt>
                <c:pt idx="1618">
                  <c:v>401.97500000000002</c:v>
                </c:pt>
                <c:pt idx="1619">
                  <c:v>402.49900000000002</c:v>
                </c:pt>
                <c:pt idx="1620">
                  <c:v>403.48</c:v>
                </c:pt>
                <c:pt idx="1621">
                  <c:v>404.16199999999998</c:v>
                </c:pt>
                <c:pt idx="1622">
                  <c:v>404.53300000000002</c:v>
                </c:pt>
                <c:pt idx="1623">
                  <c:v>404.06299999999999</c:v>
                </c:pt>
                <c:pt idx="1624">
                  <c:v>404.19299999999998</c:v>
                </c:pt>
                <c:pt idx="1625">
                  <c:v>403.95800000000003</c:v>
                </c:pt>
                <c:pt idx="1626">
                  <c:v>404.03699999999998</c:v>
                </c:pt>
                <c:pt idx="1627">
                  <c:v>404.59500000000003</c:v>
                </c:pt>
                <c:pt idx="1628">
                  <c:v>405.428</c:v>
                </c:pt>
                <c:pt idx="1629">
                  <c:v>406.11900000000003</c:v>
                </c:pt>
                <c:pt idx="1630">
                  <c:v>406.541</c:v>
                </c:pt>
                <c:pt idx="1631">
                  <c:v>406.58</c:v>
                </c:pt>
                <c:pt idx="1632">
                  <c:v>406.17200000000003</c:v>
                </c:pt>
                <c:pt idx="1633">
                  <c:v>406.56</c:v>
                </c:pt>
                <c:pt idx="1634">
                  <c:v>406.25599999999997</c:v>
                </c:pt>
                <c:pt idx="1635">
                  <c:v>406.12099999999998</c:v>
                </c:pt>
                <c:pt idx="1636">
                  <c:v>406.26799999999997</c:v>
                </c:pt>
                <c:pt idx="1637">
                  <c:v>406.67200000000003</c:v>
                </c:pt>
                <c:pt idx="1638">
                  <c:v>406.8</c:v>
                </c:pt>
                <c:pt idx="1639">
                  <c:v>407.25700000000001</c:v>
                </c:pt>
                <c:pt idx="1640">
                  <c:v>407.50700000000001</c:v>
                </c:pt>
                <c:pt idx="1641">
                  <c:v>408.13799999999998</c:v>
                </c:pt>
                <c:pt idx="1642">
                  <c:v>408.322</c:v>
                </c:pt>
                <c:pt idx="1643">
                  <c:v>408.93799999999999</c:v>
                </c:pt>
                <c:pt idx="1644">
                  <c:v>408.858</c:v>
                </c:pt>
                <c:pt idx="1645">
                  <c:v>409.35599999999999</c:v>
                </c:pt>
                <c:pt idx="1646">
                  <c:v>409.60599999999999</c:v>
                </c:pt>
                <c:pt idx="1647">
                  <c:v>410.029</c:v>
                </c:pt>
                <c:pt idx="1648">
                  <c:v>410.255</c:v>
                </c:pt>
                <c:pt idx="1649">
                  <c:v>410.012</c:v>
                </c:pt>
                <c:pt idx="1650">
                  <c:v>410.69299999999998</c:v>
                </c:pt>
                <c:pt idx="1651">
                  <c:v>410.54899999999998</c:v>
                </c:pt>
                <c:pt idx="1652">
                  <c:v>410.65</c:v>
                </c:pt>
                <c:pt idx="1653">
                  <c:v>411.19600000000003</c:v>
                </c:pt>
                <c:pt idx="1654">
                  <c:v>411.10500000000002</c:v>
                </c:pt>
                <c:pt idx="1655">
                  <c:v>411.36700000000002</c:v>
                </c:pt>
                <c:pt idx="1656">
                  <c:v>411.637</c:v>
                </c:pt>
                <c:pt idx="1657">
                  <c:v>412.02499999999998</c:v>
                </c:pt>
                <c:pt idx="1658">
                  <c:v>412.86599999999999</c:v>
                </c:pt>
                <c:pt idx="1659">
                  <c:v>413.553</c:v>
                </c:pt>
                <c:pt idx="1660">
                  <c:v>413.75700000000001</c:v>
                </c:pt>
                <c:pt idx="1661">
                  <c:v>413.69499999999999</c:v>
                </c:pt>
                <c:pt idx="1662">
                  <c:v>414.15</c:v>
                </c:pt>
                <c:pt idx="1663">
                  <c:v>414.298</c:v>
                </c:pt>
                <c:pt idx="1664">
                  <c:v>414.01299999999998</c:v>
                </c:pt>
                <c:pt idx="1665">
                  <c:v>413.92500000000001</c:v>
                </c:pt>
                <c:pt idx="1666">
                  <c:v>414.39600000000002</c:v>
                </c:pt>
                <c:pt idx="1667">
                  <c:v>414.41199999999998</c:v>
                </c:pt>
                <c:pt idx="1668">
                  <c:v>414.59699999999998</c:v>
                </c:pt>
                <c:pt idx="1669">
                  <c:v>414.60899999999998</c:v>
                </c:pt>
                <c:pt idx="1670">
                  <c:v>415.06</c:v>
                </c:pt>
                <c:pt idx="1671">
                  <c:v>415.54399999999998</c:v>
                </c:pt>
                <c:pt idx="1672">
                  <c:v>415.99099999999999</c:v>
                </c:pt>
                <c:pt idx="1673">
                  <c:v>416.54599999999999</c:v>
                </c:pt>
                <c:pt idx="1674">
                  <c:v>417.32900000000001</c:v>
                </c:pt>
                <c:pt idx="1675">
                  <c:v>417.661</c:v>
                </c:pt>
                <c:pt idx="1676">
                  <c:v>417.38499999999999</c:v>
                </c:pt>
                <c:pt idx="1677">
                  <c:v>417.952</c:v>
                </c:pt>
                <c:pt idx="1678">
                  <c:v>417.93099999999998</c:v>
                </c:pt>
                <c:pt idx="1679">
                  <c:v>417.77699999999999</c:v>
                </c:pt>
                <c:pt idx="1680">
                  <c:v>418.47699999999998</c:v>
                </c:pt>
                <c:pt idx="1681">
                  <c:v>418.92</c:v>
                </c:pt>
                <c:pt idx="1682">
                  <c:v>419.39400000000001</c:v>
                </c:pt>
                <c:pt idx="1683">
                  <c:v>419.45</c:v>
                </c:pt>
                <c:pt idx="1684">
                  <c:v>419.74</c:v>
                </c:pt>
                <c:pt idx="1685">
                  <c:v>419.65600000000001</c:v>
                </c:pt>
                <c:pt idx="1686">
                  <c:v>419.59199999999998</c:v>
                </c:pt>
                <c:pt idx="1687">
                  <c:v>419.47899999999998</c:v>
                </c:pt>
                <c:pt idx="1688">
                  <c:v>419.49200000000002</c:v>
                </c:pt>
                <c:pt idx="1689">
                  <c:v>419.98200000000003</c:v>
                </c:pt>
                <c:pt idx="1690">
                  <c:v>420.27499999999998</c:v>
                </c:pt>
                <c:pt idx="1691">
                  <c:v>420.33</c:v>
                </c:pt>
                <c:pt idx="1692">
                  <c:v>420.79300000000001</c:v>
                </c:pt>
                <c:pt idx="1693">
                  <c:v>421.38799999999998</c:v>
                </c:pt>
                <c:pt idx="1694">
                  <c:v>421.62200000000001</c:v>
                </c:pt>
                <c:pt idx="1695">
                  <c:v>421.83199999999999</c:v>
                </c:pt>
                <c:pt idx="1696">
                  <c:v>422.11700000000002</c:v>
                </c:pt>
                <c:pt idx="1697">
                  <c:v>422.36700000000002</c:v>
                </c:pt>
                <c:pt idx="1698">
                  <c:v>422.92399999999998</c:v>
                </c:pt>
                <c:pt idx="1699">
                  <c:v>423.709</c:v>
                </c:pt>
                <c:pt idx="1700">
                  <c:v>423.726</c:v>
                </c:pt>
                <c:pt idx="1701">
                  <c:v>424.42399999999998</c:v>
                </c:pt>
                <c:pt idx="1702">
                  <c:v>424.9</c:v>
                </c:pt>
                <c:pt idx="1703">
                  <c:v>424.53100000000001</c:v>
                </c:pt>
                <c:pt idx="1704">
                  <c:v>424.47899999999998</c:v>
                </c:pt>
                <c:pt idx="1705">
                  <c:v>425.39400000000001</c:v>
                </c:pt>
                <c:pt idx="1706">
                  <c:v>426.185</c:v>
                </c:pt>
                <c:pt idx="1707">
                  <c:v>426.74099999999999</c:v>
                </c:pt>
                <c:pt idx="1708">
                  <c:v>426.79199999999997</c:v>
                </c:pt>
                <c:pt idx="1709">
                  <c:v>426.21</c:v>
                </c:pt>
                <c:pt idx="1710">
                  <c:v>426.68099999999998</c:v>
                </c:pt>
                <c:pt idx="1711">
                  <c:v>427.495</c:v>
                </c:pt>
                <c:pt idx="1712">
                  <c:v>428.02800000000002</c:v>
                </c:pt>
                <c:pt idx="1713">
                  <c:v>428.40199999999999</c:v>
                </c:pt>
                <c:pt idx="1714">
                  <c:v>428.58</c:v>
                </c:pt>
                <c:pt idx="1715">
                  <c:v>428.43599999999998</c:v>
                </c:pt>
                <c:pt idx="1716">
                  <c:v>427.80099999999999</c:v>
                </c:pt>
                <c:pt idx="1717">
                  <c:v>428.1</c:v>
                </c:pt>
                <c:pt idx="1718">
                  <c:v>428.48200000000003</c:v>
                </c:pt>
                <c:pt idx="1719">
                  <c:v>428.56900000000002</c:v>
                </c:pt>
                <c:pt idx="1720">
                  <c:v>428.67</c:v>
                </c:pt>
                <c:pt idx="1721">
                  <c:v>428.70400000000001</c:v>
                </c:pt>
                <c:pt idx="1722">
                  <c:v>428.87400000000002</c:v>
                </c:pt>
                <c:pt idx="1723">
                  <c:v>429.34</c:v>
                </c:pt>
                <c:pt idx="1724">
                  <c:v>429.88200000000001</c:v>
                </c:pt>
                <c:pt idx="1725">
                  <c:v>430.02100000000002</c:v>
                </c:pt>
                <c:pt idx="1726">
                  <c:v>430.44299999999998</c:v>
                </c:pt>
                <c:pt idx="1727">
                  <c:v>430.49599999999998</c:v>
                </c:pt>
                <c:pt idx="1728">
                  <c:v>431.464</c:v>
                </c:pt>
                <c:pt idx="1729">
                  <c:v>431.95800000000003</c:v>
                </c:pt>
                <c:pt idx="1730">
                  <c:v>432.29599999999999</c:v>
                </c:pt>
                <c:pt idx="1731">
                  <c:v>432.26600000000002</c:v>
                </c:pt>
                <c:pt idx="1732">
                  <c:v>432.67700000000002</c:v>
                </c:pt>
                <c:pt idx="1733">
                  <c:v>432.40800000000002</c:v>
                </c:pt>
                <c:pt idx="1734">
                  <c:v>433.11500000000001</c:v>
                </c:pt>
                <c:pt idx="1735">
                  <c:v>433.23700000000002</c:v>
                </c:pt>
                <c:pt idx="1736">
                  <c:v>433.178</c:v>
                </c:pt>
                <c:pt idx="1737">
                  <c:v>433.84399999999999</c:v>
                </c:pt>
                <c:pt idx="1738">
                  <c:v>434.20800000000003</c:v>
                </c:pt>
                <c:pt idx="1739">
                  <c:v>434.209</c:v>
                </c:pt>
                <c:pt idx="1740">
                  <c:v>433.88400000000001</c:v>
                </c:pt>
                <c:pt idx="1741">
                  <c:v>434.19799999999998</c:v>
                </c:pt>
                <c:pt idx="1742">
                  <c:v>434.80900000000003</c:v>
                </c:pt>
                <c:pt idx="1743">
                  <c:v>434.94499999999999</c:v>
                </c:pt>
                <c:pt idx="1744">
                  <c:v>435.23700000000002</c:v>
                </c:pt>
                <c:pt idx="1745">
                  <c:v>435.70800000000003</c:v>
                </c:pt>
                <c:pt idx="1746">
                  <c:v>435.822</c:v>
                </c:pt>
                <c:pt idx="1747">
                  <c:v>436.46100000000001</c:v>
                </c:pt>
                <c:pt idx="1748">
                  <c:v>436.58</c:v>
                </c:pt>
                <c:pt idx="1749">
                  <c:v>436.947</c:v>
                </c:pt>
                <c:pt idx="1750">
                  <c:v>437.38600000000002</c:v>
                </c:pt>
                <c:pt idx="1751">
                  <c:v>437.54500000000002</c:v>
                </c:pt>
                <c:pt idx="1752">
                  <c:v>437.41300000000001</c:v>
                </c:pt>
                <c:pt idx="1753">
                  <c:v>437.58300000000003</c:v>
                </c:pt>
                <c:pt idx="1754">
                  <c:v>437.89</c:v>
                </c:pt>
                <c:pt idx="1755">
                  <c:v>437.988</c:v>
                </c:pt>
                <c:pt idx="1756">
                  <c:v>438.17</c:v>
                </c:pt>
                <c:pt idx="1757">
                  <c:v>438.18799999999999</c:v>
                </c:pt>
                <c:pt idx="1758">
                  <c:v>438.70699999999999</c:v>
                </c:pt>
                <c:pt idx="1759">
                  <c:v>439.11099999999999</c:v>
                </c:pt>
                <c:pt idx="1760">
                  <c:v>439.34</c:v>
                </c:pt>
                <c:pt idx="1761">
                  <c:v>439.39600000000002</c:v>
                </c:pt>
                <c:pt idx="1762">
                  <c:v>439.33600000000001</c:v>
                </c:pt>
                <c:pt idx="1763">
                  <c:v>440.03399999999999</c:v>
                </c:pt>
                <c:pt idx="1764">
                  <c:v>440.77600000000001</c:v>
                </c:pt>
                <c:pt idx="1765">
                  <c:v>441.03699999999998</c:v>
                </c:pt>
                <c:pt idx="1766">
                  <c:v>441.072</c:v>
                </c:pt>
                <c:pt idx="1767">
                  <c:v>441.82299999999998</c:v>
                </c:pt>
                <c:pt idx="1768">
                  <c:v>442.363</c:v>
                </c:pt>
                <c:pt idx="1769">
                  <c:v>442.28800000000001</c:v>
                </c:pt>
                <c:pt idx="1770">
                  <c:v>442.07400000000001</c:v>
                </c:pt>
                <c:pt idx="1771">
                  <c:v>442.041</c:v>
                </c:pt>
                <c:pt idx="1772">
                  <c:v>442.02199999999999</c:v>
                </c:pt>
                <c:pt idx="1773">
                  <c:v>442.65</c:v>
                </c:pt>
                <c:pt idx="1774">
                  <c:v>442.75900000000001</c:v>
                </c:pt>
                <c:pt idx="1775">
                  <c:v>442.93400000000003</c:v>
                </c:pt>
                <c:pt idx="1776">
                  <c:v>443.06700000000001</c:v>
                </c:pt>
                <c:pt idx="1777">
                  <c:v>443.125</c:v>
                </c:pt>
                <c:pt idx="1778">
                  <c:v>443.85300000000001</c:v>
                </c:pt>
                <c:pt idx="1779">
                  <c:v>443.59300000000002</c:v>
                </c:pt>
                <c:pt idx="1780">
                  <c:v>443.9</c:v>
                </c:pt>
                <c:pt idx="1781">
                  <c:v>443.98399999999998</c:v>
                </c:pt>
                <c:pt idx="1782">
                  <c:v>444.13499999999999</c:v>
                </c:pt>
                <c:pt idx="1783">
                  <c:v>444.58</c:v>
                </c:pt>
                <c:pt idx="1784">
                  <c:v>444.98</c:v>
                </c:pt>
                <c:pt idx="1785">
                  <c:v>445.29399999999998</c:v>
                </c:pt>
                <c:pt idx="1786">
                  <c:v>445.55399999999997</c:v>
                </c:pt>
                <c:pt idx="1787">
                  <c:v>446.05200000000002</c:v>
                </c:pt>
                <c:pt idx="1788">
                  <c:v>446.43299999999999</c:v>
                </c:pt>
                <c:pt idx="1789">
                  <c:v>446.733</c:v>
                </c:pt>
                <c:pt idx="1790">
                  <c:v>446.87900000000002</c:v>
                </c:pt>
                <c:pt idx="1791">
                  <c:v>447.15199999999999</c:v>
                </c:pt>
                <c:pt idx="1792">
                  <c:v>447.50099999999998</c:v>
                </c:pt>
                <c:pt idx="1793">
                  <c:v>447.84800000000001</c:v>
                </c:pt>
                <c:pt idx="1794">
                  <c:v>448.34199999999998</c:v>
                </c:pt>
                <c:pt idx="1795">
                  <c:v>448.53199999999998</c:v>
                </c:pt>
                <c:pt idx="1796">
                  <c:v>449.053</c:v>
                </c:pt>
                <c:pt idx="1797">
                  <c:v>449.32100000000003</c:v>
                </c:pt>
                <c:pt idx="1798">
                  <c:v>449.53800000000001</c:v>
                </c:pt>
                <c:pt idx="1799">
                  <c:v>450.11900000000003</c:v>
                </c:pt>
                <c:pt idx="1800">
                  <c:v>450.04199999999997</c:v>
                </c:pt>
                <c:pt idx="1801">
                  <c:v>450.54399999999998</c:v>
                </c:pt>
                <c:pt idx="1802">
                  <c:v>450.47</c:v>
                </c:pt>
                <c:pt idx="1803">
                  <c:v>450.483</c:v>
                </c:pt>
                <c:pt idx="1804">
                  <c:v>450.95499999999998</c:v>
                </c:pt>
                <c:pt idx="1805">
                  <c:v>451.416</c:v>
                </c:pt>
                <c:pt idx="1806">
                  <c:v>451.60199999999998</c:v>
                </c:pt>
                <c:pt idx="1807">
                  <c:v>451.69200000000001</c:v>
                </c:pt>
                <c:pt idx="1808">
                  <c:v>451.62400000000002</c:v>
                </c:pt>
                <c:pt idx="1809">
                  <c:v>452.524</c:v>
                </c:pt>
                <c:pt idx="1810">
                  <c:v>452.99</c:v>
                </c:pt>
                <c:pt idx="1811">
                  <c:v>453.26900000000001</c:v>
                </c:pt>
                <c:pt idx="1812">
                  <c:v>453.58199999999999</c:v>
                </c:pt>
                <c:pt idx="1813">
                  <c:v>453.83100000000002</c:v>
                </c:pt>
                <c:pt idx="1814">
                  <c:v>453.81099999999998</c:v>
                </c:pt>
                <c:pt idx="1815">
                  <c:v>454.03699999999998</c:v>
                </c:pt>
                <c:pt idx="1816">
                  <c:v>454.36599999999999</c:v>
                </c:pt>
                <c:pt idx="1817">
                  <c:v>454.49700000000001</c:v>
                </c:pt>
                <c:pt idx="1818">
                  <c:v>454.70499999999998</c:v>
                </c:pt>
                <c:pt idx="1819">
                  <c:v>454.88499999999999</c:v>
                </c:pt>
                <c:pt idx="1820">
                  <c:v>454.89299999999997</c:v>
                </c:pt>
                <c:pt idx="1821">
                  <c:v>454.94400000000002</c:v>
                </c:pt>
                <c:pt idx="1822">
                  <c:v>454.91</c:v>
                </c:pt>
                <c:pt idx="1823">
                  <c:v>455.45100000000002</c:v>
                </c:pt>
                <c:pt idx="1824">
                  <c:v>456.16500000000002</c:v>
                </c:pt>
                <c:pt idx="1825">
                  <c:v>456.245</c:v>
                </c:pt>
                <c:pt idx="1826">
                  <c:v>456.51299999999998</c:v>
                </c:pt>
                <c:pt idx="1827">
                  <c:v>456.82900000000001</c:v>
                </c:pt>
                <c:pt idx="1828">
                  <c:v>456.964</c:v>
                </c:pt>
                <c:pt idx="1829">
                  <c:v>456.81900000000002</c:v>
                </c:pt>
                <c:pt idx="1830">
                  <c:v>457.125</c:v>
                </c:pt>
                <c:pt idx="1831">
                  <c:v>457.11</c:v>
                </c:pt>
                <c:pt idx="1832">
                  <c:v>457.16</c:v>
                </c:pt>
                <c:pt idx="1833">
                  <c:v>457.46899999999999</c:v>
                </c:pt>
                <c:pt idx="1834">
                  <c:v>458.05700000000002</c:v>
                </c:pt>
                <c:pt idx="1835">
                  <c:v>458.37599999999998</c:v>
                </c:pt>
                <c:pt idx="1836">
                  <c:v>458.74400000000003</c:v>
                </c:pt>
                <c:pt idx="1837">
                  <c:v>458.85199999999998</c:v>
                </c:pt>
                <c:pt idx="1838">
                  <c:v>459.149</c:v>
                </c:pt>
                <c:pt idx="1839">
                  <c:v>459.13799999999998</c:v>
                </c:pt>
                <c:pt idx="1840">
                  <c:v>459.16800000000001</c:v>
                </c:pt>
                <c:pt idx="1841">
                  <c:v>459.584</c:v>
                </c:pt>
                <c:pt idx="1842">
                  <c:v>459.75</c:v>
                </c:pt>
                <c:pt idx="1843">
                  <c:v>459.68200000000002</c:v>
                </c:pt>
                <c:pt idx="1844">
                  <c:v>460.64600000000002</c:v>
                </c:pt>
                <c:pt idx="1845">
                  <c:v>461.01499999999999</c:v>
                </c:pt>
                <c:pt idx="1846">
                  <c:v>461.41</c:v>
                </c:pt>
                <c:pt idx="1847">
                  <c:v>461.596</c:v>
                </c:pt>
                <c:pt idx="1848">
                  <c:v>461.55200000000002</c:v>
                </c:pt>
                <c:pt idx="1849">
                  <c:v>461.62</c:v>
                </c:pt>
                <c:pt idx="1850">
                  <c:v>461.98599999999999</c:v>
                </c:pt>
                <c:pt idx="1851">
                  <c:v>462.44499999999999</c:v>
                </c:pt>
                <c:pt idx="1852">
                  <c:v>462.89499999999998</c:v>
                </c:pt>
                <c:pt idx="1853">
                  <c:v>462.92899999999997</c:v>
                </c:pt>
                <c:pt idx="1854">
                  <c:v>462.95</c:v>
                </c:pt>
                <c:pt idx="1855">
                  <c:v>462.9</c:v>
                </c:pt>
                <c:pt idx="1856">
                  <c:v>463.036</c:v>
                </c:pt>
                <c:pt idx="1857">
                  <c:v>463.459</c:v>
                </c:pt>
                <c:pt idx="1858">
                  <c:v>463.68700000000001</c:v>
                </c:pt>
                <c:pt idx="1859">
                  <c:v>463.76900000000001</c:v>
                </c:pt>
                <c:pt idx="1860">
                  <c:v>464.13900000000001</c:v>
                </c:pt>
                <c:pt idx="1861">
                  <c:v>464.57799999999997</c:v>
                </c:pt>
                <c:pt idx="1862">
                  <c:v>464.64400000000001</c:v>
                </c:pt>
                <c:pt idx="1863">
                  <c:v>465.03</c:v>
                </c:pt>
                <c:pt idx="1864">
                  <c:v>465.48</c:v>
                </c:pt>
                <c:pt idx="1865">
                  <c:v>465.92500000000001</c:v>
                </c:pt>
                <c:pt idx="1866">
                  <c:v>466.36799999999999</c:v>
                </c:pt>
                <c:pt idx="1867">
                  <c:v>466.63499999999999</c:v>
                </c:pt>
                <c:pt idx="1868">
                  <c:v>467.09800000000001</c:v>
                </c:pt>
                <c:pt idx="1869">
                  <c:v>467.60500000000002</c:v>
                </c:pt>
                <c:pt idx="1870">
                  <c:v>467.79</c:v>
                </c:pt>
                <c:pt idx="1871">
                  <c:v>468.209</c:v>
                </c:pt>
                <c:pt idx="1872">
                  <c:v>468.584</c:v>
                </c:pt>
                <c:pt idx="1873">
                  <c:v>468.68099999999998</c:v>
                </c:pt>
                <c:pt idx="1874">
                  <c:v>468.87599999999998</c:v>
                </c:pt>
                <c:pt idx="1875">
                  <c:v>469.04899999999998</c:v>
                </c:pt>
                <c:pt idx="1876">
                  <c:v>469.26900000000001</c:v>
                </c:pt>
                <c:pt idx="1877">
                  <c:v>469.32499999999999</c:v>
                </c:pt>
                <c:pt idx="1878">
                  <c:v>469.94299999999998</c:v>
                </c:pt>
                <c:pt idx="1879">
                  <c:v>470.12900000000002</c:v>
                </c:pt>
                <c:pt idx="1880">
                  <c:v>470.14</c:v>
                </c:pt>
                <c:pt idx="1881">
                  <c:v>470.65600000000001</c:v>
                </c:pt>
                <c:pt idx="1882">
                  <c:v>470.90199999999999</c:v>
                </c:pt>
                <c:pt idx="1883">
                  <c:v>470.96300000000002</c:v>
                </c:pt>
                <c:pt idx="1884">
                  <c:v>471.392</c:v>
                </c:pt>
                <c:pt idx="1885">
                  <c:v>471.65</c:v>
                </c:pt>
                <c:pt idx="1886">
                  <c:v>471.73</c:v>
                </c:pt>
                <c:pt idx="1887">
                  <c:v>472.16699999999997</c:v>
                </c:pt>
                <c:pt idx="1888">
                  <c:v>472.50799999999998</c:v>
                </c:pt>
                <c:pt idx="1889">
                  <c:v>472.779</c:v>
                </c:pt>
                <c:pt idx="1890">
                  <c:v>472.07799999999997</c:v>
                </c:pt>
                <c:pt idx="1891">
                  <c:v>472.62200000000001</c:v>
                </c:pt>
                <c:pt idx="1892">
                  <c:v>473.25700000000001</c:v>
                </c:pt>
                <c:pt idx="1893">
                  <c:v>473.85399999999998</c:v>
                </c:pt>
                <c:pt idx="1894">
                  <c:v>474.07600000000002</c:v>
                </c:pt>
                <c:pt idx="1895">
                  <c:v>474.34399999999999</c:v>
                </c:pt>
                <c:pt idx="1896">
                  <c:v>474.34800000000001</c:v>
                </c:pt>
                <c:pt idx="1897">
                  <c:v>474.76600000000002</c:v>
                </c:pt>
                <c:pt idx="1898">
                  <c:v>474.98700000000002</c:v>
                </c:pt>
                <c:pt idx="1899">
                  <c:v>475.471</c:v>
                </c:pt>
                <c:pt idx="1900">
                  <c:v>475.58300000000003</c:v>
                </c:pt>
                <c:pt idx="1901">
                  <c:v>475.61599999999999</c:v>
                </c:pt>
                <c:pt idx="1902">
                  <c:v>475.88600000000002</c:v>
                </c:pt>
                <c:pt idx="1903">
                  <c:v>476.31599999999997</c:v>
                </c:pt>
                <c:pt idx="1904">
                  <c:v>476.76499999999999</c:v>
                </c:pt>
                <c:pt idx="1905">
                  <c:v>476.88</c:v>
                </c:pt>
                <c:pt idx="1906">
                  <c:v>476.68400000000003</c:v>
                </c:pt>
                <c:pt idx="1907">
                  <c:v>476.49599999999998</c:v>
                </c:pt>
                <c:pt idx="1908">
                  <c:v>476.846</c:v>
                </c:pt>
                <c:pt idx="1909">
                  <c:v>477.49599999999998</c:v>
                </c:pt>
                <c:pt idx="1910">
                  <c:v>477.63799999999998</c:v>
                </c:pt>
                <c:pt idx="1911">
                  <c:v>478.02699999999999</c:v>
                </c:pt>
                <c:pt idx="1912">
                  <c:v>478.45</c:v>
                </c:pt>
                <c:pt idx="1913">
                  <c:v>478.60399999999998</c:v>
                </c:pt>
                <c:pt idx="1914">
                  <c:v>478.86799999999999</c:v>
                </c:pt>
                <c:pt idx="1915">
                  <c:v>478.92099999999999</c:v>
                </c:pt>
                <c:pt idx="1916">
                  <c:v>479.56599999999997</c:v>
                </c:pt>
                <c:pt idx="1917">
                  <c:v>479.66500000000002</c:v>
                </c:pt>
                <c:pt idx="1918">
                  <c:v>479.81400000000002</c:v>
                </c:pt>
                <c:pt idx="1919">
                  <c:v>480.19499999999999</c:v>
                </c:pt>
                <c:pt idx="1920">
                  <c:v>480.58600000000001</c:v>
                </c:pt>
                <c:pt idx="1921">
                  <c:v>480.62099999999998</c:v>
                </c:pt>
                <c:pt idx="1922">
                  <c:v>481.05799999999999</c:v>
                </c:pt>
                <c:pt idx="1923">
                  <c:v>481.28300000000002</c:v>
                </c:pt>
                <c:pt idx="1924">
                  <c:v>481.16800000000001</c:v>
                </c:pt>
                <c:pt idx="1925">
                  <c:v>481.33800000000002</c:v>
                </c:pt>
                <c:pt idx="1926">
                  <c:v>481.78399999999999</c:v>
                </c:pt>
                <c:pt idx="1927">
                  <c:v>481.85599999999999</c:v>
                </c:pt>
                <c:pt idx="1928">
                  <c:v>482.02300000000002</c:v>
                </c:pt>
                <c:pt idx="1929">
                  <c:v>482.33300000000003</c:v>
                </c:pt>
                <c:pt idx="1930">
                  <c:v>482.62900000000002</c:v>
                </c:pt>
                <c:pt idx="1931">
                  <c:v>482.73899999999998</c:v>
                </c:pt>
                <c:pt idx="1932">
                  <c:v>483.05099999999999</c:v>
                </c:pt>
                <c:pt idx="1933">
                  <c:v>483.47399999999999</c:v>
                </c:pt>
                <c:pt idx="1934">
                  <c:v>483.83</c:v>
                </c:pt>
                <c:pt idx="1935">
                  <c:v>484.14299999999997</c:v>
                </c:pt>
                <c:pt idx="1936">
                  <c:v>484.49599999999998</c:v>
                </c:pt>
                <c:pt idx="1937">
                  <c:v>485.06200000000001</c:v>
                </c:pt>
                <c:pt idx="1938">
                  <c:v>484.96499999999997</c:v>
                </c:pt>
                <c:pt idx="1939">
                  <c:v>485.11399999999998</c:v>
                </c:pt>
                <c:pt idx="1940">
                  <c:v>485.452</c:v>
                </c:pt>
                <c:pt idx="1941">
                  <c:v>485.75200000000001</c:v>
                </c:pt>
                <c:pt idx="1942">
                  <c:v>486.14100000000002</c:v>
                </c:pt>
                <c:pt idx="1943">
                  <c:v>486.291</c:v>
                </c:pt>
                <c:pt idx="1944">
                  <c:v>486.65800000000002</c:v>
                </c:pt>
                <c:pt idx="1945">
                  <c:v>487.01499999999999</c:v>
                </c:pt>
                <c:pt idx="1946">
                  <c:v>487.05599999999998</c:v>
                </c:pt>
                <c:pt idx="1947">
                  <c:v>487.41199999999998</c:v>
                </c:pt>
                <c:pt idx="1948">
                  <c:v>487.94400000000002</c:v>
                </c:pt>
                <c:pt idx="1949">
                  <c:v>487.78800000000001</c:v>
                </c:pt>
                <c:pt idx="1950">
                  <c:v>488.19200000000001</c:v>
                </c:pt>
                <c:pt idx="1951">
                  <c:v>488.43599999999998</c:v>
                </c:pt>
                <c:pt idx="1952">
                  <c:v>488.61700000000002</c:v>
                </c:pt>
                <c:pt idx="1953">
                  <c:v>489.02100000000002</c:v>
                </c:pt>
                <c:pt idx="1954">
                  <c:v>489.31200000000001</c:v>
                </c:pt>
                <c:pt idx="1955">
                  <c:v>489.685</c:v>
                </c:pt>
                <c:pt idx="1956">
                  <c:v>489.988</c:v>
                </c:pt>
                <c:pt idx="1957">
                  <c:v>490.34899999999999</c:v>
                </c:pt>
                <c:pt idx="1958">
                  <c:v>490.50099999999998</c:v>
                </c:pt>
                <c:pt idx="1959">
                  <c:v>490.93900000000002</c:v>
                </c:pt>
                <c:pt idx="1960">
                  <c:v>490.98200000000003</c:v>
                </c:pt>
                <c:pt idx="1961">
                  <c:v>491.25099999999998</c:v>
                </c:pt>
                <c:pt idx="1962">
                  <c:v>491.31700000000001</c:v>
                </c:pt>
                <c:pt idx="1963">
                  <c:v>491.68</c:v>
                </c:pt>
                <c:pt idx="1964">
                  <c:v>492.13799999999998</c:v>
                </c:pt>
                <c:pt idx="1965">
                  <c:v>492.38200000000001</c:v>
                </c:pt>
                <c:pt idx="1966">
                  <c:v>492.60700000000003</c:v>
                </c:pt>
                <c:pt idx="1967">
                  <c:v>492.786</c:v>
                </c:pt>
                <c:pt idx="1968">
                  <c:v>493.096</c:v>
                </c:pt>
                <c:pt idx="1969">
                  <c:v>493.30500000000001</c:v>
                </c:pt>
                <c:pt idx="1970">
                  <c:v>493.64400000000001</c:v>
                </c:pt>
                <c:pt idx="1971">
                  <c:v>493.91300000000001</c:v>
                </c:pt>
                <c:pt idx="1972">
                  <c:v>494.24200000000002</c:v>
                </c:pt>
                <c:pt idx="1973">
                  <c:v>494.74</c:v>
                </c:pt>
                <c:pt idx="1974">
                  <c:v>495.08499999999998</c:v>
                </c:pt>
                <c:pt idx="1975">
                  <c:v>495.351</c:v>
                </c:pt>
                <c:pt idx="1976">
                  <c:v>495.464</c:v>
                </c:pt>
                <c:pt idx="1977">
                  <c:v>495.52</c:v>
                </c:pt>
                <c:pt idx="1978">
                  <c:v>495.97199999999998</c:v>
                </c:pt>
                <c:pt idx="1979">
                  <c:v>495.84399999999999</c:v>
                </c:pt>
                <c:pt idx="1980">
                  <c:v>496.30099999999999</c:v>
                </c:pt>
                <c:pt idx="1981">
                  <c:v>496.65300000000002</c:v>
                </c:pt>
                <c:pt idx="1982">
                  <c:v>496.74299999999999</c:v>
                </c:pt>
                <c:pt idx="1983">
                  <c:v>496.93200000000002</c:v>
                </c:pt>
                <c:pt idx="1984">
                  <c:v>497.21899999999999</c:v>
                </c:pt>
                <c:pt idx="1985">
                  <c:v>497.52499999999998</c:v>
                </c:pt>
                <c:pt idx="1986">
                  <c:v>497.68700000000001</c:v>
                </c:pt>
                <c:pt idx="1987">
                  <c:v>497.99400000000003</c:v>
                </c:pt>
                <c:pt idx="1988">
                  <c:v>498.464</c:v>
                </c:pt>
                <c:pt idx="1989">
                  <c:v>498.553</c:v>
                </c:pt>
                <c:pt idx="1990">
                  <c:v>498.78300000000002</c:v>
                </c:pt>
                <c:pt idx="1991">
                  <c:v>499.19099999999997</c:v>
                </c:pt>
                <c:pt idx="1992">
                  <c:v>499.517</c:v>
                </c:pt>
                <c:pt idx="1993">
                  <c:v>499.779</c:v>
                </c:pt>
                <c:pt idx="1994">
                  <c:v>500.024</c:v>
                </c:pt>
                <c:pt idx="1995">
                  <c:v>500.27300000000002</c:v>
                </c:pt>
                <c:pt idx="1996">
                  <c:v>500.32299999999998</c:v>
                </c:pt>
                <c:pt idx="1997">
                  <c:v>500.59100000000001</c:v>
                </c:pt>
                <c:pt idx="1998">
                  <c:v>500.90300000000002</c:v>
                </c:pt>
                <c:pt idx="1999">
                  <c:v>501.06</c:v>
                </c:pt>
                <c:pt idx="2000">
                  <c:v>501.18299999999999</c:v>
                </c:pt>
                <c:pt idx="2001">
                  <c:v>501.55500000000001</c:v>
                </c:pt>
                <c:pt idx="2002">
                  <c:v>501.94</c:v>
                </c:pt>
                <c:pt idx="2003">
                  <c:v>502.22500000000002</c:v>
                </c:pt>
                <c:pt idx="2004">
                  <c:v>502.49700000000001</c:v>
                </c:pt>
                <c:pt idx="2005">
                  <c:v>502.79300000000001</c:v>
                </c:pt>
                <c:pt idx="2006">
                  <c:v>502.90199999999999</c:v>
                </c:pt>
                <c:pt idx="2007">
                  <c:v>503.41500000000002</c:v>
                </c:pt>
                <c:pt idx="2008">
                  <c:v>503.82299999999998</c:v>
                </c:pt>
                <c:pt idx="2009">
                  <c:v>503.98099999999999</c:v>
                </c:pt>
                <c:pt idx="2010">
                  <c:v>504.22199999999998</c:v>
                </c:pt>
                <c:pt idx="2011">
                  <c:v>504.637</c:v>
                </c:pt>
                <c:pt idx="2012">
                  <c:v>504.83100000000002</c:v>
                </c:pt>
                <c:pt idx="2013">
                  <c:v>505.45800000000003</c:v>
                </c:pt>
                <c:pt idx="2014">
                  <c:v>505.54500000000002</c:v>
                </c:pt>
                <c:pt idx="2015">
                  <c:v>505.55399999999997</c:v>
                </c:pt>
                <c:pt idx="2016">
                  <c:v>505.95400000000001</c:v>
                </c:pt>
                <c:pt idx="2017">
                  <c:v>506.33600000000001</c:v>
                </c:pt>
                <c:pt idx="2018">
                  <c:v>506.32100000000003</c:v>
                </c:pt>
                <c:pt idx="2019">
                  <c:v>506.34199999999998</c:v>
                </c:pt>
                <c:pt idx="2020">
                  <c:v>506.49400000000003</c:v>
                </c:pt>
                <c:pt idx="2021">
                  <c:v>507.17700000000002</c:v>
                </c:pt>
                <c:pt idx="2022">
                  <c:v>507.42599999999999</c:v>
                </c:pt>
                <c:pt idx="2023">
                  <c:v>507.67599999999999</c:v>
                </c:pt>
                <c:pt idx="2024">
                  <c:v>507.51600000000002</c:v>
                </c:pt>
                <c:pt idx="2025">
                  <c:v>507.78199999999998</c:v>
                </c:pt>
                <c:pt idx="2026">
                  <c:v>507.85199999999998</c:v>
                </c:pt>
                <c:pt idx="2027">
                  <c:v>507.97399999999999</c:v>
                </c:pt>
                <c:pt idx="2028">
                  <c:v>508.43099999999998</c:v>
                </c:pt>
                <c:pt idx="2029">
                  <c:v>508.60300000000001</c:v>
                </c:pt>
                <c:pt idx="2030">
                  <c:v>509.10500000000002</c:v>
                </c:pt>
                <c:pt idx="2031">
                  <c:v>509.48399999999998</c:v>
                </c:pt>
                <c:pt idx="2032">
                  <c:v>509.87099999999998</c:v>
                </c:pt>
                <c:pt idx="2033">
                  <c:v>509.87099999999998</c:v>
                </c:pt>
                <c:pt idx="2034">
                  <c:v>510.06099999999998</c:v>
                </c:pt>
                <c:pt idx="2035">
                  <c:v>510.59100000000001</c:v>
                </c:pt>
                <c:pt idx="2036">
                  <c:v>510.90800000000002</c:v>
                </c:pt>
                <c:pt idx="2037">
                  <c:v>511.35599999999999</c:v>
                </c:pt>
                <c:pt idx="2038">
                  <c:v>511.57400000000001</c:v>
                </c:pt>
                <c:pt idx="2039">
                  <c:v>511.99599999999998</c:v>
                </c:pt>
                <c:pt idx="2040">
                  <c:v>512.31100000000004</c:v>
                </c:pt>
                <c:pt idx="2041">
                  <c:v>512.51800000000003</c:v>
                </c:pt>
                <c:pt idx="2042">
                  <c:v>512.71199999999999</c:v>
                </c:pt>
                <c:pt idx="2043">
                  <c:v>513.03599999999994</c:v>
                </c:pt>
                <c:pt idx="2044">
                  <c:v>513.09100000000001</c:v>
                </c:pt>
                <c:pt idx="2045">
                  <c:v>513.25900000000001</c:v>
                </c:pt>
                <c:pt idx="2046">
                  <c:v>513.83100000000002</c:v>
                </c:pt>
                <c:pt idx="2047">
                  <c:v>514.19200000000001</c:v>
                </c:pt>
                <c:pt idx="2048">
                  <c:v>514.61500000000001</c:v>
                </c:pt>
                <c:pt idx="2049">
                  <c:v>514.76900000000001</c:v>
                </c:pt>
                <c:pt idx="2050">
                  <c:v>514.92999999999995</c:v>
                </c:pt>
                <c:pt idx="2051">
                  <c:v>515.24599999999998</c:v>
                </c:pt>
                <c:pt idx="2052">
                  <c:v>515.35299999999995</c:v>
                </c:pt>
                <c:pt idx="2053">
                  <c:v>515.697</c:v>
                </c:pt>
                <c:pt idx="2054">
                  <c:v>516.20899999999995</c:v>
                </c:pt>
                <c:pt idx="2055">
                  <c:v>516.25699999999995</c:v>
                </c:pt>
                <c:pt idx="2056">
                  <c:v>516.44500000000005</c:v>
                </c:pt>
                <c:pt idx="2057">
                  <c:v>516.73400000000004</c:v>
                </c:pt>
                <c:pt idx="2058">
                  <c:v>517.25</c:v>
                </c:pt>
                <c:pt idx="2059">
                  <c:v>517.57399999999996</c:v>
                </c:pt>
                <c:pt idx="2060">
                  <c:v>517.76099999999997</c:v>
                </c:pt>
                <c:pt idx="2061">
                  <c:v>518.14099999999996</c:v>
                </c:pt>
                <c:pt idx="2062">
                  <c:v>518.28700000000003</c:v>
                </c:pt>
                <c:pt idx="2063">
                  <c:v>518.65</c:v>
                </c:pt>
                <c:pt idx="2064">
                  <c:v>518.89300000000003</c:v>
                </c:pt>
                <c:pt idx="2065">
                  <c:v>518.87599999999998</c:v>
                </c:pt>
                <c:pt idx="2066">
                  <c:v>519.04200000000003</c:v>
                </c:pt>
                <c:pt idx="2067">
                  <c:v>519.36800000000005</c:v>
                </c:pt>
                <c:pt idx="2068">
                  <c:v>519.68299999999999</c:v>
                </c:pt>
                <c:pt idx="2069">
                  <c:v>519.88499999999999</c:v>
                </c:pt>
                <c:pt idx="2070">
                  <c:v>520.26800000000003</c:v>
                </c:pt>
                <c:pt idx="2071">
                  <c:v>520.55600000000004</c:v>
                </c:pt>
                <c:pt idx="2072">
                  <c:v>520.59299999999996</c:v>
                </c:pt>
                <c:pt idx="2073">
                  <c:v>521.06799999999998</c:v>
                </c:pt>
                <c:pt idx="2074">
                  <c:v>521.42100000000005</c:v>
                </c:pt>
                <c:pt idx="2075">
                  <c:v>521.56600000000003</c:v>
                </c:pt>
                <c:pt idx="2076">
                  <c:v>521.70299999999997</c:v>
                </c:pt>
                <c:pt idx="2077">
                  <c:v>521.78899999999999</c:v>
                </c:pt>
                <c:pt idx="2078">
                  <c:v>521.97299999999996</c:v>
                </c:pt>
                <c:pt idx="2079">
                  <c:v>522.67499999999995</c:v>
                </c:pt>
                <c:pt idx="2080">
                  <c:v>522.96600000000001</c:v>
                </c:pt>
                <c:pt idx="2081">
                  <c:v>523.23699999999997</c:v>
                </c:pt>
                <c:pt idx="2082">
                  <c:v>523.28</c:v>
                </c:pt>
                <c:pt idx="2083">
                  <c:v>523.68100000000004</c:v>
                </c:pt>
                <c:pt idx="2084">
                  <c:v>523.71</c:v>
                </c:pt>
                <c:pt idx="2085">
                  <c:v>524.03800000000001</c:v>
                </c:pt>
                <c:pt idx="2086">
                  <c:v>524.28</c:v>
                </c:pt>
                <c:pt idx="2087">
                  <c:v>524.29700000000003</c:v>
                </c:pt>
                <c:pt idx="2088">
                  <c:v>524.69399999999996</c:v>
                </c:pt>
                <c:pt idx="2089">
                  <c:v>524.95399999999995</c:v>
                </c:pt>
                <c:pt idx="2090">
                  <c:v>525.00699999999995</c:v>
                </c:pt>
                <c:pt idx="2091">
                  <c:v>525.19399999999996</c:v>
                </c:pt>
                <c:pt idx="2092">
                  <c:v>525.40300000000002</c:v>
                </c:pt>
                <c:pt idx="2093">
                  <c:v>525.673</c:v>
                </c:pt>
                <c:pt idx="2094">
                  <c:v>526.24</c:v>
                </c:pt>
                <c:pt idx="2095">
                  <c:v>526.52300000000002</c:v>
                </c:pt>
                <c:pt idx="2096">
                  <c:v>526.75800000000004</c:v>
                </c:pt>
                <c:pt idx="2097">
                  <c:v>527.00400000000002</c:v>
                </c:pt>
                <c:pt idx="2098">
                  <c:v>527.41300000000001</c:v>
                </c:pt>
                <c:pt idx="2099">
                  <c:v>527.64300000000003</c:v>
                </c:pt>
                <c:pt idx="2100">
                  <c:v>528.15200000000004</c:v>
                </c:pt>
                <c:pt idx="2101">
                  <c:v>528.10599999999999</c:v>
                </c:pt>
                <c:pt idx="2102">
                  <c:v>528.30200000000002</c:v>
                </c:pt>
                <c:pt idx="2103">
                  <c:v>528.59100000000001</c:v>
                </c:pt>
                <c:pt idx="2104">
                  <c:v>528.93499999999995</c:v>
                </c:pt>
                <c:pt idx="2105">
                  <c:v>529.26900000000001</c:v>
                </c:pt>
                <c:pt idx="2106">
                  <c:v>529.45600000000002</c:v>
                </c:pt>
                <c:pt idx="2107">
                  <c:v>529.66499999999996</c:v>
                </c:pt>
                <c:pt idx="2108">
                  <c:v>529.95000000000005</c:v>
                </c:pt>
                <c:pt idx="2109">
                  <c:v>530.15300000000002</c:v>
                </c:pt>
                <c:pt idx="2110">
                  <c:v>530.45600000000002</c:v>
                </c:pt>
                <c:pt idx="2111">
                  <c:v>530.947</c:v>
                </c:pt>
                <c:pt idx="2112">
                  <c:v>530.96199999999999</c:v>
                </c:pt>
                <c:pt idx="2113">
                  <c:v>530.84299999999996</c:v>
                </c:pt>
                <c:pt idx="2114">
                  <c:v>531.03700000000003</c:v>
                </c:pt>
                <c:pt idx="2115">
                  <c:v>531.37400000000002</c:v>
                </c:pt>
                <c:pt idx="2116">
                  <c:v>531.84100000000001</c:v>
                </c:pt>
                <c:pt idx="2117">
                  <c:v>532.02599999999995</c:v>
                </c:pt>
                <c:pt idx="2118">
                  <c:v>532.02200000000005</c:v>
                </c:pt>
                <c:pt idx="2119">
                  <c:v>532.45100000000002</c:v>
                </c:pt>
                <c:pt idx="2120">
                  <c:v>532.82799999999997</c:v>
                </c:pt>
                <c:pt idx="2121">
                  <c:v>533.31799999999998</c:v>
                </c:pt>
                <c:pt idx="2122">
                  <c:v>533.73299999999995</c:v>
                </c:pt>
                <c:pt idx="2123">
                  <c:v>533.74</c:v>
                </c:pt>
                <c:pt idx="2124">
                  <c:v>534.05200000000002</c:v>
                </c:pt>
                <c:pt idx="2125">
                  <c:v>534.45299999999997</c:v>
                </c:pt>
                <c:pt idx="2126">
                  <c:v>534.94200000000001</c:v>
                </c:pt>
                <c:pt idx="2127">
                  <c:v>535.14099999999996</c:v>
                </c:pt>
                <c:pt idx="2128">
                  <c:v>535.12800000000004</c:v>
                </c:pt>
                <c:pt idx="2129">
                  <c:v>535.61699999999996</c:v>
                </c:pt>
                <c:pt idx="2130">
                  <c:v>535.86800000000005</c:v>
                </c:pt>
                <c:pt idx="2131">
                  <c:v>536.04200000000003</c:v>
                </c:pt>
                <c:pt idx="2132">
                  <c:v>536.18700000000001</c:v>
                </c:pt>
                <c:pt idx="2133">
                  <c:v>536.54300000000001</c:v>
                </c:pt>
                <c:pt idx="2134">
                  <c:v>536.60299999999995</c:v>
                </c:pt>
                <c:pt idx="2135">
                  <c:v>536.971</c:v>
                </c:pt>
                <c:pt idx="2136">
                  <c:v>537.14400000000001</c:v>
                </c:pt>
                <c:pt idx="2137">
                  <c:v>537.44899999999996</c:v>
                </c:pt>
                <c:pt idx="2138">
                  <c:v>537.98099999999999</c:v>
                </c:pt>
                <c:pt idx="2139">
                  <c:v>538.25800000000004</c:v>
                </c:pt>
                <c:pt idx="2140">
                  <c:v>538.548</c:v>
                </c:pt>
                <c:pt idx="2141">
                  <c:v>538.74800000000005</c:v>
                </c:pt>
                <c:pt idx="2142">
                  <c:v>538.81899999999996</c:v>
                </c:pt>
                <c:pt idx="2143">
                  <c:v>538.88099999999997</c:v>
                </c:pt>
                <c:pt idx="2144">
                  <c:v>539.09400000000005</c:v>
                </c:pt>
                <c:pt idx="2145">
                  <c:v>539.42899999999997</c:v>
                </c:pt>
                <c:pt idx="2146">
                  <c:v>539.69600000000003</c:v>
                </c:pt>
                <c:pt idx="2147">
                  <c:v>539.96199999999999</c:v>
                </c:pt>
                <c:pt idx="2148">
                  <c:v>540.346</c:v>
                </c:pt>
                <c:pt idx="2149">
                  <c:v>540.572</c:v>
                </c:pt>
                <c:pt idx="2150">
                  <c:v>541.029</c:v>
                </c:pt>
                <c:pt idx="2151">
                  <c:v>541.197</c:v>
                </c:pt>
                <c:pt idx="2152">
                  <c:v>541.32000000000005</c:v>
                </c:pt>
                <c:pt idx="2153">
                  <c:v>541.53</c:v>
                </c:pt>
                <c:pt idx="2154">
                  <c:v>541.87400000000002</c:v>
                </c:pt>
                <c:pt idx="2155">
                  <c:v>542.06799999999998</c:v>
                </c:pt>
                <c:pt idx="2156">
                  <c:v>542.35</c:v>
                </c:pt>
                <c:pt idx="2157">
                  <c:v>542.35</c:v>
                </c:pt>
                <c:pt idx="2158">
                  <c:v>542.77599999999995</c:v>
                </c:pt>
                <c:pt idx="2159">
                  <c:v>543.07600000000002</c:v>
                </c:pt>
                <c:pt idx="2160">
                  <c:v>543.25300000000004</c:v>
                </c:pt>
                <c:pt idx="2161">
                  <c:v>543.52099999999996</c:v>
                </c:pt>
                <c:pt idx="2162">
                  <c:v>543.68899999999996</c:v>
                </c:pt>
                <c:pt idx="2163">
                  <c:v>544.09400000000005</c:v>
                </c:pt>
                <c:pt idx="2164">
                  <c:v>544.14800000000002</c:v>
                </c:pt>
                <c:pt idx="2165">
                  <c:v>544.45799999999997</c:v>
                </c:pt>
                <c:pt idx="2166">
                  <c:v>544.75400000000002</c:v>
                </c:pt>
                <c:pt idx="2167">
                  <c:v>545.05899999999997</c:v>
                </c:pt>
                <c:pt idx="2168">
                  <c:v>545.322</c:v>
                </c:pt>
                <c:pt idx="2169">
                  <c:v>545.73599999999999</c:v>
                </c:pt>
                <c:pt idx="2170">
                  <c:v>546.05700000000002</c:v>
                </c:pt>
                <c:pt idx="2171">
                  <c:v>546.12599999999998</c:v>
                </c:pt>
                <c:pt idx="2172">
                  <c:v>546.23699999999997</c:v>
                </c:pt>
                <c:pt idx="2173">
                  <c:v>546.52599999999995</c:v>
                </c:pt>
                <c:pt idx="2174">
                  <c:v>546.73199999999997</c:v>
                </c:pt>
                <c:pt idx="2175">
                  <c:v>547.24400000000003</c:v>
                </c:pt>
                <c:pt idx="2176">
                  <c:v>547.14800000000002</c:v>
                </c:pt>
                <c:pt idx="2177">
                  <c:v>547.31700000000001</c:v>
                </c:pt>
                <c:pt idx="2178">
                  <c:v>547.95600000000002</c:v>
                </c:pt>
                <c:pt idx="2179">
                  <c:v>548.23599999999999</c:v>
                </c:pt>
                <c:pt idx="2180">
                  <c:v>548.36</c:v>
                </c:pt>
                <c:pt idx="2181">
                  <c:v>548.77</c:v>
                </c:pt>
                <c:pt idx="2182">
                  <c:v>548.93299999999999</c:v>
                </c:pt>
                <c:pt idx="2183">
                  <c:v>549.02800000000002</c:v>
                </c:pt>
                <c:pt idx="2184">
                  <c:v>549.13099999999997</c:v>
                </c:pt>
                <c:pt idx="2185">
                  <c:v>549.399</c:v>
                </c:pt>
                <c:pt idx="2186">
                  <c:v>549.49900000000002</c:v>
                </c:pt>
                <c:pt idx="2187">
                  <c:v>549.62599999999998</c:v>
                </c:pt>
                <c:pt idx="2188">
                  <c:v>550.01199999999994</c:v>
                </c:pt>
                <c:pt idx="2189">
                  <c:v>550.62699999999995</c:v>
                </c:pt>
                <c:pt idx="2190">
                  <c:v>550.73900000000003</c:v>
                </c:pt>
                <c:pt idx="2191">
                  <c:v>551.18799999999999</c:v>
                </c:pt>
                <c:pt idx="2192">
                  <c:v>551.06500000000005</c:v>
                </c:pt>
                <c:pt idx="2193">
                  <c:v>551.81399999999996</c:v>
                </c:pt>
                <c:pt idx="2194">
                  <c:v>552.02200000000005</c:v>
                </c:pt>
                <c:pt idx="2195">
                  <c:v>552.149</c:v>
                </c:pt>
                <c:pt idx="2196">
                  <c:v>552.32399999999996</c:v>
                </c:pt>
                <c:pt idx="2197">
                  <c:v>552.55700000000002</c:v>
                </c:pt>
                <c:pt idx="2198">
                  <c:v>552.90499999999997</c:v>
                </c:pt>
                <c:pt idx="2199">
                  <c:v>553.15200000000004</c:v>
                </c:pt>
                <c:pt idx="2200">
                  <c:v>553.48699999999997</c:v>
                </c:pt>
                <c:pt idx="2201">
                  <c:v>553.423</c:v>
                </c:pt>
                <c:pt idx="2202">
                  <c:v>553.56700000000001</c:v>
                </c:pt>
                <c:pt idx="2203">
                  <c:v>553.59299999999996</c:v>
                </c:pt>
                <c:pt idx="2204">
                  <c:v>553.90499999999997</c:v>
                </c:pt>
                <c:pt idx="2205">
                  <c:v>554.31299999999999</c:v>
                </c:pt>
                <c:pt idx="2206">
                  <c:v>554.88699999999994</c:v>
                </c:pt>
                <c:pt idx="2207">
                  <c:v>555.27300000000002</c:v>
                </c:pt>
                <c:pt idx="2208">
                  <c:v>555.58100000000002</c:v>
                </c:pt>
                <c:pt idx="2209">
                  <c:v>555.56399999999996</c:v>
                </c:pt>
                <c:pt idx="2210">
                  <c:v>555.822</c:v>
                </c:pt>
                <c:pt idx="2211">
                  <c:v>556.26800000000003</c:v>
                </c:pt>
                <c:pt idx="2212">
                  <c:v>556.67700000000002</c:v>
                </c:pt>
                <c:pt idx="2213">
                  <c:v>556.83199999999999</c:v>
                </c:pt>
                <c:pt idx="2214">
                  <c:v>557.00599999999997</c:v>
                </c:pt>
                <c:pt idx="2215">
                  <c:v>557.16899999999998</c:v>
                </c:pt>
                <c:pt idx="2216">
                  <c:v>557.51199999999994</c:v>
                </c:pt>
                <c:pt idx="2217">
                  <c:v>557.60500000000002</c:v>
                </c:pt>
                <c:pt idx="2218">
                  <c:v>558.03700000000003</c:v>
                </c:pt>
                <c:pt idx="2219">
                  <c:v>558.327</c:v>
                </c:pt>
                <c:pt idx="2220">
                  <c:v>558.90899999999999</c:v>
                </c:pt>
                <c:pt idx="2221">
                  <c:v>558.85799999999995</c:v>
                </c:pt>
                <c:pt idx="2222">
                  <c:v>559.04200000000003</c:v>
                </c:pt>
                <c:pt idx="2223">
                  <c:v>559.37</c:v>
                </c:pt>
                <c:pt idx="2224">
                  <c:v>559.827</c:v>
                </c:pt>
                <c:pt idx="2225">
                  <c:v>560.18399999999997</c:v>
                </c:pt>
                <c:pt idx="2226">
                  <c:v>560.43100000000004</c:v>
                </c:pt>
                <c:pt idx="2227">
                  <c:v>560.68600000000004</c:v>
                </c:pt>
                <c:pt idx="2228">
                  <c:v>560.80499999999995</c:v>
                </c:pt>
                <c:pt idx="2229">
                  <c:v>560.91999999999996</c:v>
                </c:pt>
                <c:pt idx="2230">
                  <c:v>561.16499999999996</c:v>
                </c:pt>
                <c:pt idx="2231">
                  <c:v>561.49</c:v>
                </c:pt>
                <c:pt idx="2232">
                  <c:v>561.88599999999997</c:v>
                </c:pt>
                <c:pt idx="2233">
                  <c:v>562.08000000000004</c:v>
                </c:pt>
                <c:pt idx="2234">
                  <c:v>562.36199999999997</c:v>
                </c:pt>
                <c:pt idx="2235">
                  <c:v>562.40700000000004</c:v>
                </c:pt>
                <c:pt idx="2236">
                  <c:v>562.56500000000005</c:v>
                </c:pt>
                <c:pt idx="2237">
                  <c:v>562.57799999999997</c:v>
                </c:pt>
                <c:pt idx="2238">
                  <c:v>562.95299999999997</c:v>
                </c:pt>
                <c:pt idx="2239">
                  <c:v>563.33000000000004</c:v>
                </c:pt>
                <c:pt idx="2240">
                  <c:v>563.53200000000004</c:v>
                </c:pt>
                <c:pt idx="2241">
                  <c:v>563.66</c:v>
                </c:pt>
                <c:pt idx="2242">
                  <c:v>563.83699999999999</c:v>
                </c:pt>
                <c:pt idx="2243">
                  <c:v>563.86800000000005</c:v>
                </c:pt>
                <c:pt idx="2244">
                  <c:v>564.04399999999998</c:v>
                </c:pt>
                <c:pt idx="2245">
                  <c:v>564.4</c:v>
                </c:pt>
                <c:pt idx="2246">
                  <c:v>564.80200000000002</c:v>
                </c:pt>
                <c:pt idx="2247">
                  <c:v>564.93600000000004</c:v>
                </c:pt>
                <c:pt idx="2248">
                  <c:v>565.29399999999998</c:v>
                </c:pt>
                <c:pt idx="2249">
                  <c:v>565.52</c:v>
                </c:pt>
                <c:pt idx="2250">
                  <c:v>565.66899999999998</c:v>
                </c:pt>
                <c:pt idx="2251">
                  <c:v>565.83699999999999</c:v>
                </c:pt>
                <c:pt idx="2252">
                  <c:v>566.23800000000006</c:v>
                </c:pt>
                <c:pt idx="2253">
                  <c:v>566.774</c:v>
                </c:pt>
                <c:pt idx="2254">
                  <c:v>567.09900000000005</c:v>
                </c:pt>
                <c:pt idx="2255">
                  <c:v>567.26900000000001</c:v>
                </c:pt>
                <c:pt idx="2256">
                  <c:v>567.27499999999998</c:v>
                </c:pt>
                <c:pt idx="2257">
                  <c:v>567.60699999999997</c:v>
                </c:pt>
                <c:pt idx="2258">
                  <c:v>567.76300000000003</c:v>
                </c:pt>
                <c:pt idx="2259">
                  <c:v>568.08799999999997</c:v>
                </c:pt>
                <c:pt idx="2260">
                  <c:v>568.48099999999999</c:v>
                </c:pt>
                <c:pt idx="2261">
                  <c:v>568.79300000000001</c:v>
                </c:pt>
                <c:pt idx="2262">
                  <c:v>568.99</c:v>
                </c:pt>
                <c:pt idx="2263">
                  <c:v>569.24800000000005</c:v>
                </c:pt>
                <c:pt idx="2264">
                  <c:v>569.995</c:v>
                </c:pt>
                <c:pt idx="2265">
                  <c:v>569.99800000000005</c:v>
                </c:pt>
                <c:pt idx="2266">
                  <c:v>570.255</c:v>
                </c:pt>
                <c:pt idx="2267">
                  <c:v>570.34900000000005</c:v>
                </c:pt>
                <c:pt idx="2268">
                  <c:v>570.50599999999997</c:v>
                </c:pt>
                <c:pt idx="2269">
                  <c:v>570.61099999999999</c:v>
                </c:pt>
                <c:pt idx="2270">
                  <c:v>570.98400000000004</c:v>
                </c:pt>
                <c:pt idx="2271">
                  <c:v>571.12400000000002</c:v>
                </c:pt>
                <c:pt idx="2272">
                  <c:v>571.39099999999996</c:v>
                </c:pt>
                <c:pt idx="2273">
                  <c:v>571.721</c:v>
                </c:pt>
                <c:pt idx="2274">
                  <c:v>572.04200000000003</c:v>
                </c:pt>
                <c:pt idx="2275">
                  <c:v>572.43700000000001</c:v>
                </c:pt>
                <c:pt idx="2276">
                  <c:v>572.64099999999996</c:v>
                </c:pt>
                <c:pt idx="2277">
                  <c:v>572.83600000000001</c:v>
                </c:pt>
                <c:pt idx="2278">
                  <c:v>572.976</c:v>
                </c:pt>
                <c:pt idx="2279">
                  <c:v>573.428</c:v>
                </c:pt>
                <c:pt idx="2280">
                  <c:v>573.78800000000001</c:v>
                </c:pt>
                <c:pt idx="2281">
                  <c:v>574.02499999999998</c:v>
                </c:pt>
                <c:pt idx="2282">
                  <c:v>574.43799999999999</c:v>
                </c:pt>
                <c:pt idx="2283">
                  <c:v>574.64300000000003</c:v>
                </c:pt>
                <c:pt idx="2284">
                  <c:v>574.72299999999996</c:v>
                </c:pt>
                <c:pt idx="2285">
                  <c:v>574.93600000000004</c:v>
                </c:pt>
                <c:pt idx="2286">
                  <c:v>575.17999999999995</c:v>
                </c:pt>
                <c:pt idx="2287">
                  <c:v>575.48</c:v>
                </c:pt>
                <c:pt idx="2288">
                  <c:v>575.72900000000004</c:v>
                </c:pt>
                <c:pt idx="2289">
                  <c:v>575.98099999999999</c:v>
                </c:pt>
                <c:pt idx="2290">
                  <c:v>576.13400000000001</c:v>
                </c:pt>
                <c:pt idx="2291">
                  <c:v>576.36699999999996</c:v>
                </c:pt>
                <c:pt idx="2292">
                  <c:v>576.28</c:v>
                </c:pt>
                <c:pt idx="2293">
                  <c:v>576.69600000000003</c:v>
                </c:pt>
                <c:pt idx="2294">
                  <c:v>577.23900000000003</c:v>
                </c:pt>
                <c:pt idx="2295">
                  <c:v>577.44500000000005</c:v>
                </c:pt>
                <c:pt idx="2296">
                  <c:v>577.53200000000004</c:v>
                </c:pt>
                <c:pt idx="2297">
                  <c:v>577.95600000000002</c:v>
                </c:pt>
                <c:pt idx="2298">
                  <c:v>578.33000000000004</c:v>
                </c:pt>
                <c:pt idx="2299">
                  <c:v>578.57899999999995</c:v>
                </c:pt>
                <c:pt idx="2300">
                  <c:v>578.78</c:v>
                </c:pt>
                <c:pt idx="2301">
                  <c:v>578.98500000000001</c:v>
                </c:pt>
                <c:pt idx="2302">
                  <c:v>579.22799999999995</c:v>
                </c:pt>
                <c:pt idx="2303">
                  <c:v>579.63099999999997</c:v>
                </c:pt>
                <c:pt idx="2304">
                  <c:v>579.87199999999996</c:v>
                </c:pt>
                <c:pt idx="2305">
                  <c:v>579.81200000000001</c:v>
                </c:pt>
                <c:pt idx="2306">
                  <c:v>579.971</c:v>
                </c:pt>
                <c:pt idx="2307">
                  <c:v>580.351</c:v>
                </c:pt>
                <c:pt idx="2308">
                  <c:v>580.61900000000003</c:v>
                </c:pt>
                <c:pt idx="2309">
                  <c:v>581.03099999999995</c:v>
                </c:pt>
                <c:pt idx="2310">
                  <c:v>581.35900000000004</c:v>
                </c:pt>
                <c:pt idx="2311">
                  <c:v>581.58199999999999</c:v>
                </c:pt>
                <c:pt idx="2312">
                  <c:v>581.83500000000004</c:v>
                </c:pt>
                <c:pt idx="2313">
                  <c:v>582.11900000000003</c:v>
                </c:pt>
                <c:pt idx="2314">
                  <c:v>582.63</c:v>
                </c:pt>
                <c:pt idx="2315">
                  <c:v>582.822</c:v>
                </c:pt>
                <c:pt idx="2316">
                  <c:v>582.77</c:v>
                </c:pt>
                <c:pt idx="2317">
                  <c:v>583.10299999999995</c:v>
                </c:pt>
                <c:pt idx="2318">
                  <c:v>583.17999999999995</c:v>
                </c:pt>
                <c:pt idx="2319">
                  <c:v>583.71400000000006</c:v>
                </c:pt>
                <c:pt idx="2320">
                  <c:v>583.95500000000004</c:v>
                </c:pt>
                <c:pt idx="2321">
                  <c:v>584.327</c:v>
                </c:pt>
                <c:pt idx="2322">
                  <c:v>584.51199999999994</c:v>
                </c:pt>
                <c:pt idx="2323">
                  <c:v>584.79499999999996</c:v>
                </c:pt>
                <c:pt idx="2324">
                  <c:v>585.072</c:v>
                </c:pt>
                <c:pt idx="2325">
                  <c:v>585.27300000000002</c:v>
                </c:pt>
                <c:pt idx="2326">
                  <c:v>585.34199999999998</c:v>
                </c:pt>
                <c:pt idx="2327">
                  <c:v>585.26900000000001</c:v>
                </c:pt>
                <c:pt idx="2328">
                  <c:v>585.39200000000005</c:v>
                </c:pt>
                <c:pt idx="2329">
                  <c:v>585.899</c:v>
                </c:pt>
                <c:pt idx="2330">
                  <c:v>586.27599999999995</c:v>
                </c:pt>
                <c:pt idx="2331">
                  <c:v>586.81600000000003</c:v>
                </c:pt>
                <c:pt idx="2332">
                  <c:v>586.952</c:v>
                </c:pt>
                <c:pt idx="2333">
                  <c:v>586.89</c:v>
                </c:pt>
                <c:pt idx="2334">
                  <c:v>587.09500000000003</c:v>
                </c:pt>
                <c:pt idx="2335">
                  <c:v>587.56600000000003</c:v>
                </c:pt>
                <c:pt idx="2336">
                  <c:v>587.928</c:v>
                </c:pt>
                <c:pt idx="2337">
                  <c:v>588.20299999999997</c:v>
                </c:pt>
                <c:pt idx="2338">
                  <c:v>588.44500000000005</c:v>
                </c:pt>
                <c:pt idx="2339">
                  <c:v>588.56299999999999</c:v>
                </c:pt>
                <c:pt idx="2340">
                  <c:v>588.70299999999997</c:v>
                </c:pt>
                <c:pt idx="2341">
                  <c:v>589.07600000000002</c:v>
                </c:pt>
                <c:pt idx="2342">
                  <c:v>589.11599999999999</c:v>
                </c:pt>
                <c:pt idx="2343">
                  <c:v>589.41300000000001</c:v>
                </c:pt>
                <c:pt idx="2344">
                  <c:v>589.64800000000002</c:v>
                </c:pt>
                <c:pt idx="2345">
                  <c:v>589.63800000000003</c:v>
                </c:pt>
                <c:pt idx="2346">
                  <c:v>589.98199999999997</c:v>
                </c:pt>
                <c:pt idx="2347">
                  <c:v>590.42600000000004</c:v>
                </c:pt>
                <c:pt idx="2348">
                  <c:v>590.76800000000003</c:v>
                </c:pt>
                <c:pt idx="2349">
                  <c:v>590.86300000000006</c:v>
                </c:pt>
                <c:pt idx="2350">
                  <c:v>591.25300000000004</c:v>
                </c:pt>
                <c:pt idx="2351">
                  <c:v>591.53800000000001</c:v>
                </c:pt>
                <c:pt idx="2352">
                  <c:v>591.75400000000002</c:v>
                </c:pt>
                <c:pt idx="2353">
                  <c:v>592.06399999999996</c:v>
                </c:pt>
                <c:pt idx="2354">
                  <c:v>592.39200000000005</c:v>
                </c:pt>
                <c:pt idx="2355">
                  <c:v>592.64599999999996</c:v>
                </c:pt>
                <c:pt idx="2356">
                  <c:v>593.077</c:v>
                </c:pt>
                <c:pt idx="2357">
                  <c:v>593.39200000000005</c:v>
                </c:pt>
                <c:pt idx="2358">
                  <c:v>593.505</c:v>
                </c:pt>
                <c:pt idx="2359">
                  <c:v>593.77800000000002</c:v>
                </c:pt>
                <c:pt idx="2360">
                  <c:v>593.91399999999999</c:v>
                </c:pt>
                <c:pt idx="2361">
                  <c:v>594.303</c:v>
                </c:pt>
                <c:pt idx="2362">
                  <c:v>594.55100000000004</c:v>
                </c:pt>
                <c:pt idx="2363">
                  <c:v>595.02700000000004</c:v>
                </c:pt>
                <c:pt idx="2364">
                  <c:v>595.29899999999998</c:v>
                </c:pt>
                <c:pt idx="2365">
                  <c:v>595.32799999999997</c:v>
                </c:pt>
                <c:pt idx="2366">
                  <c:v>595.25800000000004</c:v>
                </c:pt>
                <c:pt idx="2367">
                  <c:v>595.39599999999996</c:v>
                </c:pt>
                <c:pt idx="2368">
                  <c:v>595.65899999999999</c:v>
                </c:pt>
                <c:pt idx="2369">
                  <c:v>595.55700000000002</c:v>
                </c:pt>
                <c:pt idx="2370">
                  <c:v>595.83000000000004</c:v>
                </c:pt>
                <c:pt idx="2371">
                  <c:v>595.95799999999997</c:v>
                </c:pt>
                <c:pt idx="2372">
                  <c:v>596.34900000000005</c:v>
                </c:pt>
                <c:pt idx="2373">
                  <c:v>596.78499999999997</c:v>
                </c:pt>
                <c:pt idx="2374">
                  <c:v>597.46299999999997</c:v>
                </c:pt>
                <c:pt idx="2375">
                  <c:v>597.61900000000003</c:v>
                </c:pt>
                <c:pt idx="2376">
                  <c:v>597.91300000000001</c:v>
                </c:pt>
                <c:pt idx="2377">
                  <c:v>598.06899999999996</c:v>
                </c:pt>
                <c:pt idx="2378">
                  <c:v>598.32899999999995</c:v>
                </c:pt>
                <c:pt idx="2379">
                  <c:v>598.63099999999997</c:v>
                </c:pt>
                <c:pt idx="2380">
                  <c:v>598.70899999999995</c:v>
                </c:pt>
                <c:pt idx="2381">
                  <c:v>598.83600000000001</c:v>
                </c:pt>
                <c:pt idx="2382">
                  <c:v>598.81600000000003</c:v>
                </c:pt>
                <c:pt idx="2383">
                  <c:v>599.01400000000001</c:v>
                </c:pt>
                <c:pt idx="2384">
                  <c:v>599.49599999999998</c:v>
                </c:pt>
                <c:pt idx="2385">
                  <c:v>600.01700000000005</c:v>
                </c:pt>
                <c:pt idx="2386">
                  <c:v>600.49300000000005</c:v>
                </c:pt>
                <c:pt idx="2387">
                  <c:v>600.55399999999997</c:v>
                </c:pt>
                <c:pt idx="2388">
                  <c:v>600.57899999999995</c:v>
                </c:pt>
                <c:pt idx="2389">
                  <c:v>600.63599999999997</c:v>
                </c:pt>
                <c:pt idx="2390">
                  <c:v>601.05899999999997</c:v>
                </c:pt>
                <c:pt idx="2391">
                  <c:v>601.07500000000005</c:v>
                </c:pt>
                <c:pt idx="2392">
                  <c:v>601.52200000000005</c:v>
                </c:pt>
                <c:pt idx="2393">
                  <c:v>601.58500000000004</c:v>
                </c:pt>
                <c:pt idx="2394">
                  <c:v>601.64800000000002</c:v>
                </c:pt>
                <c:pt idx="2395">
                  <c:v>601.75699999999995</c:v>
                </c:pt>
                <c:pt idx="2396">
                  <c:v>602.31100000000004</c:v>
                </c:pt>
                <c:pt idx="2397">
                  <c:v>602.58000000000004</c:v>
                </c:pt>
                <c:pt idx="2398">
                  <c:v>603.06600000000003</c:v>
                </c:pt>
                <c:pt idx="2399">
                  <c:v>603.33799999999997</c:v>
                </c:pt>
                <c:pt idx="2400">
                  <c:v>603.51599999999996</c:v>
                </c:pt>
                <c:pt idx="2401">
                  <c:v>603.827</c:v>
                </c:pt>
                <c:pt idx="2402">
                  <c:v>604.16099999999994</c:v>
                </c:pt>
                <c:pt idx="2403">
                  <c:v>604.47199999999998</c:v>
                </c:pt>
                <c:pt idx="2404">
                  <c:v>604.48</c:v>
                </c:pt>
                <c:pt idx="2405">
                  <c:v>604.77</c:v>
                </c:pt>
                <c:pt idx="2406">
                  <c:v>605.08199999999999</c:v>
                </c:pt>
                <c:pt idx="2407">
                  <c:v>605.31700000000001</c:v>
                </c:pt>
                <c:pt idx="2408">
                  <c:v>605.375</c:v>
                </c:pt>
                <c:pt idx="2409">
                  <c:v>605.73900000000003</c:v>
                </c:pt>
                <c:pt idx="2410">
                  <c:v>606.02800000000002</c:v>
                </c:pt>
                <c:pt idx="2411">
                  <c:v>606.36400000000003</c:v>
                </c:pt>
                <c:pt idx="2412">
                  <c:v>606.46400000000006</c:v>
                </c:pt>
                <c:pt idx="2413">
                  <c:v>606.774</c:v>
                </c:pt>
                <c:pt idx="2414">
                  <c:v>606.89</c:v>
                </c:pt>
                <c:pt idx="2415">
                  <c:v>607.077</c:v>
                </c:pt>
                <c:pt idx="2416">
                  <c:v>607.28599999999994</c:v>
                </c:pt>
                <c:pt idx="2417">
                  <c:v>607.77800000000002</c:v>
                </c:pt>
                <c:pt idx="2418">
                  <c:v>607.93600000000004</c:v>
                </c:pt>
                <c:pt idx="2419">
                  <c:v>608.26400000000001</c:v>
                </c:pt>
                <c:pt idx="2420">
                  <c:v>608.32299999999998</c:v>
                </c:pt>
                <c:pt idx="2421">
                  <c:v>608.55600000000004</c:v>
                </c:pt>
                <c:pt idx="2422">
                  <c:v>608.92100000000005</c:v>
                </c:pt>
                <c:pt idx="2423">
                  <c:v>609.05899999999997</c:v>
                </c:pt>
                <c:pt idx="2424">
                  <c:v>609.45100000000002</c:v>
                </c:pt>
                <c:pt idx="2425">
                  <c:v>609.82500000000005</c:v>
                </c:pt>
                <c:pt idx="2426">
                  <c:v>609.98500000000001</c:v>
                </c:pt>
                <c:pt idx="2427">
                  <c:v>610.27200000000005</c:v>
                </c:pt>
                <c:pt idx="2428">
                  <c:v>610.28399999999999</c:v>
                </c:pt>
                <c:pt idx="2429">
                  <c:v>610.601</c:v>
                </c:pt>
                <c:pt idx="2430">
                  <c:v>610.76400000000001</c:v>
                </c:pt>
                <c:pt idx="2431">
                  <c:v>610.90099999999995</c:v>
                </c:pt>
                <c:pt idx="2432">
                  <c:v>611.303</c:v>
                </c:pt>
                <c:pt idx="2433">
                  <c:v>611.37199999999996</c:v>
                </c:pt>
                <c:pt idx="2434">
                  <c:v>611.70500000000004</c:v>
                </c:pt>
                <c:pt idx="2435">
                  <c:v>612.03499999999997</c:v>
                </c:pt>
                <c:pt idx="2436">
                  <c:v>612.25300000000004</c:v>
                </c:pt>
                <c:pt idx="2437">
                  <c:v>612.24800000000005</c:v>
                </c:pt>
                <c:pt idx="2438">
                  <c:v>612.42399999999998</c:v>
                </c:pt>
                <c:pt idx="2439">
                  <c:v>612.51199999999994</c:v>
                </c:pt>
                <c:pt idx="2440">
                  <c:v>613.03700000000003</c:v>
                </c:pt>
                <c:pt idx="2441">
                  <c:v>613.399</c:v>
                </c:pt>
                <c:pt idx="2442">
                  <c:v>613.65099999999995</c:v>
                </c:pt>
                <c:pt idx="2443">
                  <c:v>613.78499999999997</c:v>
                </c:pt>
                <c:pt idx="2444">
                  <c:v>613.94299999999998</c:v>
                </c:pt>
                <c:pt idx="2445">
                  <c:v>614.16</c:v>
                </c:pt>
                <c:pt idx="2446">
                  <c:v>614.52300000000002</c:v>
                </c:pt>
                <c:pt idx="2447">
                  <c:v>615.01599999999996</c:v>
                </c:pt>
                <c:pt idx="2448">
                  <c:v>615.08000000000004</c:v>
                </c:pt>
                <c:pt idx="2449">
                  <c:v>615.27800000000002</c:v>
                </c:pt>
                <c:pt idx="2450">
                  <c:v>615.76</c:v>
                </c:pt>
                <c:pt idx="2451">
                  <c:v>616.077</c:v>
                </c:pt>
                <c:pt idx="2452">
                  <c:v>616.39700000000005</c:v>
                </c:pt>
                <c:pt idx="2453">
                  <c:v>616.274</c:v>
                </c:pt>
                <c:pt idx="2454">
                  <c:v>616.51400000000001</c:v>
                </c:pt>
                <c:pt idx="2455">
                  <c:v>616.66399999999999</c:v>
                </c:pt>
                <c:pt idx="2456">
                  <c:v>616.904</c:v>
                </c:pt>
                <c:pt idx="2457">
                  <c:v>617.30100000000004</c:v>
                </c:pt>
                <c:pt idx="2458">
                  <c:v>617.46100000000001</c:v>
                </c:pt>
                <c:pt idx="2459">
                  <c:v>617.96199999999999</c:v>
                </c:pt>
                <c:pt idx="2460">
                  <c:v>618.11099999999999</c:v>
                </c:pt>
                <c:pt idx="2461">
                  <c:v>618.40700000000004</c:v>
                </c:pt>
                <c:pt idx="2462">
                  <c:v>618.74599999999998</c:v>
                </c:pt>
                <c:pt idx="2463">
                  <c:v>618.846</c:v>
                </c:pt>
                <c:pt idx="2464">
                  <c:v>619.16399999999999</c:v>
                </c:pt>
                <c:pt idx="2465">
                  <c:v>619.23900000000003</c:v>
                </c:pt>
                <c:pt idx="2466">
                  <c:v>619.73900000000003</c:v>
                </c:pt>
                <c:pt idx="2467">
                  <c:v>620.053</c:v>
                </c:pt>
                <c:pt idx="2468">
                  <c:v>620.43899999999996</c:v>
                </c:pt>
                <c:pt idx="2469">
                  <c:v>620.82500000000005</c:v>
                </c:pt>
                <c:pt idx="2470">
                  <c:v>620.83900000000006</c:v>
                </c:pt>
                <c:pt idx="2471">
                  <c:v>621.16300000000001</c:v>
                </c:pt>
                <c:pt idx="2472">
                  <c:v>621.21400000000006</c:v>
                </c:pt>
                <c:pt idx="2473">
                  <c:v>621.27300000000002</c:v>
                </c:pt>
                <c:pt idx="2474">
                  <c:v>621.65700000000004</c:v>
                </c:pt>
                <c:pt idx="2475">
                  <c:v>622.04899999999998</c:v>
                </c:pt>
                <c:pt idx="2476">
                  <c:v>622.18600000000004</c:v>
                </c:pt>
                <c:pt idx="2477">
                  <c:v>622.40300000000002</c:v>
                </c:pt>
                <c:pt idx="2478">
                  <c:v>622.66300000000001</c:v>
                </c:pt>
                <c:pt idx="2479">
                  <c:v>622.96799999999996</c:v>
                </c:pt>
                <c:pt idx="2480">
                  <c:v>623.05200000000002</c:v>
                </c:pt>
                <c:pt idx="2481">
                  <c:v>623.447</c:v>
                </c:pt>
                <c:pt idx="2482">
                  <c:v>623.75300000000004</c:v>
                </c:pt>
                <c:pt idx="2483">
                  <c:v>623.98500000000001</c:v>
                </c:pt>
                <c:pt idx="2484">
                  <c:v>624.44600000000003</c:v>
                </c:pt>
                <c:pt idx="2485">
                  <c:v>624.70399999999995</c:v>
                </c:pt>
                <c:pt idx="2486">
                  <c:v>625.03099999999995</c:v>
                </c:pt>
                <c:pt idx="2487">
                  <c:v>625.15800000000002</c:v>
                </c:pt>
                <c:pt idx="2488">
                  <c:v>625.26900000000001</c:v>
                </c:pt>
                <c:pt idx="2489">
                  <c:v>625.63499999999999</c:v>
                </c:pt>
                <c:pt idx="2490">
                  <c:v>625.72</c:v>
                </c:pt>
                <c:pt idx="2491">
                  <c:v>626.04899999999998</c:v>
                </c:pt>
                <c:pt idx="2492">
                  <c:v>626.40200000000004</c:v>
                </c:pt>
                <c:pt idx="2493">
                  <c:v>626.57600000000002</c:v>
                </c:pt>
                <c:pt idx="2494">
                  <c:v>626.81899999999996</c:v>
                </c:pt>
                <c:pt idx="2495">
                  <c:v>627.10799999999995</c:v>
                </c:pt>
                <c:pt idx="2496">
                  <c:v>627.279</c:v>
                </c:pt>
                <c:pt idx="2497">
                  <c:v>627.68600000000004</c:v>
                </c:pt>
                <c:pt idx="2498">
                  <c:v>628.00599999999997</c:v>
                </c:pt>
                <c:pt idx="2499">
                  <c:v>628.274</c:v>
                </c:pt>
                <c:pt idx="2500">
                  <c:v>628.56500000000005</c:v>
                </c:pt>
                <c:pt idx="2501">
                  <c:v>628.79999999999995</c:v>
                </c:pt>
                <c:pt idx="2502">
                  <c:v>629.14400000000001</c:v>
                </c:pt>
                <c:pt idx="2503">
                  <c:v>629.43100000000004</c:v>
                </c:pt>
                <c:pt idx="2504">
                  <c:v>629.66</c:v>
                </c:pt>
                <c:pt idx="2505">
                  <c:v>629.80899999999997</c:v>
                </c:pt>
                <c:pt idx="2506">
                  <c:v>630.15700000000004</c:v>
                </c:pt>
                <c:pt idx="2507">
                  <c:v>630.16499999999996</c:v>
                </c:pt>
                <c:pt idx="2508">
                  <c:v>630.57399999999996</c:v>
                </c:pt>
                <c:pt idx="2509">
                  <c:v>630.75199999999995</c:v>
                </c:pt>
                <c:pt idx="2510">
                  <c:v>631.01400000000001</c:v>
                </c:pt>
                <c:pt idx="2511">
                  <c:v>631.20699999999999</c:v>
                </c:pt>
                <c:pt idx="2512">
                  <c:v>631.39200000000005</c:v>
                </c:pt>
                <c:pt idx="2513">
                  <c:v>631.81299999999999</c:v>
                </c:pt>
                <c:pt idx="2514">
                  <c:v>631.95100000000002</c:v>
                </c:pt>
                <c:pt idx="2515">
                  <c:v>632.12900000000002</c:v>
                </c:pt>
                <c:pt idx="2516">
                  <c:v>632.31500000000005</c:v>
                </c:pt>
                <c:pt idx="2517">
                  <c:v>632.72299999999996</c:v>
                </c:pt>
                <c:pt idx="2518">
                  <c:v>633.01599999999996</c:v>
                </c:pt>
                <c:pt idx="2519">
                  <c:v>633.245</c:v>
                </c:pt>
                <c:pt idx="2520">
                  <c:v>633.35599999999999</c:v>
                </c:pt>
                <c:pt idx="2521">
                  <c:v>633.73099999999999</c:v>
                </c:pt>
                <c:pt idx="2522">
                  <c:v>633.99599999999998</c:v>
                </c:pt>
                <c:pt idx="2523">
                  <c:v>634.08799999999997</c:v>
                </c:pt>
                <c:pt idx="2524">
                  <c:v>634.51800000000003</c:v>
                </c:pt>
                <c:pt idx="2525">
                  <c:v>634.76300000000003</c:v>
                </c:pt>
                <c:pt idx="2526">
                  <c:v>635.12</c:v>
                </c:pt>
                <c:pt idx="2527">
                  <c:v>635.53300000000002</c:v>
                </c:pt>
                <c:pt idx="2528">
                  <c:v>635.82600000000002</c:v>
                </c:pt>
                <c:pt idx="2529">
                  <c:v>635.86</c:v>
                </c:pt>
                <c:pt idx="2530">
                  <c:v>635.83399999999995</c:v>
                </c:pt>
                <c:pt idx="2531">
                  <c:v>636.27700000000004</c:v>
                </c:pt>
                <c:pt idx="2532">
                  <c:v>636.51800000000003</c:v>
                </c:pt>
                <c:pt idx="2533">
                  <c:v>636.90899999999999</c:v>
                </c:pt>
                <c:pt idx="2534">
                  <c:v>637.13699999999994</c:v>
                </c:pt>
                <c:pt idx="2535">
                  <c:v>637.43899999999996</c:v>
                </c:pt>
                <c:pt idx="2536">
                  <c:v>637.70399999999995</c:v>
                </c:pt>
                <c:pt idx="2537">
                  <c:v>637.79200000000003</c:v>
                </c:pt>
                <c:pt idx="2538">
                  <c:v>638.09299999999996</c:v>
                </c:pt>
                <c:pt idx="2539">
                  <c:v>638.33600000000001</c:v>
                </c:pt>
                <c:pt idx="2540">
                  <c:v>638.65599999999995</c:v>
                </c:pt>
                <c:pt idx="2541">
                  <c:v>638.75900000000001</c:v>
                </c:pt>
                <c:pt idx="2542">
                  <c:v>638.96100000000001</c:v>
                </c:pt>
                <c:pt idx="2543">
                  <c:v>639.17999999999995</c:v>
                </c:pt>
                <c:pt idx="2544">
                  <c:v>639.28599999999994</c:v>
                </c:pt>
                <c:pt idx="2545">
                  <c:v>639.56700000000001</c:v>
                </c:pt>
                <c:pt idx="2546">
                  <c:v>640.12099999999998</c:v>
                </c:pt>
                <c:pt idx="2547">
                  <c:v>640.41</c:v>
                </c:pt>
                <c:pt idx="2548">
                  <c:v>640.58000000000004</c:v>
                </c:pt>
                <c:pt idx="2549">
                  <c:v>641.08100000000002</c:v>
                </c:pt>
                <c:pt idx="2550">
                  <c:v>641.22799999999995</c:v>
                </c:pt>
                <c:pt idx="2551">
                  <c:v>641.89099999999996</c:v>
                </c:pt>
                <c:pt idx="2552">
                  <c:v>642.18899999999996</c:v>
                </c:pt>
                <c:pt idx="2553">
                  <c:v>642.28099999999995</c:v>
                </c:pt>
                <c:pt idx="2554">
                  <c:v>642.48400000000004</c:v>
                </c:pt>
                <c:pt idx="2555">
                  <c:v>642.81500000000005</c:v>
                </c:pt>
                <c:pt idx="2556">
                  <c:v>642.98299999999995</c:v>
                </c:pt>
                <c:pt idx="2557">
                  <c:v>643.31700000000001</c:v>
                </c:pt>
                <c:pt idx="2558">
                  <c:v>643.31899999999996</c:v>
                </c:pt>
                <c:pt idx="2559">
                  <c:v>643.65300000000002</c:v>
                </c:pt>
                <c:pt idx="2560">
                  <c:v>643.89</c:v>
                </c:pt>
                <c:pt idx="2561">
                  <c:v>644.17600000000004</c:v>
                </c:pt>
                <c:pt idx="2562">
                  <c:v>644.36</c:v>
                </c:pt>
                <c:pt idx="2563">
                  <c:v>644.69500000000005</c:v>
                </c:pt>
                <c:pt idx="2564">
                  <c:v>644.93200000000002</c:v>
                </c:pt>
                <c:pt idx="2565">
                  <c:v>645.16</c:v>
                </c:pt>
                <c:pt idx="2566">
                  <c:v>645.37900000000002</c:v>
                </c:pt>
                <c:pt idx="2567">
                  <c:v>645.40499999999997</c:v>
                </c:pt>
                <c:pt idx="2568">
                  <c:v>645.95600000000002</c:v>
                </c:pt>
                <c:pt idx="2569">
                  <c:v>646.33600000000001</c:v>
                </c:pt>
                <c:pt idx="2570">
                  <c:v>646.57399999999996</c:v>
                </c:pt>
                <c:pt idx="2571">
                  <c:v>646.61</c:v>
                </c:pt>
                <c:pt idx="2572">
                  <c:v>647.08000000000004</c:v>
                </c:pt>
                <c:pt idx="2573">
                  <c:v>647.399</c:v>
                </c:pt>
                <c:pt idx="2574">
                  <c:v>647.74099999999999</c:v>
                </c:pt>
                <c:pt idx="2575">
                  <c:v>648.03499999999997</c:v>
                </c:pt>
                <c:pt idx="2576">
                  <c:v>648.04100000000005</c:v>
                </c:pt>
                <c:pt idx="2577">
                  <c:v>648.11199999999997</c:v>
                </c:pt>
                <c:pt idx="2578">
                  <c:v>648.42499999999995</c:v>
                </c:pt>
                <c:pt idx="2579">
                  <c:v>648.67899999999997</c:v>
                </c:pt>
                <c:pt idx="2580">
                  <c:v>649.13499999999999</c:v>
                </c:pt>
                <c:pt idx="2581">
                  <c:v>649.29700000000003</c:v>
                </c:pt>
                <c:pt idx="2582">
                  <c:v>649.67899999999997</c:v>
                </c:pt>
                <c:pt idx="2583">
                  <c:v>650.06299999999999</c:v>
                </c:pt>
                <c:pt idx="2584">
                  <c:v>650.42100000000005</c:v>
                </c:pt>
                <c:pt idx="2585">
                  <c:v>650.673</c:v>
                </c:pt>
                <c:pt idx="2586">
                  <c:v>650.85199999999998</c:v>
                </c:pt>
                <c:pt idx="2587">
                  <c:v>651.17600000000004</c:v>
                </c:pt>
                <c:pt idx="2588">
                  <c:v>651.34199999999998</c:v>
                </c:pt>
                <c:pt idx="2589">
                  <c:v>651.71699999999998</c:v>
                </c:pt>
                <c:pt idx="2590">
                  <c:v>651.84199999999998</c:v>
                </c:pt>
                <c:pt idx="2591">
                  <c:v>652.07399999999996</c:v>
                </c:pt>
                <c:pt idx="2592">
                  <c:v>652.45699999999999</c:v>
                </c:pt>
                <c:pt idx="2593">
                  <c:v>652.58399999999995</c:v>
                </c:pt>
                <c:pt idx="2594">
                  <c:v>652.80600000000004</c:v>
                </c:pt>
                <c:pt idx="2595">
                  <c:v>653.08399999999995</c:v>
                </c:pt>
                <c:pt idx="2596">
                  <c:v>653.52099999999996</c:v>
                </c:pt>
                <c:pt idx="2597">
                  <c:v>653.87800000000004</c:v>
                </c:pt>
                <c:pt idx="2598">
                  <c:v>654.20600000000002</c:v>
                </c:pt>
                <c:pt idx="2599">
                  <c:v>654.38199999999995</c:v>
                </c:pt>
                <c:pt idx="2600">
                  <c:v>654.16600000000005</c:v>
                </c:pt>
                <c:pt idx="2601">
                  <c:v>654.54499999999996</c:v>
                </c:pt>
                <c:pt idx="2602">
                  <c:v>654.976</c:v>
                </c:pt>
                <c:pt idx="2603">
                  <c:v>655.23400000000004</c:v>
                </c:pt>
                <c:pt idx="2604">
                  <c:v>655.58</c:v>
                </c:pt>
                <c:pt idx="2605">
                  <c:v>655.94799999999998</c:v>
                </c:pt>
                <c:pt idx="2606">
                  <c:v>655.82100000000003</c:v>
                </c:pt>
                <c:pt idx="2607">
                  <c:v>655.82399999999996</c:v>
                </c:pt>
                <c:pt idx="2608">
                  <c:v>656.23</c:v>
                </c:pt>
                <c:pt idx="2609">
                  <c:v>656.57299999999998</c:v>
                </c:pt>
                <c:pt idx="2610">
                  <c:v>656.86400000000003</c:v>
                </c:pt>
                <c:pt idx="2611">
                  <c:v>657.09299999999996</c:v>
                </c:pt>
                <c:pt idx="2612">
                  <c:v>657.69500000000005</c:v>
                </c:pt>
                <c:pt idx="2613">
                  <c:v>658.11</c:v>
                </c:pt>
                <c:pt idx="2614">
                  <c:v>658.46299999999997</c:v>
                </c:pt>
                <c:pt idx="2615">
                  <c:v>658.61099999999999</c:v>
                </c:pt>
                <c:pt idx="2616">
                  <c:v>658.93299999999999</c:v>
                </c:pt>
                <c:pt idx="2617">
                  <c:v>658.99</c:v>
                </c:pt>
                <c:pt idx="2618">
                  <c:v>658.82100000000003</c:v>
                </c:pt>
                <c:pt idx="2619">
                  <c:v>659.15</c:v>
                </c:pt>
                <c:pt idx="2620">
                  <c:v>659.46799999999996</c:v>
                </c:pt>
                <c:pt idx="2621">
                  <c:v>659.81700000000001</c:v>
                </c:pt>
                <c:pt idx="2622">
                  <c:v>660.17899999999997</c:v>
                </c:pt>
                <c:pt idx="2623">
                  <c:v>660.50699999999995</c:v>
                </c:pt>
                <c:pt idx="2624">
                  <c:v>660.70799999999997</c:v>
                </c:pt>
                <c:pt idx="2625">
                  <c:v>660.83299999999997</c:v>
                </c:pt>
                <c:pt idx="2626">
                  <c:v>661.31899999999996</c:v>
                </c:pt>
                <c:pt idx="2627">
                  <c:v>661.62099999999998</c:v>
                </c:pt>
                <c:pt idx="2628">
                  <c:v>661.95</c:v>
                </c:pt>
                <c:pt idx="2629">
                  <c:v>662.03200000000004</c:v>
                </c:pt>
                <c:pt idx="2630">
                  <c:v>662.07399999999996</c:v>
                </c:pt>
                <c:pt idx="2631">
                  <c:v>662.39499999999998</c:v>
                </c:pt>
                <c:pt idx="2632">
                  <c:v>662.71500000000003</c:v>
                </c:pt>
                <c:pt idx="2633">
                  <c:v>662.94299999999998</c:v>
                </c:pt>
                <c:pt idx="2634">
                  <c:v>663.27099999999996</c:v>
                </c:pt>
                <c:pt idx="2635">
                  <c:v>663.65</c:v>
                </c:pt>
                <c:pt idx="2636">
                  <c:v>663.93600000000004</c:v>
                </c:pt>
                <c:pt idx="2637">
                  <c:v>663.88900000000001</c:v>
                </c:pt>
                <c:pt idx="2638">
                  <c:v>664.16300000000001</c:v>
                </c:pt>
                <c:pt idx="2639">
                  <c:v>664.47500000000002</c:v>
                </c:pt>
                <c:pt idx="2640">
                  <c:v>664.75400000000002</c:v>
                </c:pt>
                <c:pt idx="2641">
                  <c:v>664.93</c:v>
                </c:pt>
                <c:pt idx="2642">
                  <c:v>665.16</c:v>
                </c:pt>
                <c:pt idx="2643">
                  <c:v>665.46799999999996</c:v>
                </c:pt>
                <c:pt idx="2644">
                  <c:v>665.625</c:v>
                </c:pt>
                <c:pt idx="2645">
                  <c:v>666.06399999999996</c:v>
                </c:pt>
                <c:pt idx="2646">
                  <c:v>666.45600000000002</c:v>
                </c:pt>
                <c:pt idx="2647">
                  <c:v>666.70899999999995</c:v>
                </c:pt>
                <c:pt idx="2648">
                  <c:v>666.86900000000003</c:v>
                </c:pt>
                <c:pt idx="2649">
                  <c:v>667.22299999999996</c:v>
                </c:pt>
                <c:pt idx="2650">
                  <c:v>667.54</c:v>
                </c:pt>
                <c:pt idx="2651">
                  <c:v>667.6</c:v>
                </c:pt>
                <c:pt idx="2652">
                  <c:v>667.92</c:v>
                </c:pt>
                <c:pt idx="2653">
                  <c:v>668.096</c:v>
                </c:pt>
                <c:pt idx="2654">
                  <c:v>668.47299999999996</c:v>
                </c:pt>
                <c:pt idx="2655">
                  <c:v>668.73500000000001</c:v>
                </c:pt>
                <c:pt idx="2656">
                  <c:v>669.072</c:v>
                </c:pt>
                <c:pt idx="2657">
                  <c:v>669.59799999999996</c:v>
                </c:pt>
                <c:pt idx="2658">
                  <c:v>669.49800000000005</c:v>
                </c:pt>
                <c:pt idx="2659">
                  <c:v>669.93200000000002</c:v>
                </c:pt>
                <c:pt idx="2660">
                  <c:v>670.40499999999997</c:v>
                </c:pt>
                <c:pt idx="2661">
                  <c:v>670.62199999999996</c:v>
                </c:pt>
                <c:pt idx="2662">
                  <c:v>670.79300000000001</c:v>
                </c:pt>
                <c:pt idx="2663">
                  <c:v>670.82500000000005</c:v>
                </c:pt>
                <c:pt idx="2664">
                  <c:v>671.06799999999998</c:v>
                </c:pt>
                <c:pt idx="2665">
                  <c:v>671.52300000000002</c:v>
                </c:pt>
                <c:pt idx="2666">
                  <c:v>671.71100000000001</c:v>
                </c:pt>
                <c:pt idx="2667">
                  <c:v>672</c:v>
                </c:pt>
                <c:pt idx="2668">
                  <c:v>672.24699999999996</c:v>
                </c:pt>
                <c:pt idx="2669">
                  <c:v>672.61300000000006</c:v>
                </c:pt>
                <c:pt idx="2670">
                  <c:v>673.05200000000002</c:v>
                </c:pt>
                <c:pt idx="2671">
                  <c:v>673.32399999999996</c:v>
                </c:pt>
                <c:pt idx="2672">
                  <c:v>673.65599999999995</c:v>
                </c:pt>
                <c:pt idx="2673">
                  <c:v>673.84299999999996</c:v>
                </c:pt>
                <c:pt idx="2674">
                  <c:v>674.11300000000006</c:v>
                </c:pt>
                <c:pt idx="2675">
                  <c:v>674.23599999999999</c:v>
                </c:pt>
                <c:pt idx="2676">
                  <c:v>674.58900000000006</c:v>
                </c:pt>
                <c:pt idx="2677">
                  <c:v>674.88099999999997</c:v>
                </c:pt>
                <c:pt idx="2678">
                  <c:v>675.03800000000001</c:v>
                </c:pt>
                <c:pt idx="2679">
                  <c:v>675.18299999999999</c:v>
                </c:pt>
                <c:pt idx="2680">
                  <c:v>675.51400000000001</c:v>
                </c:pt>
                <c:pt idx="2681">
                  <c:v>675.71100000000001</c:v>
                </c:pt>
                <c:pt idx="2682">
                  <c:v>675.85</c:v>
                </c:pt>
                <c:pt idx="2683">
                  <c:v>675.99099999999999</c:v>
                </c:pt>
                <c:pt idx="2684">
                  <c:v>676.26599999999996</c:v>
                </c:pt>
                <c:pt idx="2685">
                  <c:v>676.38599999999997</c:v>
                </c:pt>
                <c:pt idx="2686">
                  <c:v>676.64400000000001</c:v>
                </c:pt>
                <c:pt idx="2687">
                  <c:v>677.03300000000002</c:v>
                </c:pt>
                <c:pt idx="2688">
                  <c:v>677.21699999999998</c:v>
                </c:pt>
                <c:pt idx="2689">
                  <c:v>677.40499999999997</c:v>
                </c:pt>
                <c:pt idx="2690">
                  <c:v>677.59400000000005</c:v>
                </c:pt>
                <c:pt idx="2691">
                  <c:v>677.88699999999994</c:v>
                </c:pt>
                <c:pt idx="2692">
                  <c:v>678.25</c:v>
                </c:pt>
                <c:pt idx="2693">
                  <c:v>678.35299999999995</c:v>
                </c:pt>
                <c:pt idx="2694">
                  <c:v>678.45600000000002</c:v>
                </c:pt>
                <c:pt idx="2695">
                  <c:v>678.80399999999997</c:v>
                </c:pt>
                <c:pt idx="2696">
                  <c:v>679.06399999999996</c:v>
                </c:pt>
                <c:pt idx="2697">
                  <c:v>679.32399999999996</c:v>
                </c:pt>
                <c:pt idx="2698">
                  <c:v>679.54399999999998</c:v>
                </c:pt>
                <c:pt idx="2699">
                  <c:v>679.83900000000006</c:v>
                </c:pt>
                <c:pt idx="2700">
                  <c:v>680.29600000000005</c:v>
                </c:pt>
                <c:pt idx="2701">
                  <c:v>680.57600000000002</c:v>
                </c:pt>
                <c:pt idx="2702">
                  <c:v>680.88699999999994</c:v>
                </c:pt>
                <c:pt idx="2703">
                  <c:v>681.00099999999998</c:v>
                </c:pt>
                <c:pt idx="2704">
                  <c:v>681.06100000000004</c:v>
                </c:pt>
                <c:pt idx="2705">
                  <c:v>681.63099999999997</c:v>
                </c:pt>
                <c:pt idx="2706">
                  <c:v>681.79200000000003</c:v>
                </c:pt>
                <c:pt idx="2707">
                  <c:v>681.92200000000003</c:v>
                </c:pt>
                <c:pt idx="2708">
                  <c:v>682.178</c:v>
                </c:pt>
                <c:pt idx="2709">
                  <c:v>682.47400000000005</c:v>
                </c:pt>
                <c:pt idx="2710">
                  <c:v>682.70799999999997</c:v>
                </c:pt>
                <c:pt idx="2711">
                  <c:v>683.02200000000005</c:v>
                </c:pt>
                <c:pt idx="2712">
                  <c:v>683.22500000000002</c:v>
                </c:pt>
                <c:pt idx="2713">
                  <c:v>683.61500000000001</c:v>
                </c:pt>
                <c:pt idx="2714">
                  <c:v>683.85599999999999</c:v>
                </c:pt>
                <c:pt idx="2715">
                  <c:v>684.31799999999998</c:v>
                </c:pt>
                <c:pt idx="2716">
                  <c:v>684.81899999999996</c:v>
                </c:pt>
                <c:pt idx="2717">
                  <c:v>685.11300000000006</c:v>
                </c:pt>
                <c:pt idx="2718">
                  <c:v>685.30700000000002</c:v>
                </c:pt>
                <c:pt idx="2719">
                  <c:v>685.58399999999995</c:v>
                </c:pt>
                <c:pt idx="2720">
                  <c:v>685.78099999999995</c:v>
                </c:pt>
                <c:pt idx="2721">
                  <c:v>685.82899999999995</c:v>
                </c:pt>
                <c:pt idx="2722">
                  <c:v>686.09</c:v>
                </c:pt>
                <c:pt idx="2723">
                  <c:v>686.20899999999995</c:v>
                </c:pt>
                <c:pt idx="2724">
                  <c:v>686.38300000000004</c:v>
                </c:pt>
                <c:pt idx="2725">
                  <c:v>686.69799999999998</c:v>
                </c:pt>
                <c:pt idx="2726">
                  <c:v>687.05100000000004</c:v>
                </c:pt>
                <c:pt idx="2727">
                  <c:v>687.03399999999999</c:v>
                </c:pt>
                <c:pt idx="2728">
                  <c:v>687.48599999999999</c:v>
                </c:pt>
                <c:pt idx="2729">
                  <c:v>687.87400000000002</c:v>
                </c:pt>
                <c:pt idx="2730">
                  <c:v>688.05200000000002</c:v>
                </c:pt>
                <c:pt idx="2731">
                  <c:v>688.33100000000002</c:v>
                </c:pt>
                <c:pt idx="2732">
                  <c:v>688.66600000000005</c:v>
                </c:pt>
                <c:pt idx="2733">
                  <c:v>689.03300000000002</c:v>
                </c:pt>
                <c:pt idx="2734">
                  <c:v>689.11</c:v>
                </c:pt>
                <c:pt idx="2735">
                  <c:v>689.32299999999998</c:v>
                </c:pt>
                <c:pt idx="2736">
                  <c:v>689.58600000000001</c:v>
                </c:pt>
                <c:pt idx="2737">
                  <c:v>689.72299999999996</c:v>
                </c:pt>
                <c:pt idx="2738">
                  <c:v>690.12800000000004</c:v>
                </c:pt>
                <c:pt idx="2739">
                  <c:v>690.42200000000003</c:v>
                </c:pt>
                <c:pt idx="2740">
                  <c:v>690.67399999999998</c:v>
                </c:pt>
                <c:pt idx="2741">
                  <c:v>691.10500000000002</c:v>
                </c:pt>
                <c:pt idx="2742">
                  <c:v>691.30100000000004</c:v>
                </c:pt>
                <c:pt idx="2743">
                  <c:v>691.55700000000002</c:v>
                </c:pt>
                <c:pt idx="2744">
                  <c:v>691.851</c:v>
                </c:pt>
                <c:pt idx="2745">
                  <c:v>692.03499999999997</c:v>
                </c:pt>
                <c:pt idx="2746">
                  <c:v>692.30799999999999</c:v>
                </c:pt>
                <c:pt idx="2747">
                  <c:v>692.70799999999997</c:v>
                </c:pt>
                <c:pt idx="2748">
                  <c:v>692.99699999999996</c:v>
                </c:pt>
                <c:pt idx="2749">
                  <c:v>693.33600000000001</c:v>
                </c:pt>
                <c:pt idx="2750">
                  <c:v>693.46299999999997</c:v>
                </c:pt>
                <c:pt idx="2751">
                  <c:v>693.88300000000004</c:v>
                </c:pt>
                <c:pt idx="2752">
                  <c:v>694.178</c:v>
                </c:pt>
                <c:pt idx="2753">
                  <c:v>694.41700000000003</c:v>
                </c:pt>
                <c:pt idx="2754">
                  <c:v>694.67600000000004</c:v>
                </c:pt>
                <c:pt idx="2755">
                  <c:v>694.88</c:v>
                </c:pt>
                <c:pt idx="2756">
                  <c:v>694.87699999999995</c:v>
                </c:pt>
                <c:pt idx="2757">
                  <c:v>695.197</c:v>
                </c:pt>
                <c:pt idx="2758">
                  <c:v>695.447</c:v>
                </c:pt>
                <c:pt idx="2759">
                  <c:v>695.40599999999995</c:v>
                </c:pt>
                <c:pt idx="2760">
                  <c:v>695.69299999999998</c:v>
                </c:pt>
                <c:pt idx="2761">
                  <c:v>696.08100000000002</c:v>
                </c:pt>
                <c:pt idx="2762">
                  <c:v>696.245</c:v>
                </c:pt>
                <c:pt idx="2763">
                  <c:v>696.35299999999995</c:v>
                </c:pt>
                <c:pt idx="2764">
                  <c:v>696.774</c:v>
                </c:pt>
                <c:pt idx="2765">
                  <c:v>697.34</c:v>
                </c:pt>
                <c:pt idx="2766">
                  <c:v>697.81</c:v>
                </c:pt>
                <c:pt idx="2767">
                  <c:v>697.90700000000004</c:v>
                </c:pt>
                <c:pt idx="2768">
                  <c:v>698.21199999999999</c:v>
                </c:pt>
                <c:pt idx="2769">
                  <c:v>698.53099999999995</c:v>
                </c:pt>
                <c:pt idx="2770">
                  <c:v>698.63</c:v>
                </c:pt>
                <c:pt idx="2771">
                  <c:v>698.95100000000002</c:v>
                </c:pt>
                <c:pt idx="2772">
                  <c:v>699.03499999999997</c:v>
                </c:pt>
                <c:pt idx="2773">
                  <c:v>699.31500000000005</c:v>
                </c:pt>
                <c:pt idx="2774">
                  <c:v>699.38900000000001</c:v>
                </c:pt>
                <c:pt idx="2775">
                  <c:v>699.9</c:v>
                </c:pt>
                <c:pt idx="2776">
                  <c:v>700.15099999999995</c:v>
                </c:pt>
                <c:pt idx="2777">
                  <c:v>700.34400000000005</c:v>
                </c:pt>
                <c:pt idx="2778">
                  <c:v>700.56700000000001</c:v>
                </c:pt>
                <c:pt idx="2779">
                  <c:v>700.61199999999997</c:v>
                </c:pt>
                <c:pt idx="2780">
                  <c:v>700.78899999999999</c:v>
                </c:pt>
                <c:pt idx="2781">
                  <c:v>701.26499999999999</c:v>
                </c:pt>
                <c:pt idx="2782">
                  <c:v>701.49699999999996</c:v>
                </c:pt>
                <c:pt idx="2783">
                  <c:v>701.71299999999997</c:v>
                </c:pt>
                <c:pt idx="2784">
                  <c:v>701.92499999999995</c:v>
                </c:pt>
                <c:pt idx="2785">
                  <c:v>702.32799999999997</c:v>
                </c:pt>
                <c:pt idx="2786">
                  <c:v>702.56500000000005</c:v>
                </c:pt>
                <c:pt idx="2787">
                  <c:v>702.93399999999997</c:v>
                </c:pt>
                <c:pt idx="2788">
                  <c:v>702.95299999999997</c:v>
                </c:pt>
                <c:pt idx="2789">
                  <c:v>703.23900000000003</c:v>
                </c:pt>
                <c:pt idx="2790">
                  <c:v>703.56799999999998</c:v>
                </c:pt>
                <c:pt idx="2791">
                  <c:v>703.84699999999998</c:v>
                </c:pt>
                <c:pt idx="2792">
                  <c:v>704.33600000000001</c:v>
                </c:pt>
                <c:pt idx="2793">
                  <c:v>704.41899999999998</c:v>
                </c:pt>
                <c:pt idx="2794">
                  <c:v>704.57799999999997</c:v>
                </c:pt>
                <c:pt idx="2795">
                  <c:v>705.03200000000004</c:v>
                </c:pt>
                <c:pt idx="2796">
                  <c:v>705.23599999999999</c:v>
                </c:pt>
                <c:pt idx="2797">
                  <c:v>705.44399999999996</c:v>
                </c:pt>
                <c:pt idx="2798">
                  <c:v>705.79300000000001</c:v>
                </c:pt>
                <c:pt idx="2799">
                  <c:v>706.20699999999999</c:v>
                </c:pt>
                <c:pt idx="2800">
                  <c:v>706.56500000000005</c:v>
                </c:pt>
                <c:pt idx="2801">
                  <c:v>706.95899999999995</c:v>
                </c:pt>
                <c:pt idx="2802">
                  <c:v>706.94200000000001</c:v>
                </c:pt>
                <c:pt idx="2803">
                  <c:v>707.16899999999998</c:v>
                </c:pt>
                <c:pt idx="2804">
                  <c:v>707.39800000000002</c:v>
                </c:pt>
                <c:pt idx="2805">
                  <c:v>707.471</c:v>
                </c:pt>
                <c:pt idx="2806">
                  <c:v>707.57500000000005</c:v>
                </c:pt>
                <c:pt idx="2807">
                  <c:v>707.72299999999996</c:v>
                </c:pt>
                <c:pt idx="2808">
                  <c:v>708.08299999999997</c:v>
                </c:pt>
                <c:pt idx="2809">
                  <c:v>708.33900000000006</c:v>
                </c:pt>
                <c:pt idx="2810">
                  <c:v>708.73800000000006</c:v>
                </c:pt>
                <c:pt idx="2811">
                  <c:v>708.95899999999995</c:v>
                </c:pt>
                <c:pt idx="2812">
                  <c:v>709.25599999999997</c:v>
                </c:pt>
                <c:pt idx="2813">
                  <c:v>709.75199999999995</c:v>
                </c:pt>
                <c:pt idx="2814">
                  <c:v>709.79300000000001</c:v>
                </c:pt>
                <c:pt idx="2815">
                  <c:v>710.20799999999997</c:v>
                </c:pt>
                <c:pt idx="2816">
                  <c:v>710.65800000000002</c:v>
                </c:pt>
                <c:pt idx="2817">
                  <c:v>710.87199999999996</c:v>
                </c:pt>
                <c:pt idx="2818">
                  <c:v>711.15</c:v>
                </c:pt>
                <c:pt idx="2819">
                  <c:v>711.18600000000004</c:v>
                </c:pt>
                <c:pt idx="2820">
                  <c:v>711.28300000000002</c:v>
                </c:pt>
                <c:pt idx="2821">
                  <c:v>711.83500000000004</c:v>
                </c:pt>
                <c:pt idx="2822">
                  <c:v>712.23299999999995</c:v>
                </c:pt>
                <c:pt idx="2823">
                  <c:v>712.33</c:v>
                </c:pt>
                <c:pt idx="2824">
                  <c:v>712.32500000000005</c:v>
                </c:pt>
                <c:pt idx="2825">
                  <c:v>712.43100000000004</c:v>
                </c:pt>
                <c:pt idx="2826">
                  <c:v>712.61699999999996</c:v>
                </c:pt>
                <c:pt idx="2827">
                  <c:v>712.68799999999999</c:v>
                </c:pt>
                <c:pt idx="2828">
                  <c:v>712.904</c:v>
                </c:pt>
                <c:pt idx="2829">
                  <c:v>713.16200000000003</c:v>
                </c:pt>
                <c:pt idx="2830">
                  <c:v>713.25900000000001</c:v>
                </c:pt>
                <c:pt idx="2831">
                  <c:v>713.80700000000002</c:v>
                </c:pt>
                <c:pt idx="2832">
                  <c:v>714.38300000000004</c:v>
                </c:pt>
                <c:pt idx="2833">
                  <c:v>714.77300000000002</c:v>
                </c:pt>
                <c:pt idx="2834">
                  <c:v>715.14</c:v>
                </c:pt>
                <c:pt idx="2835">
                  <c:v>715.29499999999996</c:v>
                </c:pt>
                <c:pt idx="2836">
                  <c:v>715.62099999999998</c:v>
                </c:pt>
                <c:pt idx="2837">
                  <c:v>715.82500000000005</c:v>
                </c:pt>
                <c:pt idx="2838">
                  <c:v>716.14700000000005</c:v>
                </c:pt>
                <c:pt idx="2839">
                  <c:v>716.399</c:v>
                </c:pt>
                <c:pt idx="2840">
                  <c:v>716.57299999999998</c:v>
                </c:pt>
                <c:pt idx="2841">
                  <c:v>716.65</c:v>
                </c:pt>
                <c:pt idx="2842">
                  <c:v>716.81899999999996</c:v>
                </c:pt>
                <c:pt idx="2843">
                  <c:v>717.29</c:v>
                </c:pt>
                <c:pt idx="2844">
                  <c:v>717.67100000000005</c:v>
                </c:pt>
                <c:pt idx="2845">
                  <c:v>717.85199999999998</c:v>
                </c:pt>
                <c:pt idx="2846">
                  <c:v>718.02499999999998</c:v>
                </c:pt>
                <c:pt idx="2847">
                  <c:v>718.03899999999999</c:v>
                </c:pt>
                <c:pt idx="2848">
                  <c:v>718.44200000000001</c:v>
                </c:pt>
                <c:pt idx="2849">
                  <c:v>718.63699999999994</c:v>
                </c:pt>
                <c:pt idx="2850">
                  <c:v>718.84400000000005</c:v>
                </c:pt>
                <c:pt idx="2851">
                  <c:v>719.13300000000004</c:v>
                </c:pt>
                <c:pt idx="2852">
                  <c:v>719.423</c:v>
                </c:pt>
                <c:pt idx="2853">
                  <c:v>719.70500000000004</c:v>
                </c:pt>
                <c:pt idx="2854">
                  <c:v>719.93</c:v>
                </c:pt>
                <c:pt idx="2855">
                  <c:v>720.53700000000003</c:v>
                </c:pt>
                <c:pt idx="2856">
                  <c:v>720.95100000000002</c:v>
                </c:pt>
                <c:pt idx="2857">
                  <c:v>721.22299999999996</c:v>
                </c:pt>
                <c:pt idx="2858">
                  <c:v>721.65300000000002</c:v>
                </c:pt>
                <c:pt idx="2859">
                  <c:v>721.95</c:v>
                </c:pt>
                <c:pt idx="2860">
                  <c:v>722.06500000000005</c:v>
                </c:pt>
                <c:pt idx="2861">
                  <c:v>722.15499999999997</c:v>
                </c:pt>
                <c:pt idx="2862">
                  <c:v>722.36</c:v>
                </c:pt>
                <c:pt idx="2863">
                  <c:v>722.41499999999996</c:v>
                </c:pt>
                <c:pt idx="2864">
                  <c:v>722.82100000000003</c:v>
                </c:pt>
                <c:pt idx="2865">
                  <c:v>723.18600000000004</c:v>
                </c:pt>
                <c:pt idx="2866">
                  <c:v>723.39400000000001</c:v>
                </c:pt>
                <c:pt idx="2867">
                  <c:v>723.53</c:v>
                </c:pt>
                <c:pt idx="2868">
                  <c:v>723.53499999999997</c:v>
                </c:pt>
                <c:pt idx="2869">
                  <c:v>723.90700000000004</c:v>
                </c:pt>
                <c:pt idx="2870">
                  <c:v>723.98</c:v>
                </c:pt>
                <c:pt idx="2871">
                  <c:v>724.41099999999994</c:v>
                </c:pt>
                <c:pt idx="2872">
                  <c:v>724.68499999999995</c:v>
                </c:pt>
                <c:pt idx="2873">
                  <c:v>725.10699999999997</c:v>
                </c:pt>
                <c:pt idx="2874">
                  <c:v>725.53</c:v>
                </c:pt>
                <c:pt idx="2875">
                  <c:v>725.74199999999996</c:v>
                </c:pt>
                <c:pt idx="2876">
                  <c:v>725.88199999999995</c:v>
                </c:pt>
                <c:pt idx="2877">
                  <c:v>725.86099999999999</c:v>
                </c:pt>
                <c:pt idx="2878">
                  <c:v>726.25</c:v>
                </c:pt>
                <c:pt idx="2879">
                  <c:v>726.60199999999998</c:v>
                </c:pt>
                <c:pt idx="2880">
                  <c:v>726.84199999999998</c:v>
                </c:pt>
                <c:pt idx="2881">
                  <c:v>727.27200000000005</c:v>
                </c:pt>
                <c:pt idx="2882">
                  <c:v>727.69799999999998</c:v>
                </c:pt>
                <c:pt idx="2883">
                  <c:v>727.78700000000003</c:v>
                </c:pt>
                <c:pt idx="2884">
                  <c:v>727.99699999999996</c:v>
                </c:pt>
                <c:pt idx="2885">
                  <c:v>728.22</c:v>
                </c:pt>
                <c:pt idx="2886">
                  <c:v>728.31100000000004</c:v>
                </c:pt>
                <c:pt idx="2887">
                  <c:v>728.702</c:v>
                </c:pt>
                <c:pt idx="2888">
                  <c:v>729.03800000000001</c:v>
                </c:pt>
                <c:pt idx="2889">
                  <c:v>729.29100000000005</c:v>
                </c:pt>
                <c:pt idx="2890">
                  <c:v>729.48299999999995</c:v>
                </c:pt>
                <c:pt idx="2891">
                  <c:v>729.827</c:v>
                </c:pt>
                <c:pt idx="2892">
                  <c:v>729.85900000000004</c:v>
                </c:pt>
                <c:pt idx="2893">
                  <c:v>730.05799999999999</c:v>
                </c:pt>
                <c:pt idx="2894">
                  <c:v>730.42</c:v>
                </c:pt>
                <c:pt idx="2895">
                  <c:v>730.73199999999997</c:v>
                </c:pt>
                <c:pt idx="2896">
                  <c:v>730.947</c:v>
                </c:pt>
                <c:pt idx="2897">
                  <c:v>731.09900000000005</c:v>
                </c:pt>
                <c:pt idx="2898">
                  <c:v>731.452</c:v>
                </c:pt>
                <c:pt idx="2899">
                  <c:v>731.89</c:v>
                </c:pt>
                <c:pt idx="2900">
                  <c:v>732.06399999999996</c:v>
                </c:pt>
                <c:pt idx="2901">
                  <c:v>732.423</c:v>
                </c:pt>
                <c:pt idx="2902">
                  <c:v>732.64</c:v>
                </c:pt>
                <c:pt idx="2903">
                  <c:v>733.01499999999999</c:v>
                </c:pt>
                <c:pt idx="2904">
                  <c:v>733.16</c:v>
                </c:pt>
                <c:pt idx="2905">
                  <c:v>733.346</c:v>
                </c:pt>
                <c:pt idx="2906">
                  <c:v>733.66600000000005</c:v>
                </c:pt>
                <c:pt idx="2907">
                  <c:v>733.90200000000004</c:v>
                </c:pt>
                <c:pt idx="2908">
                  <c:v>734.17</c:v>
                </c:pt>
                <c:pt idx="2909">
                  <c:v>734.36199999999997</c:v>
                </c:pt>
                <c:pt idx="2910">
                  <c:v>734.62599999999998</c:v>
                </c:pt>
                <c:pt idx="2911">
                  <c:v>734.88400000000001</c:v>
                </c:pt>
                <c:pt idx="2912">
                  <c:v>735.18100000000004</c:v>
                </c:pt>
                <c:pt idx="2913">
                  <c:v>735.572</c:v>
                </c:pt>
                <c:pt idx="2914">
                  <c:v>735.87699999999995</c:v>
                </c:pt>
                <c:pt idx="2915">
                  <c:v>735.93899999999996</c:v>
                </c:pt>
                <c:pt idx="2916">
                  <c:v>736.19899999999996</c:v>
                </c:pt>
                <c:pt idx="2917">
                  <c:v>736.56700000000001</c:v>
                </c:pt>
                <c:pt idx="2918">
                  <c:v>736.91200000000003</c:v>
                </c:pt>
                <c:pt idx="2919">
                  <c:v>737.21699999999998</c:v>
                </c:pt>
                <c:pt idx="2920">
                  <c:v>737.48199999999997</c:v>
                </c:pt>
                <c:pt idx="2921">
                  <c:v>737.52599999999995</c:v>
                </c:pt>
                <c:pt idx="2922">
                  <c:v>737.80700000000002</c:v>
                </c:pt>
                <c:pt idx="2923">
                  <c:v>738.04300000000001</c:v>
                </c:pt>
                <c:pt idx="2924">
                  <c:v>738.452</c:v>
                </c:pt>
                <c:pt idx="2925">
                  <c:v>738.64400000000001</c:v>
                </c:pt>
                <c:pt idx="2926">
                  <c:v>738.952</c:v>
                </c:pt>
                <c:pt idx="2927">
                  <c:v>739.19500000000005</c:v>
                </c:pt>
                <c:pt idx="2928">
                  <c:v>739.39700000000005</c:v>
                </c:pt>
                <c:pt idx="2929">
                  <c:v>739.61699999999996</c:v>
                </c:pt>
                <c:pt idx="2930">
                  <c:v>740.06600000000003</c:v>
                </c:pt>
                <c:pt idx="2931">
                  <c:v>740.29300000000001</c:v>
                </c:pt>
                <c:pt idx="2932">
                  <c:v>740.63599999999997</c:v>
                </c:pt>
                <c:pt idx="2933">
                  <c:v>741.02</c:v>
                </c:pt>
                <c:pt idx="2934">
                  <c:v>741.37800000000004</c:v>
                </c:pt>
                <c:pt idx="2935">
                  <c:v>741.55399999999997</c:v>
                </c:pt>
                <c:pt idx="2936">
                  <c:v>741.61900000000003</c:v>
                </c:pt>
                <c:pt idx="2937">
                  <c:v>741.98599999999999</c:v>
                </c:pt>
                <c:pt idx="2938">
                  <c:v>742.05700000000002</c:v>
                </c:pt>
                <c:pt idx="2939">
                  <c:v>742.35500000000002</c:v>
                </c:pt>
                <c:pt idx="2940">
                  <c:v>742.63499999999999</c:v>
                </c:pt>
                <c:pt idx="2941">
                  <c:v>743.03800000000001</c:v>
                </c:pt>
                <c:pt idx="2942">
                  <c:v>743.43</c:v>
                </c:pt>
                <c:pt idx="2943">
                  <c:v>743.40800000000002</c:v>
                </c:pt>
                <c:pt idx="2944">
                  <c:v>743.80200000000002</c:v>
                </c:pt>
                <c:pt idx="2945">
                  <c:v>744.12</c:v>
                </c:pt>
                <c:pt idx="2946">
                  <c:v>744.47799999999995</c:v>
                </c:pt>
                <c:pt idx="2947">
                  <c:v>744.55700000000002</c:v>
                </c:pt>
                <c:pt idx="2948">
                  <c:v>744.69600000000003</c:v>
                </c:pt>
                <c:pt idx="2949">
                  <c:v>745.04899999999998</c:v>
                </c:pt>
                <c:pt idx="2950">
                  <c:v>745.04100000000005</c:v>
                </c:pt>
                <c:pt idx="2951">
                  <c:v>745.17499999999995</c:v>
                </c:pt>
                <c:pt idx="2952">
                  <c:v>745.12</c:v>
                </c:pt>
                <c:pt idx="2953">
                  <c:v>745.57799999999997</c:v>
                </c:pt>
                <c:pt idx="2954">
                  <c:v>745.82100000000003</c:v>
                </c:pt>
                <c:pt idx="2955">
                  <c:v>746.17600000000004</c:v>
                </c:pt>
                <c:pt idx="2956">
                  <c:v>746.63199999999995</c:v>
                </c:pt>
                <c:pt idx="2957">
                  <c:v>747.31100000000004</c:v>
                </c:pt>
                <c:pt idx="2958">
                  <c:v>747.59900000000005</c:v>
                </c:pt>
                <c:pt idx="2959">
                  <c:v>747.83799999999997</c:v>
                </c:pt>
                <c:pt idx="2960">
                  <c:v>748.16</c:v>
                </c:pt>
                <c:pt idx="2961">
                  <c:v>748.23900000000003</c:v>
                </c:pt>
                <c:pt idx="2962">
                  <c:v>748.35900000000004</c:v>
                </c:pt>
                <c:pt idx="2963">
                  <c:v>748.53</c:v>
                </c:pt>
                <c:pt idx="2964">
                  <c:v>748.91499999999996</c:v>
                </c:pt>
                <c:pt idx="2965">
                  <c:v>749.09699999999998</c:v>
                </c:pt>
                <c:pt idx="2966">
                  <c:v>749.15</c:v>
                </c:pt>
                <c:pt idx="2967">
                  <c:v>749.45399999999995</c:v>
                </c:pt>
                <c:pt idx="2968">
                  <c:v>749.697</c:v>
                </c:pt>
                <c:pt idx="2969">
                  <c:v>749.81299999999999</c:v>
                </c:pt>
                <c:pt idx="2970">
                  <c:v>750.09799999999996</c:v>
                </c:pt>
                <c:pt idx="2971">
                  <c:v>750.33399999999995</c:v>
                </c:pt>
                <c:pt idx="2972">
                  <c:v>750.76300000000003</c:v>
                </c:pt>
                <c:pt idx="2973">
                  <c:v>751.01599999999996</c:v>
                </c:pt>
                <c:pt idx="2974">
                  <c:v>751.28399999999999</c:v>
                </c:pt>
                <c:pt idx="2975">
                  <c:v>751.55100000000004</c:v>
                </c:pt>
                <c:pt idx="2976">
                  <c:v>751.79300000000001</c:v>
                </c:pt>
                <c:pt idx="2977">
                  <c:v>751.98500000000001</c:v>
                </c:pt>
                <c:pt idx="2978">
                  <c:v>752.24599999999998</c:v>
                </c:pt>
                <c:pt idx="2979">
                  <c:v>752.44500000000005</c:v>
                </c:pt>
                <c:pt idx="2980">
                  <c:v>752.55499999999995</c:v>
                </c:pt>
                <c:pt idx="2981">
                  <c:v>752.92100000000005</c:v>
                </c:pt>
                <c:pt idx="2982">
                  <c:v>753.24599999999998</c:v>
                </c:pt>
                <c:pt idx="2983">
                  <c:v>753.48</c:v>
                </c:pt>
                <c:pt idx="2984">
                  <c:v>753.69799999999998</c:v>
                </c:pt>
                <c:pt idx="2985">
                  <c:v>753.98599999999999</c:v>
                </c:pt>
                <c:pt idx="2986">
                  <c:v>754.42700000000002</c:v>
                </c:pt>
                <c:pt idx="2987">
                  <c:v>754.82500000000005</c:v>
                </c:pt>
                <c:pt idx="2988">
                  <c:v>755.02499999999998</c:v>
                </c:pt>
                <c:pt idx="2989">
                  <c:v>755.27</c:v>
                </c:pt>
                <c:pt idx="2990">
                  <c:v>755.721</c:v>
                </c:pt>
                <c:pt idx="2991">
                  <c:v>755.97199999999998</c:v>
                </c:pt>
                <c:pt idx="2992">
                  <c:v>756.22299999999996</c:v>
                </c:pt>
                <c:pt idx="2993">
                  <c:v>756.58900000000006</c:v>
                </c:pt>
                <c:pt idx="2994">
                  <c:v>757.03399999999999</c:v>
                </c:pt>
                <c:pt idx="2995">
                  <c:v>757.41099999999994</c:v>
                </c:pt>
                <c:pt idx="2996">
                  <c:v>757.46400000000006</c:v>
                </c:pt>
                <c:pt idx="2997">
                  <c:v>757.73</c:v>
                </c:pt>
                <c:pt idx="2998">
                  <c:v>757.75400000000002</c:v>
                </c:pt>
                <c:pt idx="2999">
                  <c:v>757.875</c:v>
                </c:pt>
                <c:pt idx="3000">
                  <c:v>758.14300000000003</c:v>
                </c:pt>
                <c:pt idx="3001">
                  <c:v>758.35500000000002</c:v>
                </c:pt>
                <c:pt idx="3002">
                  <c:v>758.74400000000003</c:v>
                </c:pt>
                <c:pt idx="3003">
                  <c:v>758.93499999999995</c:v>
                </c:pt>
                <c:pt idx="3004">
                  <c:v>759.28700000000003</c:v>
                </c:pt>
                <c:pt idx="3005">
                  <c:v>759.65200000000004</c:v>
                </c:pt>
                <c:pt idx="3006">
                  <c:v>759.70799999999997</c:v>
                </c:pt>
                <c:pt idx="3007">
                  <c:v>759.90700000000004</c:v>
                </c:pt>
                <c:pt idx="3008">
                  <c:v>760.05499999999995</c:v>
                </c:pt>
                <c:pt idx="3009">
                  <c:v>760.09199999999998</c:v>
                </c:pt>
                <c:pt idx="3010">
                  <c:v>760.43700000000001</c:v>
                </c:pt>
                <c:pt idx="3011">
                  <c:v>760.85400000000004</c:v>
                </c:pt>
                <c:pt idx="3012">
                  <c:v>761.27099999999996</c:v>
                </c:pt>
                <c:pt idx="3013">
                  <c:v>761.39300000000003</c:v>
                </c:pt>
                <c:pt idx="3014">
                  <c:v>761.56</c:v>
                </c:pt>
                <c:pt idx="3015">
                  <c:v>761.94</c:v>
                </c:pt>
                <c:pt idx="3016">
                  <c:v>762.34299999999996</c:v>
                </c:pt>
                <c:pt idx="3017">
                  <c:v>762.66</c:v>
                </c:pt>
                <c:pt idx="3018">
                  <c:v>762.79399999999998</c:v>
                </c:pt>
                <c:pt idx="3019">
                  <c:v>763.15800000000002</c:v>
                </c:pt>
                <c:pt idx="3020">
                  <c:v>763.25199999999995</c:v>
                </c:pt>
                <c:pt idx="3021">
                  <c:v>763.14400000000001</c:v>
                </c:pt>
                <c:pt idx="3022">
                  <c:v>763.28899999999999</c:v>
                </c:pt>
                <c:pt idx="3023">
                  <c:v>763.42899999999997</c:v>
                </c:pt>
                <c:pt idx="3024">
                  <c:v>763.96400000000006</c:v>
                </c:pt>
                <c:pt idx="3025">
                  <c:v>764.50199999999995</c:v>
                </c:pt>
                <c:pt idx="3026">
                  <c:v>764.71199999999999</c:v>
                </c:pt>
                <c:pt idx="3027">
                  <c:v>765.03</c:v>
                </c:pt>
                <c:pt idx="3028">
                  <c:v>765.24800000000005</c:v>
                </c:pt>
                <c:pt idx="3029">
                  <c:v>765.49199999999996</c:v>
                </c:pt>
                <c:pt idx="3030">
                  <c:v>765.62699999999995</c:v>
                </c:pt>
                <c:pt idx="3031">
                  <c:v>765.78700000000003</c:v>
                </c:pt>
                <c:pt idx="3032">
                  <c:v>766.048</c:v>
                </c:pt>
                <c:pt idx="3033">
                  <c:v>766.29499999999996</c:v>
                </c:pt>
                <c:pt idx="3034">
                  <c:v>766.79600000000005</c:v>
                </c:pt>
                <c:pt idx="3035">
                  <c:v>767.21400000000006</c:v>
                </c:pt>
                <c:pt idx="3036">
                  <c:v>767.48</c:v>
                </c:pt>
                <c:pt idx="3037">
                  <c:v>767.62199999999996</c:v>
                </c:pt>
                <c:pt idx="3038">
                  <c:v>768.04399999999998</c:v>
                </c:pt>
                <c:pt idx="3039">
                  <c:v>768.15200000000004</c:v>
                </c:pt>
                <c:pt idx="3040">
                  <c:v>768.34400000000005</c:v>
                </c:pt>
                <c:pt idx="3041">
                  <c:v>768.529</c:v>
                </c:pt>
                <c:pt idx="3042">
                  <c:v>768.78599999999994</c:v>
                </c:pt>
                <c:pt idx="3043">
                  <c:v>769.10900000000004</c:v>
                </c:pt>
                <c:pt idx="3044">
                  <c:v>769.34400000000005</c:v>
                </c:pt>
                <c:pt idx="3045">
                  <c:v>769.46699999999998</c:v>
                </c:pt>
                <c:pt idx="3046">
                  <c:v>769.90599999999995</c:v>
                </c:pt>
                <c:pt idx="3047">
                  <c:v>770.11900000000003</c:v>
                </c:pt>
                <c:pt idx="3048">
                  <c:v>770.38199999999995</c:v>
                </c:pt>
                <c:pt idx="3049">
                  <c:v>770.60500000000002</c:v>
                </c:pt>
                <c:pt idx="3050">
                  <c:v>770.87699999999995</c:v>
                </c:pt>
                <c:pt idx="3051">
                  <c:v>771.23900000000003</c:v>
                </c:pt>
                <c:pt idx="3052">
                  <c:v>771.21199999999999</c:v>
                </c:pt>
                <c:pt idx="3053">
                  <c:v>771.70299999999997</c:v>
                </c:pt>
                <c:pt idx="3054">
                  <c:v>771.846</c:v>
                </c:pt>
                <c:pt idx="3055">
                  <c:v>771.92399999999998</c:v>
                </c:pt>
                <c:pt idx="3056">
                  <c:v>772.30700000000002</c:v>
                </c:pt>
                <c:pt idx="3057">
                  <c:v>772.66300000000001</c:v>
                </c:pt>
                <c:pt idx="3058">
                  <c:v>772.85599999999999</c:v>
                </c:pt>
                <c:pt idx="3059">
                  <c:v>773.09</c:v>
                </c:pt>
                <c:pt idx="3060">
                  <c:v>773.42399999999998</c:v>
                </c:pt>
                <c:pt idx="3061">
                  <c:v>773.86500000000001</c:v>
                </c:pt>
                <c:pt idx="3062">
                  <c:v>774.07</c:v>
                </c:pt>
                <c:pt idx="3063">
                  <c:v>774.16800000000001</c:v>
                </c:pt>
                <c:pt idx="3064">
                  <c:v>774.56899999999996</c:v>
                </c:pt>
                <c:pt idx="3065">
                  <c:v>774.98</c:v>
                </c:pt>
                <c:pt idx="3066">
                  <c:v>775.10699999999997</c:v>
                </c:pt>
                <c:pt idx="3067">
                  <c:v>775.37800000000004</c:v>
                </c:pt>
                <c:pt idx="3068">
                  <c:v>775.52</c:v>
                </c:pt>
                <c:pt idx="3069">
                  <c:v>775.65499999999997</c:v>
                </c:pt>
                <c:pt idx="3070">
                  <c:v>776.101</c:v>
                </c:pt>
                <c:pt idx="3071">
                  <c:v>776.37099999999998</c:v>
                </c:pt>
                <c:pt idx="3072">
                  <c:v>776.553</c:v>
                </c:pt>
                <c:pt idx="3073">
                  <c:v>776.69399999999996</c:v>
                </c:pt>
                <c:pt idx="3074">
                  <c:v>776.77599999999995</c:v>
                </c:pt>
                <c:pt idx="3075">
                  <c:v>777.26099999999997</c:v>
                </c:pt>
                <c:pt idx="3076">
                  <c:v>777.75800000000004</c:v>
                </c:pt>
                <c:pt idx="3077">
                  <c:v>777.88300000000004</c:v>
                </c:pt>
                <c:pt idx="3078">
                  <c:v>778.21600000000001</c:v>
                </c:pt>
                <c:pt idx="3079">
                  <c:v>778.52200000000005</c:v>
                </c:pt>
                <c:pt idx="3080">
                  <c:v>778.71400000000006</c:v>
                </c:pt>
                <c:pt idx="3081">
                  <c:v>778.86500000000001</c:v>
                </c:pt>
                <c:pt idx="3082">
                  <c:v>779.12099999999998</c:v>
                </c:pt>
                <c:pt idx="3083">
                  <c:v>779.49599999999998</c:v>
                </c:pt>
                <c:pt idx="3084">
                  <c:v>779.68399999999997</c:v>
                </c:pt>
                <c:pt idx="3085">
                  <c:v>779.82899999999995</c:v>
                </c:pt>
                <c:pt idx="3086">
                  <c:v>780.048</c:v>
                </c:pt>
                <c:pt idx="3087">
                  <c:v>780.14400000000001</c:v>
                </c:pt>
                <c:pt idx="3088">
                  <c:v>780.38</c:v>
                </c:pt>
                <c:pt idx="3089">
                  <c:v>780.75199999999995</c:v>
                </c:pt>
                <c:pt idx="3090">
                  <c:v>781.08199999999999</c:v>
                </c:pt>
                <c:pt idx="3091">
                  <c:v>781.52599999999995</c:v>
                </c:pt>
                <c:pt idx="3092">
                  <c:v>781.73800000000006</c:v>
                </c:pt>
                <c:pt idx="3093">
                  <c:v>781.93399999999997</c:v>
                </c:pt>
                <c:pt idx="3094">
                  <c:v>782.17399999999998</c:v>
                </c:pt>
                <c:pt idx="3095">
                  <c:v>782.36099999999999</c:v>
                </c:pt>
                <c:pt idx="3096">
                  <c:v>782.68299999999999</c:v>
                </c:pt>
                <c:pt idx="3097">
                  <c:v>782.77599999999995</c:v>
                </c:pt>
                <c:pt idx="3098">
                  <c:v>783.01199999999994</c:v>
                </c:pt>
                <c:pt idx="3099">
                  <c:v>783.39400000000001</c:v>
                </c:pt>
                <c:pt idx="3100">
                  <c:v>783.76</c:v>
                </c:pt>
                <c:pt idx="3101">
                  <c:v>784.02</c:v>
                </c:pt>
                <c:pt idx="3102">
                  <c:v>784.30600000000004</c:v>
                </c:pt>
                <c:pt idx="3103">
                  <c:v>784.57100000000003</c:v>
                </c:pt>
                <c:pt idx="3104">
                  <c:v>784.68</c:v>
                </c:pt>
                <c:pt idx="3105">
                  <c:v>784.97400000000005</c:v>
                </c:pt>
                <c:pt idx="3106">
                  <c:v>785.29</c:v>
                </c:pt>
                <c:pt idx="3107">
                  <c:v>785.66700000000003</c:v>
                </c:pt>
                <c:pt idx="3108">
                  <c:v>785.97900000000004</c:v>
                </c:pt>
                <c:pt idx="3109">
                  <c:v>786.255</c:v>
                </c:pt>
                <c:pt idx="3110">
                  <c:v>786.20799999999997</c:v>
                </c:pt>
                <c:pt idx="3111">
                  <c:v>786.49099999999999</c:v>
                </c:pt>
                <c:pt idx="3112">
                  <c:v>786.62199999999996</c:v>
                </c:pt>
                <c:pt idx="3113">
                  <c:v>786.72699999999998</c:v>
                </c:pt>
                <c:pt idx="3114">
                  <c:v>786.93100000000004</c:v>
                </c:pt>
                <c:pt idx="3115">
                  <c:v>787.52800000000002</c:v>
                </c:pt>
                <c:pt idx="3116">
                  <c:v>788.04499999999996</c:v>
                </c:pt>
                <c:pt idx="3117">
                  <c:v>787.98400000000004</c:v>
                </c:pt>
                <c:pt idx="3118">
                  <c:v>788.47199999999998</c:v>
                </c:pt>
                <c:pt idx="3119">
                  <c:v>788.78899999999999</c:v>
                </c:pt>
                <c:pt idx="3120">
                  <c:v>788.995</c:v>
                </c:pt>
                <c:pt idx="3121">
                  <c:v>789.40800000000002</c:v>
                </c:pt>
                <c:pt idx="3122">
                  <c:v>789.68200000000002</c:v>
                </c:pt>
                <c:pt idx="3123">
                  <c:v>789.74199999999996</c:v>
                </c:pt>
                <c:pt idx="3124">
                  <c:v>789.88499999999999</c:v>
                </c:pt>
                <c:pt idx="3125">
                  <c:v>790.11199999999997</c:v>
                </c:pt>
                <c:pt idx="3126">
                  <c:v>790.07799999999997</c:v>
                </c:pt>
                <c:pt idx="3127">
                  <c:v>790.33399999999995</c:v>
                </c:pt>
                <c:pt idx="3128">
                  <c:v>790.77800000000002</c:v>
                </c:pt>
                <c:pt idx="3129">
                  <c:v>791.16800000000001</c:v>
                </c:pt>
                <c:pt idx="3130">
                  <c:v>791.64700000000005</c:v>
                </c:pt>
                <c:pt idx="3131">
                  <c:v>792.07</c:v>
                </c:pt>
                <c:pt idx="3132">
                  <c:v>792.25</c:v>
                </c:pt>
                <c:pt idx="3133">
                  <c:v>792.48500000000001</c:v>
                </c:pt>
                <c:pt idx="3134">
                  <c:v>792.48900000000003</c:v>
                </c:pt>
                <c:pt idx="3135">
                  <c:v>793.10400000000004</c:v>
                </c:pt>
                <c:pt idx="3136">
                  <c:v>793.54200000000003</c:v>
                </c:pt>
                <c:pt idx="3137">
                  <c:v>793.70799999999997</c:v>
                </c:pt>
                <c:pt idx="3138">
                  <c:v>793.88900000000001</c:v>
                </c:pt>
                <c:pt idx="3139">
                  <c:v>794.08100000000002</c:v>
                </c:pt>
                <c:pt idx="3140">
                  <c:v>794.17899999999997</c:v>
                </c:pt>
                <c:pt idx="3141">
                  <c:v>794.50400000000002</c:v>
                </c:pt>
                <c:pt idx="3142">
                  <c:v>794.83699999999999</c:v>
                </c:pt>
                <c:pt idx="3143">
                  <c:v>794.82799999999997</c:v>
                </c:pt>
                <c:pt idx="3144">
                  <c:v>795.35299999999995</c:v>
                </c:pt>
                <c:pt idx="3145">
                  <c:v>795.57799999999997</c:v>
                </c:pt>
                <c:pt idx="3146">
                  <c:v>795.88499999999999</c:v>
                </c:pt>
                <c:pt idx="3147">
                  <c:v>796.06</c:v>
                </c:pt>
                <c:pt idx="3148">
                  <c:v>796.31500000000005</c:v>
                </c:pt>
                <c:pt idx="3149">
                  <c:v>796.64099999999996</c:v>
                </c:pt>
                <c:pt idx="3150">
                  <c:v>796.91200000000003</c:v>
                </c:pt>
                <c:pt idx="3151">
                  <c:v>796.93799999999999</c:v>
                </c:pt>
                <c:pt idx="3152">
                  <c:v>797.18200000000002</c:v>
                </c:pt>
                <c:pt idx="3153">
                  <c:v>797.61400000000003</c:v>
                </c:pt>
                <c:pt idx="3154">
                  <c:v>797.88499999999999</c:v>
                </c:pt>
                <c:pt idx="3155">
                  <c:v>798.19</c:v>
                </c:pt>
                <c:pt idx="3156">
                  <c:v>798.40300000000002</c:v>
                </c:pt>
                <c:pt idx="3157">
                  <c:v>798.75699999999995</c:v>
                </c:pt>
                <c:pt idx="3158">
                  <c:v>798.83100000000002</c:v>
                </c:pt>
                <c:pt idx="3159">
                  <c:v>799.23599999999999</c:v>
                </c:pt>
                <c:pt idx="3160">
                  <c:v>799.33299999999997</c:v>
                </c:pt>
                <c:pt idx="3161">
                  <c:v>799.75900000000001</c:v>
                </c:pt>
                <c:pt idx="3162">
                  <c:v>799.91499999999996</c:v>
                </c:pt>
                <c:pt idx="3163">
                  <c:v>800.00599999999997</c:v>
                </c:pt>
                <c:pt idx="3164">
                  <c:v>800.32100000000003</c:v>
                </c:pt>
                <c:pt idx="3165">
                  <c:v>800.43899999999996</c:v>
                </c:pt>
                <c:pt idx="3166">
                  <c:v>800.81700000000001</c:v>
                </c:pt>
                <c:pt idx="3167">
                  <c:v>801.18299999999999</c:v>
                </c:pt>
                <c:pt idx="3168">
                  <c:v>801.34799999999996</c:v>
                </c:pt>
                <c:pt idx="3169">
                  <c:v>801.65099999999995</c:v>
                </c:pt>
                <c:pt idx="3170">
                  <c:v>802.16399999999999</c:v>
                </c:pt>
                <c:pt idx="3171">
                  <c:v>802.34500000000003</c:v>
                </c:pt>
                <c:pt idx="3172">
                  <c:v>802.61800000000005</c:v>
                </c:pt>
                <c:pt idx="3173">
                  <c:v>802.779</c:v>
                </c:pt>
                <c:pt idx="3174">
                  <c:v>802.9</c:v>
                </c:pt>
                <c:pt idx="3175">
                  <c:v>803.15599999999995</c:v>
                </c:pt>
                <c:pt idx="3176">
                  <c:v>803.42600000000004</c:v>
                </c:pt>
                <c:pt idx="3177">
                  <c:v>803.72400000000005</c:v>
                </c:pt>
                <c:pt idx="3178">
                  <c:v>804.22900000000004</c:v>
                </c:pt>
                <c:pt idx="3179">
                  <c:v>804.36599999999999</c:v>
                </c:pt>
                <c:pt idx="3180">
                  <c:v>804.80700000000002</c:v>
                </c:pt>
                <c:pt idx="3181">
                  <c:v>805.18100000000004</c:v>
                </c:pt>
                <c:pt idx="3182">
                  <c:v>805.05899999999997</c:v>
                </c:pt>
                <c:pt idx="3183">
                  <c:v>805.42700000000002</c:v>
                </c:pt>
                <c:pt idx="3184">
                  <c:v>805.63599999999997</c:v>
                </c:pt>
                <c:pt idx="3185">
                  <c:v>805.68399999999997</c:v>
                </c:pt>
                <c:pt idx="3186">
                  <c:v>806.01</c:v>
                </c:pt>
                <c:pt idx="3187">
                  <c:v>806.32399999999996</c:v>
                </c:pt>
                <c:pt idx="3188">
                  <c:v>806.79100000000005</c:v>
                </c:pt>
                <c:pt idx="3189">
                  <c:v>807.03200000000004</c:v>
                </c:pt>
                <c:pt idx="3190">
                  <c:v>807.18399999999997</c:v>
                </c:pt>
                <c:pt idx="3191">
                  <c:v>807.41600000000005</c:v>
                </c:pt>
                <c:pt idx="3192">
                  <c:v>807.63800000000003</c:v>
                </c:pt>
                <c:pt idx="3193">
                  <c:v>807.971</c:v>
                </c:pt>
                <c:pt idx="3194">
                  <c:v>808.072</c:v>
                </c:pt>
                <c:pt idx="3195">
                  <c:v>808.32</c:v>
                </c:pt>
                <c:pt idx="3196">
                  <c:v>808.80399999999997</c:v>
                </c:pt>
                <c:pt idx="3197">
                  <c:v>809.26400000000001</c:v>
                </c:pt>
                <c:pt idx="3198">
                  <c:v>809.65700000000004</c:v>
                </c:pt>
                <c:pt idx="3199">
                  <c:v>809.51499999999999</c:v>
                </c:pt>
                <c:pt idx="3200">
                  <c:v>809.61800000000005</c:v>
                </c:pt>
                <c:pt idx="3201">
                  <c:v>810.08500000000004</c:v>
                </c:pt>
                <c:pt idx="3202">
                  <c:v>810.35299999999995</c:v>
                </c:pt>
                <c:pt idx="3203">
                  <c:v>810.66</c:v>
                </c:pt>
                <c:pt idx="3204">
                  <c:v>810.76800000000003</c:v>
                </c:pt>
                <c:pt idx="3205">
                  <c:v>811.01900000000001</c:v>
                </c:pt>
                <c:pt idx="3206">
                  <c:v>811.23099999999999</c:v>
                </c:pt>
                <c:pt idx="3207">
                  <c:v>811.67</c:v>
                </c:pt>
                <c:pt idx="3208">
                  <c:v>812.11099999999999</c:v>
                </c:pt>
                <c:pt idx="3209">
                  <c:v>812.25199999999995</c:v>
                </c:pt>
                <c:pt idx="3210">
                  <c:v>812.33</c:v>
                </c:pt>
                <c:pt idx="3211">
                  <c:v>812.726</c:v>
                </c:pt>
                <c:pt idx="3212">
                  <c:v>813.15800000000002</c:v>
                </c:pt>
                <c:pt idx="3213">
                  <c:v>813.42399999999998</c:v>
                </c:pt>
                <c:pt idx="3214">
                  <c:v>813.68299999999999</c:v>
                </c:pt>
                <c:pt idx="3215">
                  <c:v>813.79</c:v>
                </c:pt>
                <c:pt idx="3216">
                  <c:v>813.86699999999996</c:v>
                </c:pt>
                <c:pt idx="3217">
                  <c:v>813.83600000000001</c:v>
                </c:pt>
                <c:pt idx="3218">
                  <c:v>814.03599999999994</c:v>
                </c:pt>
                <c:pt idx="3219">
                  <c:v>814.40599999999995</c:v>
                </c:pt>
                <c:pt idx="3220">
                  <c:v>814.77499999999998</c:v>
                </c:pt>
                <c:pt idx="3221">
                  <c:v>815.25199999999995</c:v>
                </c:pt>
                <c:pt idx="3222">
                  <c:v>815.44299999999998</c:v>
                </c:pt>
                <c:pt idx="3223">
                  <c:v>815.67700000000002</c:v>
                </c:pt>
                <c:pt idx="3224">
                  <c:v>815.91899999999998</c:v>
                </c:pt>
                <c:pt idx="3225">
                  <c:v>816.33900000000006</c:v>
                </c:pt>
                <c:pt idx="3226">
                  <c:v>816.43700000000001</c:v>
                </c:pt>
                <c:pt idx="3227">
                  <c:v>816.56200000000001</c:v>
                </c:pt>
                <c:pt idx="3228">
                  <c:v>816.71199999999999</c:v>
                </c:pt>
                <c:pt idx="3229">
                  <c:v>816.98500000000001</c:v>
                </c:pt>
                <c:pt idx="3230">
                  <c:v>817.04</c:v>
                </c:pt>
                <c:pt idx="3231">
                  <c:v>817.48099999999999</c:v>
                </c:pt>
                <c:pt idx="3232">
                  <c:v>817.85699999999997</c:v>
                </c:pt>
                <c:pt idx="3233">
                  <c:v>817.8</c:v>
                </c:pt>
                <c:pt idx="3234">
                  <c:v>817.77499999999998</c:v>
                </c:pt>
                <c:pt idx="3235">
                  <c:v>818.34500000000003</c:v>
                </c:pt>
                <c:pt idx="3236">
                  <c:v>818.59799999999996</c:v>
                </c:pt>
                <c:pt idx="3237">
                  <c:v>818.85900000000004</c:v>
                </c:pt>
                <c:pt idx="3238">
                  <c:v>819.27300000000002</c:v>
                </c:pt>
                <c:pt idx="3239">
                  <c:v>819.43600000000004</c:v>
                </c:pt>
                <c:pt idx="3240">
                  <c:v>819.88300000000004</c:v>
                </c:pt>
                <c:pt idx="3241">
                  <c:v>820.154</c:v>
                </c:pt>
                <c:pt idx="3242">
                  <c:v>820.61</c:v>
                </c:pt>
                <c:pt idx="3243">
                  <c:v>820.52</c:v>
                </c:pt>
                <c:pt idx="3244">
                  <c:v>820.82100000000003</c:v>
                </c:pt>
                <c:pt idx="3245">
                  <c:v>821.31</c:v>
                </c:pt>
                <c:pt idx="3246">
                  <c:v>821.47799999999995</c:v>
                </c:pt>
                <c:pt idx="3247">
                  <c:v>821.72799999999995</c:v>
                </c:pt>
                <c:pt idx="3248">
                  <c:v>821.851</c:v>
                </c:pt>
                <c:pt idx="3249">
                  <c:v>822.00599999999997</c:v>
                </c:pt>
                <c:pt idx="3250">
                  <c:v>822.29899999999998</c:v>
                </c:pt>
                <c:pt idx="3251">
                  <c:v>822.61</c:v>
                </c:pt>
                <c:pt idx="3252">
                  <c:v>822.81799999999998</c:v>
                </c:pt>
                <c:pt idx="3253">
                  <c:v>823.04100000000005</c:v>
                </c:pt>
                <c:pt idx="3254">
                  <c:v>823.34699999999998</c:v>
                </c:pt>
                <c:pt idx="3255">
                  <c:v>823.51599999999996</c:v>
                </c:pt>
                <c:pt idx="3256">
                  <c:v>823.75599999999997</c:v>
                </c:pt>
                <c:pt idx="3257">
                  <c:v>824.01599999999996</c:v>
                </c:pt>
                <c:pt idx="3258">
                  <c:v>824.31700000000001</c:v>
                </c:pt>
                <c:pt idx="3259">
                  <c:v>825.11</c:v>
                </c:pt>
                <c:pt idx="3260">
                  <c:v>825.46100000000001</c:v>
                </c:pt>
                <c:pt idx="3261">
                  <c:v>825.59500000000003</c:v>
                </c:pt>
                <c:pt idx="3262">
                  <c:v>825.76400000000001</c:v>
                </c:pt>
                <c:pt idx="3263">
                  <c:v>826.01599999999996</c:v>
                </c:pt>
                <c:pt idx="3264">
                  <c:v>826.077</c:v>
                </c:pt>
                <c:pt idx="3265">
                  <c:v>826.35500000000002</c:v>
                </c:pt>
                <c:pt idx="3266">
                  <c:v>826.29300000000001</c:v>
                </c:pt>
                <c:pt idx="3267">
                  <c:v>826.46600000000001</c:v>
                </c:pt>
                <c:pt idx="3268">
                  <c:v>826.68700000000001</c:v>
                </c:pt>
                <c:pt idx="3269">
                  <c:v>827.13599999999997</c:v>
                </c:pt>
                <c:pt idx="3270">
                  <c:v>827.54</c:v>
                </c:pt>
                <c:pt idx="3271">
                  <c:v>827.89099999999996</c:v>
                </c:pt>
                <c:pt idx="3272">
                  <c:v>828.03800000000001</c:v>
                </c:pt>
                <c:pt idx="3273">
                  <c:v>828.19600000000003</c:v>
                </c:pt>
                <c:pt idx="3274">
                  <c:v>828.37099999999998</c:v>
                </c:pt>
                <c:pt idx="3275">
                  <c:v>828.55600000000004</c:v>
                </c:pt>
                <c:pt idx="3276">
                  <c:v>829.02300000000002</c:v>
                </c:pt>
                <c:pt idx="3277">
                  <c:v>829.51499999999999</c:v>
                </c:pt>
                <c:pt idx="3278">
                  <c:v>830.13099999999997</c:v>
                </c:pt>
                <c:pt idx="3279">
                  <c:v>829.92</c:v>
                </c:pt>
                <c:pt idx="3280">
                  <c:v>829.94200000000001</c:v>
                </c:pt>
                <c:pt idx="3281">
                  <c:v>830.19399999999996</c:v>
                </c:pt>
                <c:pt idx="3282">
                  <c:v>830.57100000000003</c:v>
                </c:pt>
                <c:pt idx="3283">
                  <c:v>830.81700000000001</c:v>
                </c:pt>
                <c:pt idx="3284">
                  <c:v>830.85400000000004</c:v>
                </c:pt>
                <c:pt idx="3285">
                  <c:v>830.98299999999995</c:v>
                </c:pt>
                <c:pt idx="3286">
                  <c:v>831.4</c:v>
                </c:pt>
                <c:pt idx="3287">
                  <c:v>831.50099999999998</c:v>
                </c:pt>
                <c:pt idx="3288">
                  <c:v>831.90099999999995</c:v>
                </c:pt>
                <c:pt idx="3289">
                  <c:v>832.36599999999999</c:v>
                </c:pt>
                <c:pt idx="3290">
                  <c:v>832.68</c:v>
                </c:pt>
                <c:pt idx="3291">
                  <c:v>832.76099999999997</c:v>
                </c:pt>
                <c:pt idx="3292">
                  <c:v>832.90800000000002</c:v>
                </c:pt>
                <c:pt idx="3293">
                  <c:v>833.01700000000005</c:v>
                </c:pt>
                <c:pt idx="3294">
                  <c:v>833.26</c:v>
                </c:pt>
                <c:pt idx="3295">
                  <c:v>833.66499999999996</c:v>
                </c:pt>
                <c:pt idx="3296">
                  <c:v>834.17600000000004</c:v>
                </c:pt>
                <c:pt idx="3297">
                  <c:v>834.59900000000005</c:v>
                </c:pt>
                <c:pt idx="3298">
                  <c:v>834.62599999999998</c:v>
                </c:pt>
                <c:pt idx="3299">
                  <c:v>834.89700000000005</c:v>
                </c:pt>
                <c:pt idx="3300">
                  <c:v>835.38300000000004</c:v>
                </c:pt>
                <c:pt idx="3301">
                  <c:v>835.23800000000006</c:v>
                </c:pt>
                <c:pt idx="3302">
                  <c:v>835.40700000000004</c:v>
                </c:pt>
                <c:pt idx="3303">
                  <c:v>835.72799999999995</c:v>
                </c:pt>
                <c:pt idx="3304">
                  <c:v>835.96400000000006</c:v>
                </c:pt>
                <c:pt idx="3305">
                  <c:v>836.11300000000006</c:v>
                </c:pt>
                <c:pt idx="3306">
                  <c:v>836.803</c:v>
                </c:pt>
                <c:pt idx="3307">
                  <c:v>836.952</c:v>
                </c:pt>
                <c:pt idx="3308">
                  <c:v>837.06700000000001</c:v>
                </c:pt>
                <c:pt idx="3309">
                  <c:v>837.48800000000006</c:v>
                </c:pt>
                <c:pt idx="3310">
                  <c:v>837.75599999999997</c:v>
                </c:pt>
                <c:pt idx="3311">
                  <c:v>838.20899999999995</c:v>
                </c:pt>
                <c:pt idx="3312">
                  <c:v>838.58600000000001</c:v>
                </c:pt>
                <c:pt idx="3313">
                  <c:v>838.74900000000002</c:v>
                </c:pt>
                <c:pt idx="3314">
                  <c:v>838.9</c:v>
                </c:pt>
                <c:pt idx="3315">
                  <c:v>839.22400000000005</c:v>
                </c:pt>
                <c:pt idx="3316">
                  <c:v>839.39599999999996</c:v>
                </c:pt>
                <c:pt idx="3317">
                  <c:v>839.70699999999999</c:v>
                </c:pt>
                <c:pt idx="3318">
                  <c:v>839.97299999999996</c:v>
                </c:pt>
                <c:pt idx="3319">
                  <c:v>840.23800000000006</c:v>
                </c:pt>
                <c:pt idx="3320">
                  <c:v>840.84900000000005</c:v>
                </c:pt>
                <c:pt idx="3321">
                  <c:v>841.06100000000004</c:v>
                </c:pt>
                <c:pt idx="3322">
                  <c:v>840.88800000000003</c:v>
                </c:pt>
                <c:pt idx="3323">
                  <c:v>841.11699999999996</c:v>
                </c:pt>
                <c:pt idx="3324">
                  <c:v>841.28899999999999</c:v>
                </c:pt>
                <c:pt idx="3325">
                  <c:v>841.70299999999997</c:v>
                </c:pt>
                <c:pt idx="3326">
                  <c:v>842.154</c:v>
                </c:pt>
                <c:pt idx="3327">
                  <c:v>842.66700000000003</c:v>
                </c:pt>
                <c:pt idx="3328">
                  <c:v>842.83900000000006</c:v>
                </c:pt>
                <c:pt idx="3329">
                  <c:v>842.89099999999996</c:v>
                </c:pt>
                <c:pt idx="3330">
                  <c:v>842.84</c:v>
                </c:pt>
                <c:pt idx="3331">
                  <c:v>843.28899999999999</c:v>
                </c:pt>
                <c:pt idx="3332">
                  <c:v>843.51300000000003</c:v>
                </c:pt>
                <c:pt idx="3333">
                  <c:v>843.74199999999996</c:v>
                </c:pt>
                <c:pt idx="3334">
                  <c:v>844.28599999999994</c:v>
                </c:pt>
                <c:pt idx="3335">
                  <c:v>844.35799999999995</c:v>
                </c:pt>
                <c:pt idx="3336">
                  <c:v>844.84900000000005</c:v>
                </c:pt>
                <c:pt idx="3337">
                  <c:v>845.06299999999999</c:v>
                </c:pt>
                <c:pt idx="3338">
                  <c:v>845.35</c:v>
                </c:pt>
                <c:pt idx="3339">
                  <c:v>845.45</c:v>
                </c:pt>
                <c:pt idx="3340">
                  <c:v>845.83699999999999</c:v>
                </c:pt>
                <c:pt idx="3341">
                  <c:v>845.83600000000001</c:v>
                </c:pt>
                <c:pt idx="3342">
                  <c:v>845.94299999999998</c:v>
                </c:pt>
                <c:pt idx="3343">
                  <c:v>846.26400000000001</c:v>
                </c:pt>
                <c:pt idx="3344">
                  <c:v>846.37800000000004</c:v>
                </c:pt>
                <c:pt idx="3345">
                  <c:v>846.29499999999996</c:v>
                </c:pt>
                <c:pt idx="3346">
                  <c:v>845.99099999999999</c:v>
                </c:pt>
                <c:pt idx="3347">
                  <c:v>846.09900000000005</c:v>
                </c:pt>
                <c:pt idx="3348">
                  <c:v>846.04200000000003</c:v>
                </c:pt>
                <c:pt idx="3349">
                  <c:v>846.20699999999999</c:v>
                </c:pt>
                <c:pt idx="3350">
                  <c:v>846.25800000000004</c:v>
                </c:pt>
                <c:pt idx="3351">
                  <c:v>846.23199999999997</c:v>
                </c:pt>
                <c:pt idx="3352">
                  <c:v>846.34100000000001</c:v>
                </c:pt>
                <c:pt idx="3353">
                  <c:v>846.36099999999999</c:v>
                </c:pt>
                <c:pt idx="3354">
                  <c:v>846.601</c:v>
                </c:pt>
                <c:pt idx="3355">
                  <c:v>846.71699999999998</c:v>
                </c:pt>
                <c:pt idx="3356">
                  <c:v>846.81500000000005</c:v>
                </c:pt>
                <c:pt idx="3357">
                  <c:v>846.94100000000003</c:v>
                </c:pt>
                <c:pt idx="3358">
                  <c:v>847.16200000000003</c:v>
                </c:pt>
                <c:pt idx="3359">
                  <c:v>847.41899999999998</c:v>
                </c:pt>
                <c:pt idx="3360">
                  <c:v>847.48199999999997</c:v>
                </c:pt>
                <c:pt idx="3361">
                  <c:v>847.67399999999998</c:v>
                </c:pt>
                <c:pt idx="3362">
                  <c:v>847.88300000000004</c:v>
                </c:pt>
                <c:pt idx="3363">
                  <c:v>847.79100000000005</c:v>
                </c:pt>
                <c:pt idx="3364">
                  <c:v>847.98199999999997</c:v>
                </c:pt>
                <c:pt idx="3365">
                  <c:v>848.26400000000001</c:v>
                </c:pt>
                <c:pt idx="3366">
                  <c:v>848.37</c:v>
                </c:pt>
                <c:pt idx="3367">
                  <c:v>848.5</c:v>
                </c:pt>
                <c:pt idx="3368">
                  <c:v>848.73500000000001</c:v>
                </c:pt>
                <c:pt idx="3369">
                  <c:v>848.75699999999995</c:v>
                </c:pt>
                <c:pt idx="3370">
                  <c:v>848.73800000000006</c:v>
                </c:pt>
                <c:pt idx="3371">
                  <c:v>848.82399999999996</c:v>
                </c:pt>
                <c:pt idx="3372">
                  <c:v>848.84199999999998</c:v>
                </c:pt>
                <c:pt idx="3373">
                  <c:v>849.05499999999995</c:v>
                </c:pt>
                <c:pt idx="3374">
                  <c:v>849.19600000000003</c:v>
                </c:pt>
                <c:pt idx="3375">
                  <c:v>849.21799999999996</c:v>
                </c:pt>
                <c:pt idx="3376">
                  <c:v>849.34900000000005</c:v>
                </c:pt>
                <c:pt idx="3377">
                  <c:v>849.47699999999998</c:v>
                </c:pt>
                <c:pt idx="3378">
                  <c:v>849.58</c:v>
                </c:pt>
                <c:pt idx="3379">
                  <c:v>849.50099999999998</c:v>
                </c:pt>
                <c:pt idx="3380">
                  <c:v>849.48599999999999</c:v>
                </c:pt>
                <c:pt idx="3381">
                  <c:v>849.43200000000002</c:v>
                </c:pt>
                <c:pt idx="3382">
                  <c:v>849.20500000000004</c:v>
                </c:pt>
                <c:pt idx="3383">
                  <c:v>849.34900000000005</c:v>
                </c:pt>
                <c:pt idx="3384">
                  <c:v>849.44299999999998</c:v>
                </c:pt>
                <c:pt idx="3385">
                  <c:v>849.48199999999997</c:v>
                </c:pt>
                <c:pt idx="3386">
                  <c:v>849.41099999999994</c:v>
                </c:pt>
                <c:pt idx="3387">
                  <c:v>849.34699999999998</c:v>
                </c:pt>
                <c:pt idx="3388">
                  <c:v>849.452</c:v>
                </c:pt>
                <c:pt idx="3389">
                  <c:v>849.40200000000004</c:v>
                </c:pt>
                <c:pt idx="3390">
                  <c:v>849.29499999999996</c:v>
                </c:pt>
                <c:pt idx="3391">
                  <c:v>849.31100000000004</c:v>
                </c:pt>
                <c:pt idx="3392">
                  <c:v>849.17899999999997</c:v>
                </c:pt>
                <c:pt idx="3393">
                  <c:v>849.12</c:v>
                </c:pt>
                <c:pt idx="3394">
                  <c:v>849.02200000000005</c:v>
                </c:pt>
                <c:pt idx="3395">
                  <c:v>848.91200000000003</c:v>
                </c:pt>
                <c:pt idx="3396">
                  <c:v>848.73699999999997</c:v>
                </c:pt>
                <c:pt idx="3397">
                  <c:v>848.755</c:v>
                </c:pt>
                <c:pt idx="3398">
                  <c:v>848.64099999999996</c:v>
                </c:pt>
                <c:pt idx="3399">
                  <c:v>848.56399999999996</c:v>
                </c:pt>
                <c:pt idx="3400">
                  <c:v>848.16800000000001</c:v>
                </c:pt>
                <c:pt idx="3401">
                  <c:v>847.94299999999998</c:v>
                </c:pt>
                <c:pt idx="3402">
                  <c:v>847.92899999999997</c:v>
                </c:pt>
                <c:pt idx="3403">
                  <c:v>847.72</c:v>
                </c:pt>
                <c:pt idx="3404">
                  <c:v>847.61</c:v>
                </c:pt>
                <c:pt idx="3405">
                  <c:v>847.601</c:v>
                </c:pt>
                <c:pt idx="3406">
                  <c:v>847.48500000000001</c:v>
                </c:pt>
                <c:pt idx="3407">
                  <c:v>847.57899999999995</c:v>
                </c:pt>
                <c:pt idx="3408">
                  <c:v>847.3</c:v>
                </c:pt>
                <c:pt idx="3409">
                  <c:v>847.33199999999999</c:v>
                </c:pt>
                <c:pt idx="3410">
                  <c:v>846.93600000000004</c:v>
                </c:pt>
                <c:pt idx="3411">
                  <c:v>846.77300000000002</c:v>
                </c:pt>
                <c:pt idx="3412">
                  <c:v>846.79</c:v>
                </c:pt>
                <c:pt idx="3413">
                  <c:v>846.81100000000004</c:v>
                </c:pt>
                <c:pt idx="3414">
                  <c:v>846.65599999999995</c:v>
                </c:pt>
                <c:pt idx="3415">
                  <c:v>846.52099999999996</c:v>
                </c:pt>
                <c:pt idx="3416">
                  <c:v>846.39400000000001</c:v>
                </c:pt>
                <c:pt idx="3417">
                  <c:v>846.47</c:v>
                </c:pt>
                <c:pt idx="3418">
                  <c:v>846.51199999999994</c:v>
                </c:pt>
                <c:pt idx="3419">
                  <c:v>846.49699999999996</c:v>
                </c:pt>
                <c:pt idx="3420">
                  <c:v>846.39800000000002</c:v>
                </c:pt>
                <c:pt idx="3421">
                  <c:v>846.49300000000005</c:v>
                </c:pt>
                <c:pt idx="3422">
                  <c:v>846.404</c:v>
                </c:pt>
                <c:pt idx="3423">
                  <c:v>846.11300000000006</c:v>
                </c:pt>
                <c:pt idx="3424">
                  <c:v>845.87800000000004</c:v>
                </c:pt>
                <c:pt idx="3425">
                  <c:v>845.96400000000006</c:v>
                </c:pt>
                <c:pt idx="3426">
                  <c:v>845.94200000000001</c:v>
                </c:pt>
                <c:pt idx="3427">
                  <c:v>845.84500000000003</c:v>
                </c:pt>
                <c:pt idx="3428">
                  <c:v>845.72500000000002</c:v>
                </c:pt>
                <c:pt idx="3429">
                  <c:v>845.774</c:v>
                </c:pt>
                <c:pt idx="3430">
                  <c:v>845.57500000000005</c:v>
                </c:pt>
                <c:pt idx="3431">
                  <c:v>845.54899999999998</c:v>
                </c:pt>
                <c:pt idx="3432">
                  <c:v>845.46400000000006</c:v>
                </c:pt>
                <c:pt idx="3433">
                  <c:v>845.43399999999997</c:v>
                </c:pt>
                <c:pt idx="3434">
                  <c:v>845.33</c:v>
                </c:pt>
                <c:pt idx="3435">
                  <c:v>845.26099999999997</c:v>
                </c:pt>
                <c:pt idx="3436">
                  <c:v>845.25</c:v>
                </c:pt>
                <c:pt idx="3437">
                  <c:v>845.21900000000005</c:v>
                </c:pt>
                <c:pt idx="3438">
                  <c:v>845.12099999999998</c:v>
                </c:pt>
                <c:pt idx="3439">
                  <c:v>845.01900000000001</c:v>
                </c:pt>
                <c:pt idx="3440">
                  <c:v>844.91800000000001</c:v>
                </c:pt>
                <c:pt idx="3441">
                  <c:v>844.875</c:v>
                </c:pt>
                <c:pt idx="3442">
                  <c:v>844.83199999999999</c:v>
                </c:pt>
                <c:pt idx="3443">
                  <c:v>844.85</c:v>
                </c:pt>
                <c:pt idx="3444">
                  <c:v>844.65499999999997</c:v>
                </c:pt>
                <c:pt idx="3445">
                  <c:v>844.78800000000001</c:v>
                </c:pt>
                <c:pt idx="3446">
                  <c:v>844.68600000000004</c:v>
                </c:pt>
                <c:pt idx="3447">
                  <c:v>844.53099999999995</c:v>
                </c:pt>
                <c:pt idx="3448">
                  <c:v>844.23599999999999</c:v>
                </c:pt>
                <c:pt idx="3449">
                  <c:v>844.38699999999994</c:v>
                </c:pt>
                <c:pt idx="3450">
                  <c:v>844.40300000000002</c:v>
                </c:pt>
                <c:pt idx="3451">
                  <c:v>844.28300000000002</c:v>
                </c:pt>
                <c:pt idx="3452">
                  <c:v>844.07899999999995</c:v>
                </c:pt>
                <c:pt idx="3453">
                  <c:v>843.8</c:v>
                </c:pt>
                <c:pt idx="3454">
                  <c:v>843.83600000000001</c:v>
                </c:pt>
                <c:pt idx="3455">
                  <c:v>843.93799999999999</c:v>
                </c:pt>
                <c:pt idx="3456">
                  <c:v>843.97299999999996</c:v>
                </c:pt>
                <c:pt idx="3457">
                  <c:v>843.97</c:v>
                </c:pt>
                <c:pt idx="3458">
                  <c:v>843.97699999999998</c:v>
                </c:pt>
                <c:pt idx="3459">
                  <c:v>844.01900000000001</c:v>
                </c:pt>
                <c:pt idx="3460">
                  <c:v>843.76900000000001</c:v>
                </c:pt>
                <c:pt idx="3461">
                  <c:v>843.90099999999995</c:v>
                </c:pt>
                <c:pt idx="3462">
                  <c:v>844.00199999999995</c:v>
                </c:pt>
                <c:pt idx="3463">
                  <c:v>843.97299999999996</c:v>
                </c:pt>
                <c:pt idx="3464">
                  <c:v>843.84699999999998</c:v>
                </c:pt>
                <c:pt idx="3465">
                  <c:v>843.69299999999998</c:v>
                </c:pt>
                <c:pt idx="3466">
                  <c:v>843.577</c:v>
                </c:pt>
                <c:pt idx="3467">
                  <c:v>843.55200000000002</c:v>
                </c:pt>
                <c:pt idx="3468">
                  <c:v>843.50099999999998</c:v>
                </c:pt>
                <c:pt idx="3469">
                  <c:v>843.41399999999999</c:v>
                </c:pt>
                <c:pt idx="3470">
                  <c:v>843.23299999999995</c:v>
                </c:pt>
                <c:pt idx="3471">
                  <c:v>843.24599999999998</c:v>
                </c:pt>
                <c:pt idx="3472">
                  <c:v>843.17700000000002</c:v>
                </c:pt>
                <c:pt idx="3473">
                  <c:v>843.17200000000003</c:v>
                </c:pt>
                <c:pt idx="3474">
                  <c:v>842.952</c:v>
                </c:pt>
                <c:pt idx="3475">
                  <c:v>842.80399999999997</c:v>
                </c:pt>
                <c:pt idx="3476">
                  <c:v>842.78300000000002</c:v>
                </c:pt>
                <c:pt idx="3477">
                  <c:v>842.70500000000004</c:v>
                </c:pt>
                <c:pt idx="3478">
                  <c:v>842.74699999999996</c:v>
                </c:pt>
                <c:pt idx="3479">
                  <c:v>842.83399999999995</c:v>
                </c:pt>
                <c:pt idx="3480">
                  <c:v>842.79399999999998</c:v>
                </c:pt>
                <c:pt idx="3481">
                  <c:v>842.73</c:v>
                </c:pt>
                <c:pt idx="3482">
                  <c:v>842.73900000000003</c:v>
                </c:pt>
                <c:pt idx="3483">
                  <c:v>842.505</c:v>
                </c:pt>
                <c:pt idx="3484">
                  <c:v>842.60299999999995</c:v>
                </c:pt>
                <c:pt idx="3485">
                  <c:v>842.52499999999998</c:v>
                </c:pt>
                <c:pt idx="3486">
                  <c:v>842.44200000000001</c:v>
                </c:pt>
                <c:pt idx="3487">
                  <c:v>842.26800000000003</c:v>
                </c:pt>
                <c:pt idx="3488">
                  <c:v>842.53800000000001</c:v>
                </c:pt>
                <c:pt idx="3489">
                  <c:v>842.50599999999997</c:v>
                </c:pt>
                <c:pt idx="3490">
                  <c:v>842.50900000000001</c:v>
                </c:pt>
                <c:pt idx="3491">
                  <c:v>842.57299999999998</c:v>
                </c:pt>
                <c:pt idx="3492">
                  <c:v>842.35500000000002</c:v>
                </c:pt>
                <c:pt idx="3493">
                  <c:v>842.29100000000005</c:v>
                </c:pt>
                <c:pt idx="3494">
                  <c:v>842.21100000000001</c:v>
                </c:pt>
                <c:pt idx="3495">
                  <c:v>842.42399999999998</c:v>
                </c:pt>
                <c:pt idx="3496">
                  <c:v>842.46100000000001</c:v>
                </c:pt>
                <c:pt idx="3497">
                  <c:v>842.30600000000004</c:v>
                </c:pt>
                <c:pt idx="3498">
                  <c:v>842.34799999999996</c:v>
                </c:pt>
                <c:pt idx="3499">
                  <c:v>842.29899999999998</c:v>
                </c:pt>
                <c:pt idx="3500">
                  <c:v>842.20600000000002</c:v>
                </c:pt>
                <c:pt idx="3501">
                  <c:v>842.077</c:v>
                </c:pt>
                <c:pt idx="3502">
                  <c:v>842.11800000000005</c:v>
                </c:pt>
                <c:pt idx="3503">
                  <c:v>842.06100000000004</c:v>
                </c:pt>
                <c:pt idx="3504">
                  <c:v>841.97400000000005</c:v>
                </c:pt>
                <c:pt idx="3505">
                  <c:v>841.82299999999998</c:v>
                </c:pt>
                <c:pt idx="3506">
                  <c:v>841.601</c:v>
                </c:pt>
                <c:pt idx="3507">
                  <c:v>841.90300000000002</c:v>
                </c:pt>
                <c:pt idx="3508">
                  <c:v>841.84900000000005</c:v>
                </c:pt>
                <c:pt idx="3509">
                  <c:v>841.87599999999998</c:v>
                </c:pt>
                <c:pt idx="3510">
                  <c:v>841.83799999999997</c:v>
                </c:pt>
                <c:pt idx="3511">
                  <c:v>841.84299999999996</c:v>
                </c:pt>
                <c:pt idx="3512">
                  <c:v>841.75300000000004</c:v>
                </c:pt>
                <c:pt idx="3513">
                  <c:v>841.68899999999996</c:v>
                </c:pt>
                <c:pt idx="3514">
                  <c:v>841.66399999999999</c:v>
                </c:pt>
                <c:pt idx="3515">
                  <c:v>841.57500000000005</c:v>
                </c:pt>
                <c:pt idx="3516">
                  <c:v>841.60799999999995</c:v>
                </c:pt>
                <c:pt idx="3517">
                  <c:v>841.577</c:v>
                </c:pt>
                <c:pt idx="3518">
                  <c:v>841.56100000000004</c:v>
                </c:pt>
                <c:pt idx="3519">
                  <c:v>841.48699999999997</c:v>
                </c:pt>
                <c:pt idx="3520">
                  <c:v>841.38499999999999</c:v>
                </c:pt>
                <c:pt idx="3521">
                  <c:v>841.39300000000003</c:v>
                </c:pt>
                <c:pt idx="3522">
                  <c:v>841.34500000000003</c:v>
                </c:pt>
                <c:pt idx="3523">
                  <c:v>841.37199999999996</c:v>
                </c:pt>
                <c:pt idx="3524">
                  <c:v>841.38499999999999</c:v>
                </c:pt>
                <c:pt idx="3525">
                  <c:v>841.19100000000003</c:v>
                </c:pt>
                <c:pt idx="3526">
                  <c:v>841.4</c:v>
                </c:pt>
                <c:pt idx="3527">
                  <c:v>841.34299999999996</c:v>
                </c:pt>
                <c:pt idx="3528">
                  <c:v>841.11800000000005</c:v>
                </c:pt>
                <c:pt idx="3529">
                  <c:v>841.11400000000003</c:v>
                </c:pt>
                <c:pt idx="3530">
                  <c:v>841.05899999999997</c:v>
                </c:pt>
                <c:pt idx="3531">
                  <c:v>840.98</c:v>
                </c:pt>
                <c:pt idx="3532">
                  <c:v>840.976</c:v>
                </c:pt>
                <c:pt idx="3533">
                  <c:v>840.82399999999996</c:v>
                </c:pt>
                <c:pt idx="3534">
                  <c:v>840.86800000000005</c:v>
                </c:pt>
                <c:pt idx="3535">
                  <c:v>840.71500000000003</c:v>
                </c:pt>
                <c:pt idx="3536">
                  <c:v>840.75400000000002</c:v>
                </c:pt>
                <c:pt idx="3537">
                  <c:v>840.62400000000002</c:v>
                </c:pt>
                <c:pt idx="3538">
                  <c:v>840.57100000000003</c:v>
                </c:pt>
                <c:pt idx="3539">
                  <c:v>840.80799999999999</c:v>
                </c:pt>
                <c:pt idx="3540">
                  <c:v>840.79399999999998</c:v>
                </c:pt>
                <c:pt idx="3541">
                  <c:v>840.87800000000004</c:v>
                </c:pt>
                <c:pt idx="3542">
                  <c:v>840.76499999999999</c:v>
                </c:pt>
                <c:pt idx="3543">
                  <c:v>840.66300000000001</c:v>
                </c:pt>
                <c:pt idx="3544">
                  <c:v>840.69899999999996</c:v>
                </c:pt>
                <c:pt idx="3545">
                  <c:v>840.81100000000004</c:v>
                </c:pt>
                <c:pt idx="3546">
                  <c:v>840.82500000000005</c:v>
                </c:pt>
                <c:pt idx="3547">
                  <c:v>840.94399999999996</c:v>
                </c:pt>
                <c:pt idx="3548">
                  <c:v>840.81100000000004</c:v>
                </c:pt>
                <c:pt idx="3549">
                  <c:v>840.6</c:v>
                </c:pt>
                <c:pt idx="3550">
                  <c:v>840.49199999999996</c:v>
                </c:pt>
                <c:pt idx="3551">
                  <c:v>840.53399999999999</c:v>
                </c:pt>
                <c:pt idx="3552">
                  <c:v>840.68399999999997</c:v>
                </c:pt>
                <c:pt idx="3553">
                  <c:v>840.827</c:v>
                </c:pt>
                <c:pt idx="3554">
                  <c:v>840.697</c:v>
                </c:pt>
                <c:pt idx="3555">
                  <c:v>840.36699999999996</c:v>
                </c:pt>
                <c:pt idx="3556">
                  <c:v>840.41099999999994</c:v>
                </c:pt>
                <c:pt idx="3557">
                  <c:v>840.35299999999995</c:v>
                </c:pt>
                <c:pt idx="3558">
                  <c:v>840.47400000000005</c:v>
                </c:pt>
                <c:pt idx="3559">
                  <c:v>840.41</c:v>
                </c:pt>
                <c:pt idx="3560">
                  <c:v>840.47199999999998</c:v>
                </c:pt>
                <c:pt idx="3561">
                  <c:v>840.26700000000005</c:v>
                </c:pt>
                <c:pt idx="3562">
                  <c:v>840.42899999999997</c:v>
                </c:pt>
                <c:pt idx="3563">
                  <c:v>840.60500000000002</c:v>
                </c:pt>
                <c:pt idx="3564">
                  <c:v>840.76300000000003</c:v>
                </c:pt>
                <c:pt idx="3565">
                  <c:v>840.66600000000005</c:v>
                </c:pt>
                <c:pt idx="3566">
                  <c:v>840.33</c:v>
                </c:pt>
                <c:pt idx="3567">
                  <c:v>840.49099999999999</c:v>
                </c:pt>
                <c:pt idx="3568">
                  <c:v>840.62699999999995</c:v>
                </c:pt>
                <c:pt idx="3569">
                  <c:v>840.58399999999995</c:v>
                </c:pt>
                <c:pt idx="3570">
                  <c:v>840.38800000000003</c:v>
                </c:pt>
                <c:pt idx="3571">
                  <c:v>840.22799999999995</c:v>
                </c:pt>
                <c:pt idx="3572">
                  <c:v>840.25099999999998</c:v>
                </c:pt>
                <c:pt idx="3573">
                  <c:v>840.16399999999999</c:v>
                </c:pt>
                <c:pt idx="3574">
                  <c:v>840.01499999999999</c:v>
                </c:pt>
                <c:pt idx="3575">
                  <c:v>840.10299999999995</c:v>
                </c:pt>
                <c:pt idx="3576">
                  <c:v>839.98800000000006</c:v>
                </c:pt>
                <c:pt idx="3577">
                  <c:v>840.02099999999996</c:v>
                </c:pt>
                <c:pt idx="3578">
                  <c:v>839.98400000000004</c:v>
                </c:pt>
                <c:pt idx="3579">
                  <c:v>840.01199999999994</c:v>
                </c:pt>
                <c:pt idx="3580">
                  <c:v>840.08500000000004</c:v>
                </c:pt>
                <c:pt idx="3581">
                  <c:v>839.77</c:v>
                </c:pt>
                <c:pt idx="3582">
                  <c:v>839.79100000000005</c:v>
                </c:pt>
                <c:pt idx="3583">
                  <c:v>839.81399999999996</c:v>
                </c:pt>
                <c:pt idx="3584">
                  <c:v>839.95799999999997</c:v>
                </c:pt>
                <c:pt idx="3585">
                  <c:v>840.13400000000001</c:v>
                </c:pt>
                <c:pt idx="3586">
                  <c:v>840.05899999999997</c:v>
                </c:pt>
                <c:pt idx="3587">
                  <c:v>839.94200000000001</c:v>
                </c:pt>
                <c:pt idx="3588">
                  <c:v>840.04300000000001</c:v>
                </c:pt>
                <c:pt idx="3589">
                  <c:v>839.85900000000004</c:v>
                </c:pt>
                <c:pt idx="3590">
                  <c:v>839.57500000000005</c:v>
                </c:pt>
                <c:pt idx="3591">
                  <c:v>839.73299999999995</c:v>
                </c:pt>
                <c:pt idx="3592">
                  <c:v>839.70399999999995</c:v>
                </c:pt>
                <c:pt idx="3593">
                  <c:v>839.61599999999999</c:v>
                </c:pt>
                <c:pt idx="3594">
                  <c:v>839.76199999999994</c:v>
                </c:pt>
                <c:pt idx="3595">
                  <c:v>839.65300000000002</c:v>
                </c:pt>
                <c:pt idx="3596">
                  <c:v>839.64800000000002</c:v>
                </c:pt>
                <c:pt idx="3597">
                  <c:v>839.60699999999997</c:v>
                </c:pt>
                <c:pt idx="3598">
                  <c:v>839.64</c:v>
                </c:pt>
                <c:pt idx="3599">
                  <c:v>839.54600000000005</c:v>
                </c:pt>
                <c:pt idx="3600">
                  <c:v>839.63699999999994</c:v>
                </c:pt>
                <c:pt idx="3601">
                  <c:v>839.86500000000001</c:v>
                </c:pt>
                <c:pt idx="3602">
                  <c:v>839.78300000000002</c:v>
                </c:pt>
                <c:pt idx="3603">
                  <c:v>839.72299999999996</c:v>
                </c:pt>
                <c:pt idx="3604">
                  <c:v>839.61900000000003</c:v>
                </c:pt>
                <c:pt idx="3605">
                  <c:v>839.69200000000001</c:v>
                </c:pt>
                <c:pt idx="3606">
                  <c:v>839.69799999999998</c:v>
                </c:pt>
                <c:pt idx="3607">
                  <c:v>839.72500000000002</c:v>
                </c:pt>
                <c:pt idx="3608">
                  <c:v>839.63499999999999</c:v>
                </c:pt>
                <c:pt idx="3609">
                  <c:v>839.678</c:v>
                </c:pt>
                <c:pt idx="3610">
                  <c:v>839.42100000000005</c:v>
                </c:pt>
                <c:pt idx="3611">
                  <c:v>839.49300000000005</c:v>
                </c:pt>
                <c:pt idx="3612">
                  <c:v>839.625</c:v>
                </c:pt>
                <c:pt idx="3613">
                  <c:v>839.65599999999995</c:v>
                </c:pt>
                <c:pt idx="3614">
                  <c:v>839.73699999999997</c:v>
                </c:pt>
                <c:pt idx="3615">
                  <c:v>839.553</c:v>
                </c:pt>
                <c:pt idx="3616">
                  <c:v>839.27099999999996</c:v>
                </c:pt>
                <c:pt idx="3617">
                  <c:v>839.45399999999995</c:v>
                </c:pt>
                <c:pt idx="3618">
                  <c:v>839.69500000000005</c:v>
                </c:pt>
                <c:pt idx="3619">
                  <c:v>839.66700000000003</c:v>
                </c:pt>
                <c:pt idx="3620">
                  <c:v>839.55100000000004</c:v>
                </c:pt>
                <c:pt idx="3621">
                  <c:v>839.30499999999995</c:v>
                </c:pt>
                <c:pt idx="3622">
                  <c:v>839.25</c:v>
                </c:pt>
                <c:pt idx="3623">
                  <c:v>839.19600000000003</c:v>
                </c:pt>
                <c:pt idx="3624">
                  <c:v>839.10500000000002</c:v>
                </c:pt>
                <c:pt idx="3625">
                  <c:v>839.26800000000003</c:v>
                </c:pt>
                <c:pt idx="3626">
                  <c:v>839.23199999999997</c:v>
                </c:pt>
                <c:pt idx="3627">
                  <c:v>839.37400000000002</c:v>
                </c:pt>
                <c:pt idx="3628">
                  <c:v>839.47299999999996</c:v>
                </c:pt>
                <c:pt idx="3629">
                  <c:v>839.58699999999999</c:v>
                </c:pt>
                <c:pt idx="3630">
                  <c:v>839.36500000000001</c:v>
                </c:pt>
                <c:pt idx="3631">
                  <c:v>839.43899999999996</c:v>
                </c:pt>
                <c:pt idx="3632">
                  <c:v>839.50400000000002</c:v>
                </c:pt>
                <c:pt idx="3633">
                  <c:v>839.40899999999999</c:v>
                </c:pt>
                <c:pt idx="3634">
                  <c:v>839.226</c:v>
                </c:pt>
                <c:pt idx="3635">
                  <c:v>839.00900000000001</c:v>
                </c:pt>
                <c:pt idx="3636">
                  <c:v>838.85199999999998</c:v>
                </c:pt>
                <c:pt idx="3637">
                  <c:v>839.04700000000003</c:v>
                </c:pt>
                <c:pt idx="3638">
                  <c:v>839.08799999999997</c:v>
                </c:pt>
                <c:pt idx="3639">
                  <c:v>838.95699999999999</c:v>
                </c:pt>
                <c:pt idx="3640">
                  <c:v>838.98599999999999</c:v>
                </c:pt>
              </c:numCache>
            </c:numRef>
          </c:xVal>
          <c:yVal>
            <c:numRef>
              <c:f>'TG (2)'!$Y$2:$Y$3642</c:f>
              <c:numCache>
                <c:formatCode>General</c:formatCode>
                <c:ptCount val="3641"/>
                <c:pt idx="0">
                  <c:v>99.999999999999986</c:v>
                </c:pt>
                <c:pt idx="1">
                  <c:v>99.900595585124208</c:v>
                </c:pt>
                <c:pt idx="2">
                  <c:v>99.848404523019795</c:v>
                </c:pt>
                <c:pt idx="3">
                  <c:v>99.769144413259099</c:v>
                </c:pt>
                <c:pt idx="4">
                  <c:v>99.694029457907618</c:v>
                </c:pt>
                <c:pt idx="5">
                  <c:v>99.653692392099899</c:v>
                </c:pt>
                <c:pt idx="6">
                  <c:v>99.571648289154695</c:v>
                </c:pt>
                <c:pt idx="7">
                  <c:v>99.524386480805745</c:v>
                </c:pt>
                <c:pt idx="8">
                  <c:v>99.476389028688132</c:v>
                </c:pt>
                <c:pt idx="9">
                  <c:v>99.402688095191422</c:v>
                </c:pt>
                <c:pt idx="10">
                  <c:v>99.374839353241384</c:v>
                </c:pt>
                <c:pt idx="11">
                  <c:v>99.315040765457155</c:v>
                </c:pt>
                <c:pt idx="12">
                  <c:v>99.262898158930327</c:v>
                </c:pt>
                <c:pt idx="13">
                  <c:v>99.237141816921167</c:v>
                </c:pt>
                <c:pt idx="14">
                  <c:v>99.171101269734351</c:v>
                </c:pt>
                <c:pt idx="15">
                  <c:v>99.143296578309389</c:v>
                </c:pt>
                <c:pt idx="16">
                  <c:v>99.107104666910843</c:v>
                </c:pt>
                <c:pt idx="17">
                  <c:v>99.050085667258614</c:v>
                </c:pt>
                <c:pt idx="18">
                  <c:v>99.034086516552748</c:v>
                </c:pt>
                <c:pt idx="19">
                  <c:v>98.984045120071812</c:v>
                </c:pt>
                <c:pt idx="20">
                  <c:v>98.947170425534665</c:v>
                </c:pt>
                <c:pt idx="21">
                  <c:v>98.930488491690198</c:v>
                </c:pt>
                <c:pt idx="22">
                  <c:v>98.875566297031355</c:v>
                </c:pt>
                <c:pt idx="23">
                  <c:v>98.859567146325489</c:v>
                </c:pt>
                <c:pt idx="24">
                  <c:v>98.830352838098236</c:v>
                </c:pt>
                <c:pt idx="25">
                  <c:v>98.784452190973994</c:v>
                </c:pt>
                <c:pt idx="26">
                  <c:v>98.778893014709993</c:v>
                </c:pt>
                <c:pt idx="27">
                  <c:v>98.736454738856352</c:v>
                </c:pt>
                <c:pt idx="28">
                  <c:v>98.710068474338698</c:v>
                </c:pt>
                <c:pt idx="29">
                  <c:v>98.698214478042019</c:v>
                </c:pt>
                <c:pt idx="30">
                  <c:v>98.652318235970284</c:v>
                </c:pt>
                <c:pt idx="31">
                  <c:v>98.644662254712898</c:v>
                </c:pt>
                <c:pt idx="32">
                  <c:v>98.618271585142722</c:v>
                </c:pt>
                <c:pt idx="33">
                  <c:v>98.582079673744175</c:v>
                </c:pt>
                <c:pt idx="34">
                  <c:v>98.580031324328388</c:v>
                </c:pt>
                <c:pt idx="35">
                  <c:v>98.541742607936456</c:v>
                </c:pt>
                <c:pt idx="36">
                  <c:v>98.52437789095336</c:v>
                </c:pt>
                <c:pt idx="37">
                  <c:v>98.513937916511466</c:v>
                </c:pt>
                <c:pt idx="38">
                  <c:v>98.473600850703733</c:v>
                </c:pt>
                <c:pt idx="39">
                  <c:v>98.470821262571747</c:v>
                </c:pt>
                <c:pt idx="40">
                  <c:v>98.445117781192664</c:v>
                </c:pt>
                <c:pt idx="41">
                  <c:v>98.416581851051518</c:v>
                </c:pt>
                <c:pt idx="42">
                  <c:v>98.415899067912918</c:v>
                </c:pt>
                <c:pt idx="43">
                  <c:v>98.379755612091941</c:v>
                </c:pt>
                <c:pt idx="44">
                  <c:v>98.367223237709183</c:v>
                </c:pt>
                <c:pt idx="45">
                  <c:v>98.357466046405904</c:v>
                </c:pt>
                <c:pt idx="46">
                  <c:v>98.321322590584955</c:v>
                </c:pt>
                <c:pt idx="47">
                  <c:v>98.323419395578341</c:v>
                </c:pt>
                <c:pt idx="48">
                  <c:v>98.298350241760289</c:v>
                </c:pt>
                <c:pt idx="49">
                  <c:v>98.275426348513193</c:v>
                </c:pt>
                <c:pt idx="50">
                  <c:v>98.276109131651822</c:v>
                </c:pt>
                <c:pt idx="51">
                  <c:v>98.24274526396286</c:v>
                </c:pt>
                <c:pt idx="52">
                  <c:v>98.236503304560259</c:v>
                </c:pt>
                <c:pt idx="53">
                  <c:v>98.22742889639558</c:v>
                </c:pt>
                <c:pt idx="54">
                  <c:v>98.195430594983819</c:v>
                </c:pt>
                <c:pt idx="55">
                  <c:v>98.199628610023112</c:v>
                </c:pt>
                <c:pt idx="56">
                  <c:v>98.174603506730136</c:v>
                </c:pt>
                <c:pt idx="57">
                  <c:v>98.15792157288567</c:v>
                </c:pt>
                <c:pt idx="58">
                  <c:v>98.15860435602427</c:v>
                </c:pt>
                <c:pt idx="59">
                  <c:v>98.126610459665017</c:v>
                </c:pt>
                <c:pt idx="60">
                  <c:v>98.124513654671631</c:v>
                </c:pt>
                <c:pt idx="61">
                  <c:v>98.113390897091151</c:v>
                </c:pt>
                <c:pt idx="62">
                  <c:v>98.086268988804775</c:v>
                </c:pt>
                <c:pt idx="63">
                  <c:v>98.091832570121269</c:v>
                </c:pt>
                <c:pt idx="64">
                  <c:v>98.066807466828294</c:v>
                </c:pt>
                <c:pt idx="65">
                  <c:v>98.052909526168307</c:v>
                </c:pt>
                <c:pt idx="66">
                  <c:v>98.053592309306936</c:v>
                </c:pt>
                <c:pt idx="67">
                  <c:v>98.023008029749946</c:v>
                </c:pt>
                <c:pt idx="68">
                  <c:v>98.025056379165775</c:v>
                </c:pt>
                <c:pt idx="69">
                  <c:v>98.011889677221987</c:v>
                </c:pt>
                <c:pt idx="70">
                  <c:v>97.988230140206213</c:v>
                </c:pt>
                <c:pt idx="71">
                  <c:v>97.993793721522692</c:v>
                </c:pt>
                <c:pt idx="72">
                  <c:v>97.969451401368318</c:v>
                </c:pt>
                <c:pt idx="73">
                  <c:v>97.961112636972359</c:v>
                </c:pt>
                <c:pt idx="74">
                  <c:v>97.961112636972359</c:v>
                </c:pt>
                <c:pt idx="75">
                  <c:v>97.93399072868597</c:v>
                </c:pt>
                <c:pt idx="76">
                  <c:v>97.936770316817984</c:v>
                </c:pt>
                <c:pt idx="77">
                  <c:v>97.922141137441827</c:v>
                </c:pt>
                <c:pt idx="78">
                  <c:v>97.903362398603946</c:v>
                </c:pt>
                <c:pt idx="79">
                  <c:v>97.909652813584117</c:v>
                </c:pt>
                <c:pt idx="80">
                  <c:v>97.88531489848225</c:v>
                </c:pt>
                <c:pt idx="81">
                  <c:v>97.879751317165756</c:v>
                </c:pt>
                <c:pt idx="82">
                  <c:v>97.87833729531097</c:v>
                </c:pt>
                <c:pt idx="83">
                  <c:v>97.851902575215718</c:v>
                </c:pt>
                <c:pt idx="84">
                  <c:v>97.858192990195889</c:v>
                </c:pt>
                <c:pt idx="85">
                  <c:v>97.842876622628609</c:v>
                </c:pt>
                <c:pt idx="86">
                  <c:v>97.82688187697525</c:v>
                </c:pt>
                <c:pt idx="87">
                  <c:v>97.833172291955435</c:v>
                </c:pt>
                <c:pt idx="88">
                  <c:v>97.808834376853554</c:v>
                </c:pt>
                <c:pt idx="89">
                  <c:v>97.80673316680766</c:v>
                </c:pt>
                <c:pt idx="90">
                  <c:v>97.80322233995949</c:v>
                </c:pt>
                <c:pt idx="91">
                  <c:v>97.778884424857608</c:v>
                </c:pt>
                <c:pt idx="92">
                  <c:v>97.786540406114995</c:v>
                </c:pt>
                <c:pt idx="93">
                  <c:v>97.769858472270514</c:v>
                </c:pt>
                <c:pt idx="94">
                  <c:v>97.758057336603926</c:v>
                </c:pt>
                <c:pt idx="95">
                  <c:v>97.763616512867912</c:v>
                </c:pt>
                <c:pt idx="96">
                  <c:v>97.739278597766059</c:v>
                </c:pt>
                <c:pt idx="97">
                  <c:v>97.74064416404326</c:v>
                </c:pt>
                <c:pt idx="98">
                  <c:v>97.735816226495459</c:v>
                </c:pt>
                <c:pt idx="99">
                  <c:v>97.714940682664206</c:v>
                </c:pt>
                <c:pt idx="100">
                  <c:v>97.723279447060193</c:v>
                </c:pt>
                <c:pt idx="101">
                  <c:v>97.706597513215698</c:v>
                </c:pt>
                <c:pt idx="102">
                  <c:v>97.696161943826326</c:v>
                </c:pt>
                <c:pt idx="103">
                  <c:v>97.701038336951711</c:v>
                </c:pt>
                <c:pt idx="104">
                  <c:v>97.67874877126566</c:v>
                </c:pt>
                <c:pt idx="105">
                  <c:v>97.681576814975244</c:v>
                </c:pt>
                <c:pt idx="106">
                  <c:v>97.674599211803965</c:v>
                </c:pt>
                <c:pt idx="107">
                  <c:v>97.656503256104671</c:v>
                </c:pt>
                <c:pt idx="108">
                  <c:v>97.664163642414564</c:v>
                </c:pt>
                <c:pt idx="109">
                  <c:v>97.646798925431497</c:v>
                </c:pt>
                <c:pt idx="110">
                  <c:v>97.639821322260204</c:v>
                </c:pt>
                <c:pt idx="111">
                  <c:v>97.644019337299483</c:v>
                </c:pt>
                <c:pt idx="112">
                  <c:v>97.621725366560923</c:v>
                </c:pt>
                <c:pt idx="113">
                  <c:v>97.626606164738817</c:v>
                </c:pt>
                <c:pt idx="114">
                  <c:v>97.618262995290337</c:v>
                </c:pt>
                <c:pt idx="115">
                  <c:v>97.602946627723057</c:v>
                </c:pt>
                <c:pt idx="116">
                  <c:v>97.611338252749135</c:v>
                </c:pt>
                <c:pt idx="117">
                  <c:v>97.59182827519507</c:v>
                </c:pt>
                <c:pt idx="118">
                  <c:v>97.589048687063084</c:v>
                </c:pt>
                <c:pt idx="119">
                  <c:v>97.591145492056469</c:v>
                </c:pt>
                <c:pt idx="120">
                  <c:v>97.570269948225217</c:v>
                </c:pt>
                <c:pt idx="121">
                  <c:v>97.575829124489189</c:v>
                </c:pt>
                <c:pt idx="122">
                  <c:v>97.566124793816016</c:v>
                </c:pt>
                <c:pt idx="123">
                  <c:v>97.553588014380722</c:v>
                </c:pt>
                <c:pt idx="124">
                  <c:v>97.561243995638108</c:v>
                </c:pt>
                <c:pt idx="125">
                  <c:v>97.543148039938856</c:v>
                </c:pt>
                <c:pt idx="126">
                  <c:v>97.542465256800241</c:v>
                </c:pt>
                <c:pt idx="127">
                  <c:v>97.542465256800241</c:v>
                </c:pt>
                <c:pt idx="128">
                  <c:v>97.523003734823774</c:v>
                </c:pt>
                <c:pt idx="129">
                  <c:v>97.531346904272255</c:v>
                </c:pt>
                <c:pt idx="130">
                  <c:v>97.518810124836975</c:v>
                </c:pt>
                <c:pt idx="131">
                  <c:v>97.509101389111265</c:v>
                </c:pt>
                <c:pt idx="132">
                  <c:v>97.516030536704989</c:v>
                </c:pt>
                <c:pt idx="133">
                  <c:v>97.497251797867108</c:v>
                </c:pt>
                <c:pt idx="134">
                  <c:v>97.498665819721893</c:v>
                </c:pt>
                <c:pt idx="135">
                  <c:v>97.497251797867108</c:v>
                </c:pt>
                <c:pt idx="136">
                  <c:v>97.479204297745412</c:v>
                </c:pt>
                <c:pt idx="137">
                  <c:v>97.487543062141398</c:v>
                </c:pt>
                <c:pt idx="138">
                  <c:v>97.476424709613426</c:v>
                </c:pt>
                <c:pt idx="139">
                  <c:v>97.468081540164945</c:v>
                </c:pt>
                <c:pt idx="140">
                  <c:v>97.474327904620026</c:v>
                </c:pt>
                <c:pt idx="141">
                  <c:v>97.456231948920774</c:v>
                </c:pt>
                <c:pt idx="142">
                  <c:v>97.45974277576893</c:v>
                </c:pt>
                <c:pt idx="143">
                  <c:v>97.456231948920774</c:v>
                </c:pt>
                <c:pt idx="144">
                  <c:v>97.440964036931078</c:v>
                </c:pt>
                <c:pt idx="145">
                  <c:v>97.449302801327065</c:v>
                </c:pt>
                <c:pt idx="146">
                  <c:v>97.436770426944292</c:v>
                </c:pt>
                <c:pt idx="147">
                  <c:v>97.43052406248917</c:v>
                </c:pt>
                <c:pt idx="148">
                  <c:v>97.436087643805692</c:v>
                </c:pt>
                <c:pt idx="149">
                  <c:v>97.417991688106412</c:v>
                </c:pt>
                <c:pt idx="150">
                  <c:v>97.422868081231812</c:v>
                </c:pt>
                <c:pt idx="151">
                  <c:v>97.417991688106412</c:v>
                </c:pt>
                <c:pt idx="152">
                  <c:v>97.404089342393931</c:v>
                </c:pt>
                <c:pt idx="153">
                  <c:v>97.413110889928518</c:v>
                </c:pt>
                <c:pt idx="154">
                  <c:v>97.399212949268531</c:v>
                </c:pt>
                <c:pt idx="155">
                  <c:v>97.397111739222638</c:v>
                </c:pt>
                <c:pt idx="156">
                  <c:v>97.399895732407145</c:v>
                </c:pt>
                <c:pt idx="157">
                  <c:v>97.383213798562664</c:v>
                </c:pt>
                <c:pt idx="158">
                  <c:v>97.38950421354285</c:v>
                </c:pt>
                <c:pt idx="159">
                  <c:v>97.383213798562664</c:v>
                </c:pt>
                <c:pt idx="160">
                  <c:v>97.371408257843569</c:v>
                </c:pt>
                <c:pt idx="161">
                  <c:v>97.379064239100956</c:v>
                </c:pt>
                <c:pt idx="162">
                  <c:v>97.364435059724798</c:v>
                </c:pt>
                <c:pt idx="163">
                  <c:v>97.365166298440968</c:v>
                </c:pt>
                <c:pt idx="164">
                  <c:v>97.367214647856784</c:v>
                </c:pt>
                <c:pt idx="165">
                  <c:v>97.351215497150918</c:v>
                </c:pt>
                <c:pt idx="166">
                  <c:v>97.357505912131089</c:v>
                </c:pt>
                <c:pt idx="167">
                  <c:v>97.349849930873717</c:v>
                </c:pt>
                <c:pt idx="168">
                  <c:v>97.340092739570423</c:v>
                </c:pt>
                <c:pt idx="169">
                  <c:v>97.347753125880303</c:v>
                </c:pt>
                <c:pt idx="170">
                  <c:v>97.333167997029221</c:v>
                </c:pt>
                <c:pt idx="171">
                  <c:v>97.333850780167822</c:v>
                </c:pt>
                <c:pt idx="172">
                  <c:v>97.334533563306451</c:v>
                </c:pt>
                <c:pt idx="173">
                  <c:v>97.319948434455341</c:v>
                </c:pt>
                <c:pt idx="174">
                  <c:v>97.327608820765221</c:v>
                </c:pt>
                <c:pt idx="175">
                  <c:v>97.318534412600556</c:v>
                </c:pt>
                <c:pt idx="176">
                  <c:v>97.312292453197955</c:v>
                </c:pt>
                <c:pt idx="177">
                  <c:v>97.318534412600556</c:v>
                </c:pt>
                <c:pt idx="178">
                  <c:v>97.303266500610846</c:v>
                </c:pt>
                <c:pt idx="179">
                  <c:v>97.306050493795354</c:v>
                </c:pt>
                <c:pt idx="180">
                  <c:v>97.304632066888075</c:v>
                </c:pt>
                <c:pt idx="181">
                  <c:v>97.292148148082902</c:v>
                </c:pt>
                <c:pt idx="182">
                  <c:v>97.30048691247886</c:v>
                </c:pt>
                <c:pt idx="183">
                  <c:v>97.290051343089488</c:v>
                </c:pt>
                <c:pt idx="184">
                  <c:v>97.285170544911594</c:v>
                </c:pt>
                <c:pt idx="185">
                  <c:v>97.291416909366703</c:v>
                </c:pt>
                <c:pt idx="186">
                  <c:v>97.276831780515607</c:v>
                </c:pt>
                <c:pt idx="187">
                  <c:v>97.280976934924809</c:v>
                </c:pt>
                <c:pt idx="188">
                  <c:v>97.278197346792822</c:v>
                </c:pt>
                <c:pt idx="189">
                  <c:v>97.266391806073727</c:v>
                </c:pt>
                <c:pt idx="190">
                  <c:v>97.276148997377007</c:v>
                </c:pt>
                <c:pt idx="191">
                  <c:v>97.260832629809741</c:v>
                </c:pt>
                <c:pt idx="192">
                  <c:v>97.258053041677741</c:v>
                </c:pt>
                <c:pt idx="193">
                  <c:v>97.263612217941741</c:v>
                </c:pt>
                <c:pt idx="194">
                  <c:v>97.249714277281754</c:v>
                </c:pt>
                <c:pt idx="195">
                  <c:v>97.25737025853914</c:v>
                </c:pt>
                <c:pt idx="196">
                  <c:v>97.255273453545755</c:v>
                </c:pt>
                <c:pt idx="197">
                  <c:v>97.245516262242461</c:v>
                </c:pt>
                <c:pt idx="198">
                  <c:v>97.25181108227514</c:v>
                </c:pt>
                <c:pt idx="199">
                  <c:v>97.23995708597846</c:v>
                </c:pt>
                <c:pt idx="200">
                  <c:v>97.238591519701259</c:v>
                </c:pt>
                <c:pt idx="201">
                  <c:v>97.24137110783326</c:v>
                </c:pt>
                <c:pt idx="202">
                  <c:v>97.228151545259365</c:v>
                </c:pt>
                <c:pt idx="203">
                  <c:v>97.234397909714488</c:v>
                </c:pt>
                <c:pt idx="204">
                  <c:v>97.229517111536595</c:v>
                </c:pt>
                <c:pt idx="205">
                  <c:v>97.221178347140594</c:v>
                </c:pt>
                <c:pt idx="206">
                  <c:v>97.228834328397966</c:v>
                </c:pt>
                <c:pt idx="207">
                  <c:v>97.217715975869993</c:v>
                </c:pt>
                <c:pt idx="208">
                  <c:v>97.217715975869993</c:v>
                </c:pt>
                <c:pt idx="209">
                  <c:v>97.220495564001979</c:v>
                </c:pt>
                <c:pt idx="210">
                  <c:v>97.207958784566728</c:v>
                </c:pt>
                <c:pt idx="211">
                  <c:v>97.214936387738007</c:v>
                </c:pt>
                <c:pt idx="212">
                  <c:v>97.208690023282912</c:v>
                </c:pt>
                <c:pt idx="213">
                  <c:v>97.202399608302727</c:v>
                </c:pt>
                <c:pt idx="214">
                  <c:v>97.208690023282912</c:v>
                </c:pt>
                <c:pt idx="215">
                  <c:v>97.196840432038741</c:v>
                </c:pt>
                <c:pt idx="216">
                  <c:v>97.197571670754911</c:v>
                </c:pt>
                <c:pt idx="217">
                  <c:v>97.198254453893512</c:v>
                </c:pt>
                <c:pt idx="218">
                  <c:v>97.186448913174416</c:v>
                </c:pt>
                <c:pt idx="219">
                  <c:v>97.194056438854233</c:v>
                </c:pt>
                <c:pt idx="220">
                  <c:v>97.187131696313045</c:v>
                </c:pt>
                <c:pt idx="221">
                  <c:v>97.182255303187645</c:v>
                </c:pt>
                <c:pt idx="222">
                  <c:v>97.187814479451646</c:v>
                </c:pt>
                <c:pt idx="223">
                  <c:v>97.176696126923645</c:v>
                </c:pt>
                <c:pt idx="224">
                  <c:v>97.179475715055645</c:v>
                </c:pt>
                <c:pt idx="225">
                  <c:v>97.178792931917044</c:v>
                </c:pt>
                <c:pt idx="226">
                  <c:v>97.16835295747515</c:v>
                </c:pt>
                <c:pt idx="227">
                  <c:v>97.175277700016352</c:v>
                </c:pt>
                <c:pt idx="228">
                  <c:v>97.16767017433655</c:v>
                </c:pt>
                <c:pt idx="229">
                  <c:v>97.164159347488379</c:v>
                </c:pt>
                <c:pt idx="230">
                  <c:v>97.169718523752351</c:v>
                </c:pt>
                <c:pt idx="231">
                  <c:v>97.157917388085792</c:v>
                </c:pt>
                <c:pt idx="232">
                  <c:v>97.162110998072563</c:v>
                </c:pt>
                <c:pt idx="233">
                  <c:v>97.160014193079178</c:v>
                </c:pt>
                <c:pt idx="234">
                  <c:v>97.150939784914499</c:v>
                </c:pt>
                <c:pt idx="235">
                  <c:v>97.157917388085792</c:v>
                </c:pt>
                <c:pt idx="236">
                  <c:v>97.148891435498669</c:v>
                </c:pt>
                <c:pt idx="237">
                  <c:v>97.148160196782484</c:v>
                </c:pt>
                <c:pt idx="238">
                  <c:v>97.152353806769284</c:v>
                </c:pt>
                <c:pt idx="239">
                  <c:v>97.140552671102682</c:v>
                </c:pt>
                <c:pt idx="240">
                  <c:v>97.145380608650498</c:v>
                </c:pt>
                <c:pt idx="241">
                  <c:v>97.141918237379883</c:v>
                </c:pt>
                <c:pt idx="242">
                  <c:v>97.134257851070032</c:v>
                </c:pt>
                <c:pt idx="243">
                  <c:v>97.141918237379883</c:v>
                </c:pt>
                <c:pt idx="244">
                  <c:v>97.132161046076618</c:v>
                </c:pt>
                <c:pt idx="245">
                  <c:v>97.132161046076618</c:v>
                </c:pt>
                <c:pt idx="246">
                  <c:v>97.134940634208618</c:v>
                </c:pt>
                <c:pt idx="247">
                  <c:v>97.124553520396816</c:v>
                </c:pt>
                <c:pt idx="248">
                  <c:v>97.130112696660817</c:v>
                </c:pt>
                <c:pt idx="249">
                  <c:v>97.125236303535416</c:v>
                </c:pt>
                <c:pt idx="250">
                  <c:v>97.119677127271416</c:v>
                </c:pt>
                <c:pt idx="251">
                  <c:v>97.126601869812632</c:v>
                </c:pt>
                <c:pt idx="252">
                  <c:v>97.116893134086922</c:v>
                </c:pt>
                <c:pt idx="253">
                  <c:v>97.118258700364123</c:v>
                </c:pt>
                <c:pt idx="254">
                  <c:v>97.120359910410031</c:v>
                </c:pt>
                <c:pt idx="255">
                  <c:v>97.109919935968151</c:v>
                </c:pt>
                <c:pt idx="256">
                  <c:v>97.115479112232137</c:v>
                </c:pt>
                <c:pt idx="257">
                  <c:v>97.110651174684335</c:v>
                </c:pt>
                <c:pt idx="258">
                  <c:v>97.106457564697564</c:v>
                </c:pt>
                <c:pt idx="259">
                  <c:v>97.112699524100151</c:v>
                </c:pt>
                <c:pt idx="260">
                  <c:v>97.102995193426949</c:v>
                </c:pt>
                <c:pt idx="261">
                  <c:v>97.105043542842765</c:v>
                </c:pt>
                <c:pt idx="262">
                  <c:v>97.105774781558935</c:v>
                </c:pt>
                <c:pt idx="263">
                  <c:v>97.09670037339427</c:v>
                </c:pt>
                <c:pt idx="264">
                  <c:v>97.102995193426949</c:v>
                </c:pt>
                <c:pt idx="265">
                  <c:v>97.09670037339427</c:v>
                </c:pt>
                <c:pt idx="266">
                  <c:v>97.09392078526227</c:v>
                </c:pt>
                <c:pt idx="267">
                  <c:v>97.098797178387656</c:v>
                </c:pt>
                <c:pt idx="268">
                  <c:v>97.08836160899827</c:v>
                </c:pt>
                <c:pt idx="269">
                  <c:v>97.091872435846454</c:v>
                </c:pt>
                <c:pt idx="270">
                  <c:v>97.091141197130284</c:v>
                </c:pt>
                <c:pt idx="271">
                  <c:v>97.083485215872898</c:v>
                </c:pt>
                <c:pt idx="272">
                  <c:v>97.090458413991669</c:v>
                </c:pt>
                <c:pt idx="273">
                  <c:v>97.083485215872898</c:v>
                </c:pt>
                <c:pt idx="274">
                  <c:v>97.082115244543189</c:v>
                </c:pt>
                <c:pt idx="275">
                  <c:v>97.086313259582482</c:v>
                </c:pt>
                <c:pt idx="276">
                  <c:v>97.075873285140588</c:v>
                </c:pt>
                <c:pt idx="277">
                  <c:v>97.08070122268839</c:v>
                </c:pt>
                <c:pt idx="278">
                  <c:v>97.079335656411189</c:v>
                </c:pt>
                <c:pt idx="279">
                  <c:v>97.072362458292403</c:v>
                </c:pt>
                <c:pt idx="280">
                  <c:v>97.079335656411189</c:v>
                </c:pt>
                <c:pt idx="281">
                  <c:v>97.071679675153803</c:v>
                </c:pt>
                <c:pt idx="282">
                  <c:v>97.070996892015202</c:v>
                </c:pt>
                <c:pt idx="283">
                  <c:v>97.074459263285789</c:v>
                </c:pt>
                <c:pt idx="284">
                  <c:v>97.065437715751202</c:v>
                </c:pt>
                <c:pt idx="285">
                  <c:v>97.069582870160417</c:v>
                </c:pt>
                <c:pt idx="286">
                  <c:v>97.066803282028403</c:v>
                </c:pt>
                <c:pt idx="287">
                  <c:v>97.060556917573308</c:v>
                </c:pt>
                <c:pt idx="288">
                  <c:v>97.067534520744587</c:v>
                </c:pt>
                <c:pt idx="289">
                  <c:v>97.059874134434708</c:v>
                </c:pt>
                <c:pt idx="290">
                  <c:v>97.059874134434708</c:v>
                </c:pt>
                <c:pt idx="291">
                  <c:v>97.063336505705294</c:v>
                </c:pt>
                <c:pt idx="292">
                  <c:v>97.054314958170721</c:v>
                </c:pt>
                <c:pt idx="293">
                  <c:v>97.059142895718523</c:v>
                </c:pt>
                <c:pt idx="294">
                  <c:v>97.055680524447936</c:v>
                </c:pt>
                <c:pt idx="295">
                  <c:v>97.050804131322536</c:v>
                </c:pt>
                <c:pt idx="296">
                  <c:v>97.056363307586537</c:v>
                </c:pt>
                <c:pt idx="297">
                  <c:v>97.048755781906735</c:v>
                </c:pt>
                <c:pt idx="298">
                  <c:v>97.050121348183936</c:v>
                </c:pt>
                <c:pt idx="299">
                  <c:v>97.051535370038721</c:v>
                </c:pt>
                <c:pt idx="300">
                  <c:v>97.043874983728813</c:v>
                </c:pt>
                <c:pt idx="301">
                  <c:v>97.049438565045335</c:v>
                </c:pt>
                <c:pt idx="302">
                  <c:v>97.045240550006042</c:v>
                </c:pt>
                <c:pt idx="303">
                  <c:v>97.042460961874042</c:v>
                </c:pt>
                <c:pt idx="304">
                  <c:v>97.04734176005195</c:v>
                </c:pt>
                <c:pt idx="305">
                  <c:v>97.038998590603441</c:v>
                </c:pt>
                <c:pt idx="306">
                  <c:v>97.041778178735427</c:v>
                </c:pt>
                <c:pt idx="307">
                  <c:v>97.042460961874042</c:v>
                </c:pt>
                <c:pt idx="308">
                  <c:v>97.034804980616656</c:v>
                </c:pt>
                <c:pt idx="309">
                  <c:v>97.041095395596827</c:v>
                </c:pt>
                <c:pt idx="310">
                  <c:v>97.035536219332855</c:v>
                </c:pt>
                <c:pt idx="311">
                  <c:v>97.033439414339441</c:v>
                </c:pt>
                <c:pt idx="312">
                  <c:v>97.038315807464841</c:v>
                </c:pt>
                <c:pt idx="313">
                  <c:v>97.029245804352669</c:v>
                </c:pt>
                <c:pt idx="314">
                  <c:v>97.033439414339441</c:v>
                </c:pt>
                <c:pt idx="315">
                  <c:v>97.032756631200868</c:v>
                </c:pt>
                <c:pt idx="316">
                  <c:v>97.026461811168161</c:v>
                </c:pt>
                <c:pt idx="317">
                  <c:v>97.032025392484655</c:v>
                </c:pt>
                <c:pt idx="318">
                  <c:v>97.026461811168161</c:v>
                </c:pt>
                <c:pt idx="319">
                  <c:v>97.025779028029561</c:v>
                </c:pt>
                <c:pt idx="320">
                  <c:v>97.029245804352669</c:v>
                </c:pt>
                <c:pt idx="321">
                  <c:v>97.020902634904175</c:v>
                </c:pt>
                <c:pt idx="322">
                  <c:v>97.02509624489096</c:v>
                </c:pt>
                <c:pt idx="323">
                  <c:v>97.023682223036175</c:v>
                </c:pt>
                <c:pt idx="324">
                  <c:v>97.018854285488359</c:v>
                </c:pt>
                <c:pt idx="325">
                  <c:v>97.02509624489096</c:v>
                </c:pt>
                <c:pt idx="326">
                  <c:v>97.018123046772175</c:v>
                </c:pt>
                <c:pt idx="327">
                  <c:v>97.018854285488359</c:v>
                </c:pt>
                <c:pt idx="328">
                  <c:v>97.021633873620345</c:v>
                </c:pt>
                <c:pt idx="329">
                  <c:v>97.013977892362959</c:v>
                </c:pt>
                <c:pt idx="330">
                  <c:v>97.018854285488359</c:v>
                </c:pt>
                <c:pt idx="331">
                  <c:v>97.016757480494974</c:v>
                </c:pt>
                <c:pt idx="332">
                  <c:v>97.011198304230973</c:v>
                </c:pt>
                <c:pt idx="333">
                  <c:v>97.017440263633574</c:v>
                </c:pt>
                <c:pt idx="334">
                  <c:v>97.011198304230973</c:v>
                </c:pt>
                <c:pt idx="335">
                  <c:v>97.011881087369574</c:v>
                </c:pt>
                <c:pt idx="336">
                  <c:v>97.013977892362959</c:v>
                </c:pt>
                <c:pt idx="337">
                  <c:v>97.007000289191694</c:v>
                </c:pt>
                <c:pt idx="338">
                  <c:v>97.012563870508188</c:v>
                </c:pt>
                <c:pt idx="339">
                  <c:v>97.007683072330295</c:v>
                </c:pt>
                <c:pt idx="340">
                  <c:v>97.005634722914479</c:v>
                </c:pt>
                <c:pt idx="341">
                  <c:v>97.010467065514803</c:v>
                </c:pt>
                <c:pt idx="342">
                  <c:v>97.003537917921093</c:v>
                </c:pt>
                <c:pt idx="343">
                  <c:v>97.005634722914479</c:v>
                </c:pt>
                <c:pt idx="344">
                  <c:v>97.005634722914479</c:v>
                </c:pt>
                <c:pt idx="345">
                  <c:v>96.999344307934308</c:v>
                </c:pt>
                <c:pt idx="346">
                  <c:v>97.005634722914479</c:v>
                </c:pt>
                <c:pt idx="347">
                  <c:v>97.000758329789093</c:v>
                </c:pt>
                <c:pt idx="348">
                  <c:v>96.998661524795708</c:v>
                </c:pt>
                <c:pt idx="349">
                  <c:v>97.002855134782493</c:v>
                </c:pt>
                <c:pt idx="350">
                  <c:v>96.995881936663707</c:v>
                </c:pt>
                <c:pt idx="351">
                  <c:v>96.998661524795708</c:v>
                </c:pt>
                <c:pt idx="352">
                  <c:v>96.998661524795708</c:v>
                </c:pt>
                <c:pt idx="353">
                  <c:v>96.993785131670307</c:v>
                </c:pt>
                <c:pt idx="354">
                  <c:v>96.998661524795708</c:v>
                </c:pt>
                <c:pt idx="355">
                  <c:v>96.993785131670307</c:v>
                </c:pt>
                <c:pt idx="356">
                  <c:v>96.993102348531707</c:v>
                </c:pt>
                <c:pt idx="357">
                  <c:v>96.995881936663707</c:v>
                </c:pt>
                <c:pt idx="358">
                  <c:v>96.988957194122506</c:v>
                </c:pt>
                <c:pt idx="359">
                  <c:v>96.993102348531707</c:v>
                </c:pt>
                <c:pt idx="360">
                  <c:v>96.992419565393106</c:v>
                </c:pt>
                <c:pt idx="361">
                  <c:v>96.987538767215213</c:v>
                </c:pt>
                <c:pt idx="362">
                  <c:v>96.993102348531707</c:v>
                </c:pt>
                <c:pt idx="363">
                  <c:v>96.987538767215213</c:v>
                </c:pt>
                <c:pt idx="364">
                  <c:v>96.987538767215213</c:v>
                </c:pt>
                <c:pt idx="365">
                  <c:v>96.991005543538321</c:v>
                </c:pt>
                <c:pt idx="366">
                  <c:v>96.984759179083227</c:v>
                </c:pt>
                <c:pt idx="367">
                  <c:v>96.988221550353813</c:v>
                </c:pt>
                <c:pt idx="368">
                  <c:v>96.986855984076612</c:v>
                </c:pt>
                <c:pt idx="369">
                  <c:v>96.983345157228413</c:v>
                </c:pt>
                <c:pt idx="370">
                  <c:v>96.988221550353813</c:v>
                </c:pt>
                <c:pt idx="371">
                  <c:v>96.981979590951227</c:v>
                </c:pt>
                <c:pt idx="372">
                  <c:v>96.982662374089841</c:v>
                </c:pt>
                <c:pt idx="373">
                  <c:v>96.984759179083227</c:v>
                </c:pt>
                <c:pt idx="374">
                  <c:v>96.97920000281924</c:v>
                </c:pt>
                <c:pt idx="375">
                  <c:v>96.984076395944612</c:v>
                </c:pt>
                <c:pt idx="376">
                  <c:v>96.980565569096427</c:v>
                </c:pt>
                <c:pt idx="377">
                  <c:v>96.978517219680626</c:v>
                </c:pt>
                <c:pt idx="378">
                  <c:v>96.982662374089841</c:v>
                </c:pt>
                <c:pt idx="379">
                  <c:v>96.97642041468724</c:v>
                </c:pt>
                <c:pt idx="380">
                  <c:v>96.978517219680626</c:v>
                </c:pt>
                <c:pt idx="381">
                  <c:v>96.97920000281924</c:v>
                </c:pt>
                <c:pt idx="382">
                  <c:v>96.974323609693855</c:v>
                </c:pt>
                <c:pt idx="383">
                  <c:v>96.97920000281924</c:v>
                </c:pt>
                <c:pt idx="384">
                  <c:v>96.975737631548625</c:v>
                </c:pt>
                <c:pt idx="385">
                  <c:v>96.974323609693855</c:v>
                </c:pt>
                <c:pt idx="386">
                  <c:v>96.977785980964441</c:v>
                </c:pt>
                <c:pt idx="387">
                  <c:v>96.97154402156184</c:v>
                </c:pt>
                <c:pt idx="388">
                  <c:v>96.97364082655524</c:v>
                </c:pt>
                <c:pt idx="389">
                  <c:v>96.97364082655524</c:v>
                </c:pt>
                <c:pt idx="390">
                  <c:v>96.969442811515933</c:v>
                </c:pt>
                <c:pt idx="391">
                  <c:v>96.974323609693855</c:v>
                </c:pt>
                <c:pt idx="392">
                  <c:v>96.970174050232117</c:v>
                </c:pt>
                <c:pt idx="393">
                  <c:v>96.969442811515933</c:v>
                </c:pt>
                <c:pt idx="394">
                  <c:v>96.972226804700469</c:v>
                </c:pt>
                <c:pt idx="395">
                  <c:v>96.966663223383947</c:v>
                </c:pt>
                <c:pt idx="396">
                  <c:v>96.969442811515933</c:v>
                </c:pt>
                <c:pt idx="397">
                  <c:v>96.969442811515933</c:v>
                </c:pt>
                <c:pt idx="398">
                  <c:v>96.965980440245346</c:v>
                </c:pt>
                <c:pt idx="399">
                  <c:v>96.97086123842324</c:v>
                </c:pt>
                <c:pt idx="400">
                  <c:v>96.966663223383947</c:v>
                </c:pt>
                <c:pt idx="401">
                  <c:v>96.965980440245346</c:v>
                </c:pt>
                <c:pt idx="402">
                  <c:v>96.968760028377332</c:v>
                </c:pt>
                <c:pt idx="403">
                  <c:v>96.962518068974731</c:v>
                </c:pt>
                <c:pt idx="404">
                  <c:v>96.966663223383947</c:v>
                </c:pt>
                <c:pt idx="405">
                  <c:v>96.965297657106746</c:v>
                </c:pt>
                <c:pt idx="406">
                  <c:v>96.961835285836131</c:v>
                </c:pt>
                <c:pt idx="407">
                  <c:v>96.965980440245346</c:v>
                </c:pt>
                <c:pt idx="408">
                  <c:v>96.962518068974731</c:v>
                </c:pt>
                <c:pt idx="409">
                  <c:v>96.961835285836131</c:v>
                </c:pt>
                <c:pt idx="410">
                  <c:v>96.965297657106746</c:v>
                </c:pt>
                <c:pt idx="411">
                  <c:v>96.95900724212656</c:v>
                </c:pt>
                <c:pt idx="412">
                  <c:v>96.961835285836131</c:v>
                </c:pt>
                <c:pt idx="413">
                  <c:v>96.961835285836131</c:v>
                </c:pt>
                <c:pt idx="414">
                  <c:v>96.957641675849359</c:v>
                </c:pt>
                <c:pt idx="415">
                  <c:v>96.962518068974731</c:v>
                </c:pt>
                <c:pt idx="416">
                  <c:v>96.95832445898796</c:v>
                </c:pt>
                <c:pt idx="417">
                  <c:v>96.95900724212656</c:v>
                </c:pt>
                <c:pt idx="418">
                  <c:v>96.961104047119946</c:v>
                </c:pt>
                <c:pt idx="419">
                  <c:v>96.955544870855974</c:v>
                </c:pt>
                <c:pt idx="420">
                  <c:v>96.95900724212656</c:v>
                </c:pt>
                <c:pt idx="421">
                  <c:v>96.957641675849359</c:v>
                </c:pt>
                <c:pt idx="422">
                  <c:v>96.954862087717373</c:v>
                </c:pt>
                <c:pt idx="423">
                  <c:v>96.95900724212656</c:v>
                </c:pt>
                <c:pt idx="424">
                  <c:v>96.954862087717373</c:v>
                </c:pt>
                <c:pt idx="425">
                  <c:v>96.955544870855974</c:v>
                </c:pt>
                <c:pt idx="426">
                  <c:v>96.956958892710759</c:v>
                </c:pt>
                <c:pt idx="427">
                  <c:v>96.952078094532865</c:v>
                </c:pt>
                <c:pt idx="428">
                  <c:v>96.956958892710759</c:v>
                </c:pt>
                <c:pt idx="429">
                  <c:v>96.954862087717373</c:v>
                </c:pt>
                <c:pt idx="430">
                  <c:v>96.952765282723988</c:v>
                </c:pt>
                <c:pt idx="431">
                  <c:v>96.95622765399456</c:v>
                </c:pt>
                <c:pt idx="432">
                  <c:v>96.951395311394265</c:v>
                </c:pt>
                <c:pt idx="433">
                  <c:v>96.95344806586256</c:v>
                </c:pt>
                <c:pt idx="434">
                  <c:v>96.954862087717373</c:v>
                </c:pt>
                <c:pt idx="435">
                  <c:v>96.94998128953948</c:v>
                </c:pt>
                <c:pt idx="436">
                  <c:v>96.95344806586256</c:v>
                </c:pt>
                <c:pt idx="437">
                  <c:v>96.951395311394265</c:v>
                </c:pt>
                <c:pt idx="438">
                  <c:v>96.95066407267808</c:v>
                </c:pt>
                <c:pt idx="439">
                  <c:v>96.95344806586256</c:v>
                </c:pt>
                <c:pt idx="440">
                  <c:v>96.949298506400879</c:v>
                </c:pt>
                <c:pt idx="441">
                  <c:v>96.952078094532865</c:v>
                </c:pt>
                <c:pt idx="442">
                  <c:v>96.952078094532865</c:v>
                </c:pt>
                <c:pt idx="443">
                  <c:v>96.947884484546066</c:v>
                </c:pt>
                <c:pt idx="444">
                  <c:v>96.952078094532865</c:v>
                </c:pt>
                <c:pt idx="445">
                  <c:v>96.949298506400879</c:v>
                </c:pt>
                <c:pt idx="446">
                  <c:v>96.949298506400879</c:v>
                </c:pt>
                <c:pt idx="447">
                  <c:v>96.952078094532865</c:v>
                </c:pt>
                <c:pt idx="448">
                  <c:v>96.947884484546066</c:v>
                </c:pt>
                <c:pt idx="449">
                  <c:v>96.95066407267808</c:v>
                </c:pt>
                <c:pt idx="450">
                  <c:v>96.95066407267808</c:v>
                </c:pt>
                <c:pt idx="451">
                  <c:v>96.947884484546066</c:v>
                </c:pt>
                <c:pt idx="452">
                  <c:v>96.952078094532865</c:v>
                </c:pt>
                <c:pt idx="453">
                  <c:v>96.949298506400879</c:v>
                </c:pt>
                <c:pt idx="454">
                  <c:v>96.94998128953948</c:v>
                </c:pt>
                <c:pt idx="455">
                  <c:v>96.952765282723988</c:v>
                </c:pt>
                <c:pt idx="456">
                  <c:v>96.94861572326225</c:v>
                </c:pt>
                <c:pt idx="457">
                  <c:v>96.952078094532865</c:v>
                </c:pt>
                <c:pt idx="458">
                  <c:v>96.952078094532865</c:v>
                </c:pt>
                <c:pt idx="459">
                  <c:v>96.949298506400879</c:v>
                </c:pt>
                <c:pt idx="460">
                  <c:v>96.954179304578773</c:v>
                </c:pt>
                <c:pt idx="461">
                  <c:v>96.95066407267808</c:v>
                </c:pt>
                <c:pt idx="462">
                  <c:v>96.952078094532865</c:v>
                </c:pt>
                <c:pt idx="463">
                  <c:v>96.954862087717373</c:v>
                </c:pt>
                <c:pt idx="464">
                  <c:v>96.94998128953948</c:v>
                </c:pt>
                <c:pt idx="465">
                  <c:v>96.954179304578773</c:v>
                </c:pt>
                <c:pt idx="466">
                  <c:v>96.95344806586256</c:v>
                </c:pt>
                <c:pt idx="467">
                  <c:v>96.951395311394265</c:v>
                </c:pt>
                <c:pt idx="468">
                  <c:v>96.955544870855974</c:v>
                </c:pt>
                <c:pt idx="469">
                  <c:v>96.952765282723988</c:v>
                </c:pt>
                <c:pt idx="470">
                  <c:v>96.954179304578773</c:v>
                </c:pt>
                <c:pt idx="471">
                  <c:v>96.955544870855974</c:v>
                </c:pt>
                <c:pt idx="472">
                  <c:v>96.952078094532865</c:v>
                </c:pt>
                <c:pt idx="473">
                  <c:v>96.955544870855974</c:v>
                </c:pt>
                <c:pt idx="474">
                  <c:v>96.954179304578773</c:v>
                </c:pt>
                <c:pt idx="475">
                  <c:v>96.952765282723988</c:v>
                </c:pt>
                <c:pt idx="476">
                  <c:v>96.95622765399456</c:v>
                </c:pt>
                <c:pt idx="477">
                  <c:v>96.952765282723988</c:v>
                </c:pt>
                <c:pt idx="478">
                  <c:v>96.954862087717373</c:v>
                </c:pt>
                <c:pt idx="479">
                  <c:v>96.955544870855974</c:v>
                </c:pt>
                <c:pt idx="480">
                  <c:v>96.952078094532865</c:v>
                </c:pt>
                <c:pt idx="481">
                  <c:v>96.955544870855974</c:v>
                </c:pt>
                <c:pt idx="482">
                  <c:v>96.954179304578773</c:v>
                </c:pt>
                <c:pt idx="483">
                  <c:v>96.952765282723988</c:v>
                </c:pt>
                <c:pt idx="484">
                  <c:v>96.956958892710759</c:v>
                </c:pt>
                <c:pt idx="485">
                  <c:v>96.952765282723988</c:v>
                </c:pt>
                <c:pt idx="486">
                  <c:v>96.954862087717373</c:v>
                </c:pt>
                <c:pt idx="487">
                  <c:v>96.954862087717373</c:v>
                </c:pt>
                <c:pt idx="488">
                  <c:v>96.951395311394265</c:v>
                </c:pt>
                <c:pt idx="489">
                  <c:v>96.954862087717373</c:v>
                </c:pt>
                <c:pt idx="490">
                  <c:v>96.952078094532865</c:v>
                </c:pt>
                <c:pt idx="491">
                  <c:v>96.951395311394265</c:v>
                </c:pt>
                <c:pt idx="492">
                  <c:v>96.954179304578773</c:v>
                </c:pt>
                <c:pt idx="493">
                  <c:v>96.95066407267808</c:v>
                </c:pt>
                <c:pt idx="494">
                  <c:v>96.952765282723988</c:v>
                </c:pt>
                <c:pt idx="495">
                  <c:v>96.952765282723988</c:v>
                </c:pt>
                <c:pt idx="496">
                  <c:v>96.94998128953948</c:v>
                </c:pt>
                <c:pt idx="497">
                  <c:v>96.952078094532865</c:v>
                </c:pt>
                <c:pt idx="498">
                  <c:v>96.949298506400879</c:v>
                </c:pt>
                <c:pt idx="499">
                  <c:v>96.94998128953948</c:v>
                </c:pt>
                <c:pt idx="500">
                  <c:v>96.951395311394265</c:v>
                </c:pt>
                <c:pt idx="501">
                  <c:v>96.947201701407465</c:v>
                </c:pt>
                <c:pt idx="502">
                  <c:v>96.94861572326225</c:v>
                </c:pt>
                <c:pt idx="503">
                  <c:v>96.947201701407465</c:v>
                </c:pt>
                <c:pt idx="504">
                  <c:v>96.944422113275479</c:v>
                </c:pt>
                <c:pt idx="505">
                  <c:v>96.947884484546066</c:v>
                </c:pt>
                <c:pt idx="506">
                  <c:v>96.944422113275479</c:v>
                </c:pt>
                <c:pt idx="507">
                  <c:v>96.944422113275479</c:v>
                </c:pt>
                <c:pt idx="508">
                  <c:v>96.945836135130264</c:v>
                </c:pt>
                <c:pt idx="509">
                  <c:v>96.941642525143465</c:v>
                </c:pt>
                <c:pt idx="510">
                  <c:v>96.943739330136879</c:v>
                </c:pt>
                <c:pt idx="511">
                  <c:v>96.942325308282093</c:v>
                </c:pt>
                <c:pt idx="512">
                  <c:v>96.939545720150079</c:v>
                </c:pt>
                <c:pt idx="513">
                  <c:v>96.941642525143465</c:v>
                </c:pt>
                <c:pt idx="514">
                  <c:v>96.938180153872878</c:v>
                </c:pt>
                <c:pt idx="515">
                  <c:v>96.938180153872878</c:v>
                </c:pt>
                <c:pt idx="516">
                  <c:v>96.938180153872878</c:v>
                </c:pt>
                <c:pt idx="517">
                  <c:v>96.933982138833585</c:v>
                </c:pt>
                <c:pt idx="518">
                  <c:v>96.936766132018093</c:v>
                </c:pt>
                <c:pt idx="519">
                  <c:v>96.933299355694984</c:v>
                </c:pt>
                <c:pt idx="520">
                  <c:v>96.931885333840185</c:v>
                </c:pt>
                <c:pt idx="521">
                  <c:v>96.932616572556384</c:v>
                </c:pt>
                <c:pt idx="522">
                  <c:v>96.929105745708213</c:v>
                </c:pt>
                <c:pt idx="523">
                  <c:v>96.929105745708213</c:v>
                </c:pt>
                <c:pt idx="524">
                  <c:v>96.929105745708213</c:v>
                </c:pt>
                <c:pt idx="525">
                  <c:v>96.924277808160397</c:v>
                </c:pt>
                <c:pt idx="526">
                  <c:v>96.926326157576213</c:v>
                </c:pt>
                <c:pt idx="527">
                  <c:v>96.923546569444213</c:v>
                </c:pt>
                <c:pt idx="528">
                  <c:v>96.922181003167012</c:v>
                </c:pt>
                <c:pt idx="529">
                  <c:v>96.922863786305612</c:v>
                </c:pt>
                <c:pt idx="530">
                  <c:v>96.917987393180226</c:v>
                </c:pt>
                <c:pt idx="531">
                  <c:v>96.918718631896397</c:v>
                </c:pt>
                <c:pt idx="532">
                  <c:v>96.917987393180226</c:v>
                </c:pt>
                <c:pt idx="533">
                  <c:v>96.913837833718503</c:v>
                </c:pt>
                <c:pt idx="534">
                  <c:v>96.915203399995718</c:v>
                </c:pt>
                <c:pt idx="535">
                  <c:v>96.911058245586517</c:v>
                </c:pt>
                <c:pt idx="536">
                  <c:v>96.908961440593117</c:v>
                </c:pt>
                <c:pt idx="537">
                  <c:v>96.910327006870318</c:v>
                </c:pt>
                <c:pt idx="538">
                  <c:v>96.904767830606346</c:v>
                </c:pt>
                <c:pt idx="539">
                  <c:v>96.905499069322545</c:v>
                </c:pt>
                <c:pt idx="540">
                  <c:v>96.904085047467746</c:v>
                </c:pt>
                <c:pt idx="541">
                  <c:v>96.899939893058544</c:v>
                </c:pt>
                <c:pt idx="542">
                  <c:v>96.90198824247436</c:v>
                </c:pt>
                <c:pt idx="543">
                  <c:v>96.89716030492653</c:v>
                </c:pt>
                <c:pt idx="544">
                  <c:v>96.896424661157866</c:v>
                </c:pt>
                <c:pt idx="545">
                  <c:v>96.895741878019237</c:v>
                </c:pt>
                <c:pt idx="546">
                  <c:v>96.890865484893865</c:v>
                </c:pt>
                <c:pt idx="547">
                  <c:v>96.891596723610036</c:v>
                </c:pt>
                <c:pt idx="548">
                  <c:v>96.888817135478035</c:v>
                </c:pt>
                <c:pt idx="549">
                  <c:v>96.885306308629865</c:v>
                </c:pt>
                <c:pt idx="550">
                  <c:v>96.885989091768465</c:v>
                </c:pt>
                <c:pt idx="551">
                  <c:v>96.881161154220663</c:v>
                </c:pt>
                <c:pt idx="552">
                  <c:v>96.880429915504465</c:v>
                </c:pt>
                <c:pt idx="553">
                  <c:v>96.879747132365864</c:v>
                </c:pt>
                <c:pt idx="554">
                  <c:v>96.87350076791077</c:v>
                </c:pt>
                <c:pt idx="555">
                  <c:v>96.87350076791077</c:v>
                </c:pt>
                <c:pt idx="556">
                  <c:v>96.870721179778783</c:v>
                </c:pt>
                <c:pt idx="557">
                  <c:v>96.867941591646769</c:v>
                </c:pt>
                <c:pt idx="558">
                  <c:v>96.867941591646769</c:v>
                </c:pt>
                <c:pt idx="559">
                  <c:v>96.862382415382797</c:v>
                </c:pt>
                <c:pt idx="560">
                  <c:v>96.860968393527983</c:v>
                </c:pt>
                <c:pt idx="561">
                  <c:v>96.858867183482104</c:v>
                </c:pt>
                <c:pt idx="562">
                  <c:v>96.854039245934302</c:v>
                </c:pt>
                <c:pt idx="563">
                  <c:v>96.854039245934302</c:v>
                </c:pt>
                <c:pt idx="564">
                  <c:v>96.849845635947517</c:v>
                </c:pt>
                <c:pt idx="565">
                  <c:v>96.847066047815531</c:v>
                </c:pt>
                <c:pt idx="566">
                  <c:v>96.845700481538302</c:v>
                </c:pt>
                <c:pt idx="567">
                  <c:v>96.84082408841293</c:v>
                </c:pt>
                <c:pt idx="568">
                  <c:v>96.839405661505623</c:v>
                </c:pt>
                <c:pt idx="569">
                  <c:v>96.836626073373623</c:v>
                </c:pt>
                <c:pt idx="570">
                  <c:v>96.832480918964421</c:v>
                </c:pt>
                <c:pt idx="571">
                  <c:v>96.831749680248251</c:v>
                </c:pt>
                <c:pt idx="572">
                  <c:v>96.826921742700449</c:v>
                </c:pt>
                <c:pt idx="573">
                  <c:v>96.824142154568435</c:v>
                </c:pt>
                <c:pt idx="574">
                  <c:v>96.82272813271365</c:v>
                </c:pt>
                <c:pt idx="575">
                  <c:v>96.817164551397155</c:v>
                </c:pt>
                <c:pt idx="576">
                  <c:v>96.815067746403756</c:v>
                </c:pt>
                <c:pt idx="577">
                  <c:v>96.811605375133169</c:v>
                </c:pt>
                <c:pt idx="578">
                  <c:v>96.806728982007769</c:v>
                </c:pt>
                <c:pt idx="579">
                  <c:v>96.805363415730568</c:v>
                </c:pt>
                <c:pt idx="580">
                  <c:v>96.799799834414074</c:v>
                </c:pt>
                <c:pt idx="581">
                  <c:v>96.797020246282074</c:v>
                </c:pt>
                <c:pt idx="582">
                  <c:v>96.794240658150073</c:v>
                </c:pt>
                <c:pt idx="583">
                  <c:v>96.788681481886087</c:v>
                </c:pt>
                <c:pt idx="584">
                  <c:v>96.786584676892687</c:v>
                </c:pt>
                <c:pt idx="585">
                  <c:v>96.781703878714794</c:v>
                </c:pt>
                <c:pt idx="586">
                  <c:v>96.776144702450821</c:v>
                </c:pt>
                <c:pt idx="587">
                  <c:v>96.775461919312207</c:v>
                </c:pt>
                <c:pt idx="588">
                  <c:v>96.769171504332036</c:v>
                </c:pt>
                <c:pt idx="589">
                  <c:v>96.765704728008927</c:v>
                </c:pt>
                <c:pt idx="590">
                  <c:v>96.762242356738312</c:v>
                </c:pt>
                <c:pt idx="591">
                  <c:v>96.755269158619541</c:v>
                </c:pt>
                <c:pt idx="592">
                  <c:v>96.753903592342326</c:v>
                </c:pt>
                <c:pt idx="593">
                  <c:v>96.747608772309661</c:v>
                </c:pt>
                <c:pt idx="594">
                  <c:v>96.742780834761859</c:v>
                </c:pt>
                <c:pt idx="595">
                  <c:v>96.740001246629845</c:v>
                </c:pt>
                <c:pt idx="596">
                  <c:v>96.732345265372459</c:v>
                </c:pt>
                <c:pt idx="597">
                  <c:v>96.729565677240473</c:v>
                </c:pt>
                <c:pt idx="598">
                  <c:v>96.725367662201194</c:v>
                </c:pt>
                <c:pt idx="599">
                  <c:v>96.718442919659978</c:v>
                </c:pt>
                <c:pt idx="600">
                  <c:v>96.715663331527992</c:v>
                </c:pt>
                <c:pt idx="601">
                  <c:v>96.709368511495299</c:v>
                </c:pt>
                <c:pt idx="602">
                  <c:v>96.704492118369927</c:v>
                </c:pt>
                <c:pt idx="603">
                  <c:v>96.701029747099312</c:v>
                </c:pt>
                <c:pt idx="604">
                  <c:v>96.69269098270334</c:v>
                </c:pt>
                <c:pt idx="605">
                  <c:v>96.689224206380217</c:v>
                </c:pt>
                <c:pt idx="606">
                  <c:v>96.684347813254846</c:v>
                </c:pt>
                <c:pt idx="607">
                  <c:v>96.676691831997459</c:v>
                </c:pt>
                <c:pt idx="608">
                  <c:v>96.673225055674351</c:v>
                </c:pt>
                <c:pt idx="609">
                  <c:v>96.665569074416965</c:v>
                </c:pt>
                <c:pt idx="610">
                  <c:v>96.659327115014364</c:v>
                </c:pt>
                <c:pt idx="611">
                  <c:v>96.655129099975085</c:v>
                </c:pt>
                <c:pt idx="612">
                  <c:v>96.646790335579098</c:v>
                </c:pt>
                <c:pt idx="613">
                  <c:v>96.641913942453712</c:v>
                </c:pt>
                <c:pt idx="614">
                  <c:v>96.635667577998603</c:v>
                </c:pt>
                <c:pt idx="615">
                  <c:v>96.627328813602617</c:v>
                </c:pt>
                <c:pt idx="616">
                  <c:v>96.623866442332016</c:v>
                </c:pt>
                <c:pt idx="617">
                  <c:v>96.615523272883522</c:v>
                </c:pt>
                <c:pt idx="618">
                  <c:v>96.609232857903365</c:v>
                </c:pt>
                <c:pt idx="619">
                  <c:v>96.603673681639364</c:v>
                </c:pt>
                <c:pt idx="620">
                  <c:v>96.593964945913669</c:v>
                </c:pt>
                <c:pt idx="621">
                  <c:v>96.589088552788283</c:v>
                </c:pt>
                <c:pt idx="622">
                  <c:v>96.581432571530897</c:v>
                </c:pt>
                <c:pt idx="623">
                  <c:v>96.572406618943788</c:v>
                </c:pt>
                <c:pt idx="624">
                  <c:v>96.566847442679816</c:v>
                </c:pt>
                <c:pt idx="625">
                  <c:v>96.557773034515122</c:v>
                </c:pt>
                <c:pt idx="626">
                  <c:v>96.550848291973921</c:v>
                </c:pt>
                <c:pt idx="627">
                  <c:v>96.545289115709949</c:v>
                </c:pt>
                <c:pt idx="628">
                  <c:v>96.535531924406655</c:v>
                </c:pt>
                <c:pt idx="629">
                  <c:v>96.529972748142654</c:v>
                </c:pt>
                <c:pt idx="630">
                  <c:v>96.520946795555574</c:v>
                </c:pt>
                <c:pt idx="631">
                  <c:v>96.511876792443388</c:v>
                </c:pt>
                <c:pt idx="632">
                  <c:v>96.504947644849693</c:v>
                </c:pt>
                <c:pt idx="633">
                  <c:v>96.495194858598893</c:v>
                </c:pt>
                <c:pt idx="634">
                  <c:v>96.487534472289013</c:v>
                </c:pt>
                <c:pt idx="635">
                  <c:v>96.479195707893027</c:v>
                </c:pt>
                <c:pt idx="636">
                  <c:v>96.468755733451147</c:v>
                </c:pt>
                <c:pt idx="637">
                  <c:v>96.461830990909959</c:v>
                </c:pt>
                <c:pt idx="638">
                  <c:v>96.452078204659173</c:v>
                </c:pt>
                <c:pt idx="639">
                  <c:v>96.442369468933478</c:v>
                </c:pt>
                <c:pt idx="640">
                  <c:v>96.435396270814692</c:v>
                </c:pt>
                <c:pt idx="641">
                  <c:v>96.423590730095583</c:v>
                </c:pt>
                <c:pt idx="642">
                  <c:v>96.414520726983412</c:v>
                </c:pt>
                <c:pt idx="643">
                  <c:v>96.405494774396331</c:v>
                </c:pt>
                <c:pt idx="644">
                  <c:v>96.393689233677236</c:v>
                </c:pt>
                <c:pt idx="645">
                  <c:v>96.385302013703665</c:v>
                </c:pt>
                <c:pt idx="646">
                  <c:v>96.374179256123185</c:v>
                </c:pt>
                <c:pt idx="647">
                  <c:v>96.363060903595198</c:v>
                </c:pt>
                <c:pt idx="648">
                  <c:v>96.354717734146703</c:v>
                </c:pt>
                <c:pt idx="649">
                  <c:v>96.342233815341515</c:v>
                </c:pt>
                <c:pt idx="650">
                  <c:v>96.332476624038236</c:v>
                </c:pt>
                <c:pt idx="651">
                  <c:v>96.322723837787464</c:v>
                </c:pt>
                <c:pt idx="652">
                  <c:v>96.309504275213584</c:v>
                </c:pt>
                <c:pt idx="653">
                  <c:v>96.301161105765075</c:v>
                </c:pt>
                <c:pt idx="654">
                  <c:v>96.287945948243703</c:v>
                </c:pt>
                <c:pt idx="655">
                  <c:v>96.276823190663222</c:v>
                </c:pt>
                <c:pt idx="656">
                  <c:v>96.266436076851406</c:v>
                </c:pt>
                <c:pt idx="657">
                  <c:v>96.252485275561355</c:v>
                </c:pt>
                <c:pt idx="658">
                  <c:v>96.242776539835646</c:v>
                </c:pt>
                <c:pt idx="659">
                  <c:v>96.230926948591488</c:v>
                </c:pt>
                <c:pt idx="660">
                  <c:v>96.217755841595192</c:v>
                </c:pt>
                <c:pt idx="661">
                  <c:v>96.207315867153298</c:v>
                </c:pt>
                <c:pt idx="662">
                  <c:v>96.193417926493311</c:v>
                </c:pt>
                <c:pt idx="663">
                  <c:v>96.18156393019666</c:v>
                </c:pt>
                <c:pt idx="664">
                  <c:v>96.169758389477551</c:v>
                </c:pt>
                <c:pt idx="665">
                  <c:v>96.155129210101407</c:v>
                </c:pt>
                <c:pt idx="666">
                  <c:v>96.143323669382312</c:v>
                </c:pt>
                <c:pt idx="667">
                  <c:v>96.130104106808432</c:v>
                </c:pt>
                <c:pt idx="668">
                  <c:v>96.115523383009844</c:v>
                </c:pt>
                <c:pt idx="669">
                  <c:v>96.103669386713165</c:v>
                </c:pt>
                <c:pt idx="670">
                  <c:v>96.089084257862069</c:v>
                </c:pt>
                <c:pt idx="671">
                  <c:v>96.075864695288203</c:v>
                </c:pt>
                <c:pt idx="672">
                  <c:v>96.062649537766831</c:v>
                </c:pt>
                <c:pt idx="673">
                  <c:v>96.048064408915735</c:v>
                </c:pt>
                <c:pt idx="674">
                  <c:v>96.035527629480441</c:v>
                </c:pt>
                <c:pt idx="675">
                  <c:v>96.020259717490759</c:v>
                </c:pt>
                <c:pt idx="676">
                  <c:v>96.005630538114588</c:v>
                </c:pt>
                <c:pt idx="677">
                  <c:v>95.993142214256892</c:v>
                </c:pt>
                <c:pt idx="678">
                  <c:v>95.976411824834855</c:v>
                </c:pt>
                <c:pt idx="679">
                  <c:v>95.962509479122346</c:v>
                </c:pt>
                <c:pt idx="680">
                  <c:v>95.948611538462387</c:v>
                </c:pt>
                <c:pt idx="681">
                  <c:v>95.931929604617892</c:v>
                </c:pt>
                <c:pt idx="682">
                  <c:v>95.918710042044012</c:v>
                </c:pt>
                <c:pt idx="683">
                  <c:v>95.902710891338131</c:v>
                </c:pt>
                <c:pt idx="684">
                  <c:v>95.886711740632265</c:v>
                </c:pt>
                <c:pt idx="685">
                  <c:v>95.872809394919784</c:v>
                </c:pt>
                <c:pt idx="686">
                  <c:v>95.854713439220504</c:v>
                </c:pt>
                <c:pt idx="687">
                  <c:v>95.840132715421944</c:v>
                </c:pt>
                <c:pt idx="688">
                  <c:v>95.82481634785465</c:v>
                </c:pt>
                <c:pt idx="689">
                  <c:v>95.806768847732954</c:v>
                </c:pt>
                <c:pt idx="690">
                  <c:v>95.792135263304303</c:v>
                </c:pt>
                <c:pt idx="691">
                  <c:v>95.774087763182621</c:v>
                </c:pt>
                <c:pt idx="692">
                  <c:v>95.757357373760556</c:v>
                </c:pt>
                <c:pt idx="693">
                  <c:v>95.742772244909474</c:v>
                </c:pt>
                <c:pt idx="694">
                  <c:v>95.72467628921018</c:v>
                </c:pt>
                <c:pt idx="695">
                  <c:v>95.708681543556821</c:v>
                </c:pt>
                <c:pt idx="696">
                  <c:v>95.69199960971234</c:v>
                </c:pt>
                <c:pt idx="697">
                  <c:v>95.673952109590644</c:v>
                </c:pt>
                <c:pt idx="698">
                  <c:v>95.658635742023378</c:v>
                </c:pt>
                <c:pt idx="699">
                  <c:v>95.639857003185526</c:v>
                </c:pt>
                <c:pt idx="700">
                  <c:v>95.622492286202402</c:v>
                </c:pt>
                <c:pt idx="701">
                  <c:v>95.606493135496535</c:v>
                </c:pt>
                <c:pt idx="702">
                  <c:v>95.585617591665283</c:v>
                </c:pt>
                <c:pt idx="703">
                  <c:v>95.568935657820788</c:v>
                </c:pt>
                <c:pt idx="704">
                  <c:v>95.550839702121536</c:v>
                </c:pt>
                <c:pt idx="705">
                  <c:v>95.532060963283655</c:v>
                </c:pt>
                <c:pt idx="706">
                  <c:v>95.514696246300588</c:v>
                </c:pt>
                <c:pt idx="707">
                  <c:v>95.495186268746508</c:v>
                </c:pt>
                <c:pt idx="708">
                  <c:v>95.47713876862484</c:v>
                </c:pt>
                <c:pt idx="709">
                  <c:v>95.45904281292556</c:v>
                </c:pt>
                <c:pt idx="710">
                  <c:v>95.438898507810478</c:v>
                </c:pt>
                <c:pt idx="711">
                  <c:v>95.420802552111212</c:v>
                </c:pt>
                <c:pt idx="712">
                  <c:v>95.401341030134731</c:v>
                </c:pt>
                <c:pt idx="713">
                  <c:v>95.381879508158264</c:v>
                </c:pt>
                <c:pt idx="714">
                  <c:v>95.363783552458983</c:v>
                </c:pt>
                <c:pt idx="715">
                  <c:v>95.343590791766331</c:v>
                </c:pt>
                <c:pt idx="716">
                  <c:v>95.324860508506035</c:v>
                </c:pt>
                <c:pt idx="717">
                  <c:v>95.305350530951984</c:v>
                </c:pt>
                <c:pt idx="718">
                  <c:v>95.284523442698301</c:v>
                </c:pt>
                <c:pt idx="719">
                  <c:v>95.26574470386042</c:v>
                </c:pt>
                <c:pt idx="720">
                  <c:v>95.244869160029154</c:v>
                </c:pt>
                <c:pt idx="721">
                  <c:v>95.223993616197902</c:v>
                </c:pt>
                <c:pt idx="722">
                  <c:v>95.205210472307527</c:v>
                </c:pt>
                <c:pt idx="723">
                  <c:v>95.183652145337646</c:v>
                </c:pt>
                <c:pt idx="724">
                  <c:v>95.163507840222564</c:v>
                </c:pt>
                <c:pt idx="725">
                  <c:v>95.142632296391312</c:v>
                </c:pt>
                <c:pt idx="726">
                  <c:v>95.120391186282845</c:v>
                </c:pt>
                <c:pt idx="727">
                  <c:v>95.10161244744495</c:v>
                </c:pt>
                <c:pt idx="728">
                  <c:v>95.080054120475083</c:v>
                </c:pt>
                <c:pt idx="729">
                  <c:v>95.057813010366615</c:v>
                </c:pt>
                <c:pt idx="730">
                  <c:v>95.038351488390148</c:v>
                </c:pt>
                <c:pt idx="731">
                  <c:v>95.015374734513003</c:v>
                </c:pt>
                <c:pt idx="732">
                  <c:v>94.995230429397921</c:v>
                </c:pt>
                <c:pt idx="733">
                  <c:v>94.97435488556664</c:v>
                </c:pt>
                <c:pt idx="734">
                  <c:v>94.952113775458159</c:v>
                </c:pt>
                <c:pt idx="735">
                  <c:v>94.931238231626907</c:v>
                </c:pt>
                <c:pt idx="736">
                  <c:v>94.908997121518439</c:v>
                </c:pt>
                <c:pt idx="737">
                  <c:v>94.88675160635745</c:v>
                </c:pt>
                <c:pt idx="738">
                  <c:v>94.865876062526183</c:v>
                </c:pt>
                <c:pt idx="739">
                  <c:v>94.842903713701517</c:v>
                </c:pt>
                <c:pt idx="740">
                  <c:v>94.822076625447835</c:v>
                </c:pt>
                <c:pt idx="741">
                  <c:v>94.799104276623183</c:v>
                </c:pt>
                <c:pt idx="742">
                  <c:v>94.775444739607423</c:v>
                </c:pt>
                <c:pt idx="743">
                  <c:v>94.75393486821514</c:v>
                </c:pt>
                <c:pt idx="744">
                  <c:v>94.730279736251887</c:v>
                </c:pt>
                <c:pt idx="745">
                  <c:v>94.70803862614342</c:v>
                </c:pt>
                <c:pt idx="746">
                  <c:v>94.685749060457354</c:v>
                </c:pt>
                <c:pt idx="747">
                  <c:v>94.660723957164393</c:v>
                </c:pt>
                <c:pt idx="748">
                  <c:v>94.639165630194512</c:v>
                </c:pt>
                <c:pt idx="749">
                  <c:v>94.616241736947416</c:v>
                </c:pt>
                <c:pt idx="750">
                  <c:v>94.591903821845563</c:v>
                </c:pt>
                <c:pt idx="751">
                  <c:v>94.569609851107003</c:v>
                </c:pt>
                <c:pt idx="752">
                  <c:v>94.54527193600515</c:v>
                </c:pt>
                <c:pt idx="753">
                  <c:v>94.521665259619482</c:v>
                </c:pt>
                <c:pt idx="754">
                  <c:v>94.498688505742308</c:v>
                </c:pt>
                <c:pt idx="755">
                  <c:v>94.474350590640441</c:v>
                </c:pt>
                <c:pt idx="756">
                  <c:v>94.451426697393373</c:v>
                </c:pt>
                <c:pt idx="757">
                  <c:v>94.426357543575321</c:v>
                </c:pt>
                <c:pt idx="758">
                  <c:v>94.402015223420946</c:v>
                </c:pt>
                <c:pt idx="759">
                  <c:v>94.379091330173878</c:v>
                </c:pt>
                <c:pt idx="760">
                  <c:v>94.353339393217212</c:v>
                </c:pt>
                <c:pt idx="761">
                  <c:v>94.32972831177905</c:v>
                </c:pt>
                <c:pt idx="762">
                  <c:v>94.304707613538568</c:v>
                </c:pt>
                <c:pt idx="763">
                  <c:v>94.279638459720516</c:v>
                </c:pt>
                <c:pt idx="764">
                  <c:v>94.256714566473448</c:v>
                </c:pt>
                <c:pt idx="765">
                  <c:v>94.230275441325674</c:v>
                </c:pt>
                <c:pt idx="766">
                  <c:v>94.205937526223821</c:v>
                </c:pt>
                <c:pt idx="767">
                  <c:v>94.181595206069446</c:v>
                </c:pt>
                <c:pt idx="768">
                  <c:v>94.156574507828964</c:v>
                </c:pt>
                <c:pt idx="769">
                  <c:v>94.132919375865725</c:v>
                </c:pt>
                <c:pt idx="770">
                  <c:v>94.106480250717965</c:v>
                </c:pt>
                <c:pt idx="771">
                  <c:v>94.080045530622698</c:v>
                </c:pt>
                <c:pt idx="772">
                  <c:v>94.05712163737563</c:v>
                </c:pt>
                <c:pt idx="773">
                  <c:v>94.029999729089255</c:v>
                </c:pt>
                <c:pt idx="774">
                  <c:v>94.005661813987402</c:v>
                </c:pt>
                <c:pt idx="775">
                  <c:v>93.979909877030764</c:v>
                </c:pt>
                <c:pt idx="776">
                  <c:v>93.953519207460559</c:v>
                </c:pt>
                <c:pt idx="777">
                  <c:v>93.927767270503921</c:v>
                </c:pt>
                <c:pt idx="778">
                  <c:v>93.902059384072331</c:v>
                </c:pt>
                <c:pt idx="779">
                  <c:v>93.875624663977092</c:v>
                </c:pt>
                <c:pt idx="780">
                  <c:v>93.851286748875211</c:v>
                </c:pt>
                <c:pt idx="781">
                  <c:v>93.824164840588864</c:v>
                </c:pt>
                <c:pt idx="782">
                  <c:v>93.797730120493597</c:v>
                </c:pt>
                <c:pt idx="783">
                  <c:v>93.772705017200622</c:v>
                </c:pt>
                <c:pt idx="784">
                  <c:v>93.745587513966768</c:v>
                </c:pt>
                <c:pt idx="785">
                  <c:v>93.720566815726286</c:v>
                </c:pt>
                <c:pt idx="786">
                  <c:v>93.694127690578526</c:v>
                </c:pt>
                <c:pt idx="787">
                  <c:v>93.667692970483273</c:v>
                </c:pt>
                <c:pt idx="788">
                  <c:v>93.641985084051697</c:v>
                </c:pt>
                <c:pt idx="789">
                  <c:v>93.614136342101645</c:v>
                </c:pt>
                <c:pt idx="790">
                  <c:v>93.587750077583962</c:v>
                </c:pt>
                <c:pt idx="791">
                  <c:v>93.561993735574816</c:v>
                </c:pt>
                <c:pt idx="792">
                  <c:v>93.533462210486164</c:v>
                </c:pt>
                <c:pt idx="793">
                  <c:v>93.508437107193188</c:v>
                </c:pt>
                <c:pt idx="794">
                  <c:v>93.481319603959335</c:v>
                </c:pt>
                <c:pt idx="795">
                  <c:v>93.454197695672974</c:v>
                </c:pt>
                <c:pt idx="796">
                  <c:v>93.427762975577707</c:v>
                </c:pt>
                <c:pt idx="797">
                  <c:v>93.399958284152746</c:v>
                </c:pt>
                <c:pt idx="798">
                  <c:v>93.372840780918892</c:v>
                </c:pt>
                <c:pt idx="799">
                  <c:v>93.347137299539824</c:v>
                </c:pt>
                <c:pt idx="800">
                  <c:v>93.318601369398664</c:v>
                </c:pt>
                <c:pt idx="801">
                  <c:v>93.292166649303411</c:v>
                </c:pt>
                <c:pt idx="802">
                  <c:v>93.26504474101705</c:v>
                </c:pt>
                <c:pt idx="803">
                  <c:v>93.237244454644582</c:v>
                </c:pt>
                <c:pt idx="804">
                  <c:v>93.211536568213006</c:v>
                </c:pt>
                <c:pt idx="805">
                  <c:v>93.183005043124354</c:v>
                </c:pt>
                <c:pt idx="806">
                  <c:v>93.155883134837978</c:v>
                </c:pt>
                <c:pt idx="807">
                  <c:v>93.128765631604139</c:v>
                </c:pt>
                <c:pt idx="808">
                  <c:v>93.100229701462979</c:v>
                </c:pt>
                <c:pt idx="809">
                  <c:v>93.074526220083897</c:v>
                </c:pt>
                <c:pt idx="810">
                  <c:v>93.04599028994275</c:v>
                </c:pt>
                <c:pt idx="811">
                  <c:v>93.017507220431682</c:v>
                </c:pt>
                <c:pt idx="812">
                  <c:v>92.991068095283907</c:v>
                </c:pt>
                <c:pt idx="813">
                  <c:v>92.961853787056654</c:v>
                </c:pt>
                <c:pt idx="814">
                  <c:v>92.935414661908908</c:v>
                </c:pt>
                <c:pt idx="815">
                  <c:v>92.906248809259253</c:v>
                </c:pt>
                <c:pt idx="816">
                  <c:v>92.877030095979492</c:v>
                </c:pt>
                <c:pt idx="817">
                  <c:v>92.849912592745625</c:v>
                </c:pt>
                <c:pt idx="818">
                  <c:v>92.821376662604465</c:v>
                </c:pt>
                <c:pt idx="819">
                  <c:v>92.792893593093396</c:v>
                </c:pt>
                <c:pt idx="820">
                  <c:v>92.765088901668435</c:v>
                </c:pt>
                <c:pt idx="821">
                  <c:v>92.736557376579782</c:v>
                </c:pt>
                <c:pt idx="822">
                  <c:v>92.709435468293407</c:v>
                </c:pt>
                <c:pt idx="823">
                  <c:v>92.680903943204768</c:v>
                </c:pt>
                <c:pt idx="824">
                  <c:v>92.651733685502592</c:v>
                </c:pt>
                <c:pt idx="825">
                  <c:v>92.623884943552554</c:v>
                </c:pt>
                <c:pt idx="826">
                  <c:v>92.594714685850377</c:v>
                </c:pt>
                <c:pt idx="827">
                  <c:v>92.567597182616524</c:v>
                </c:pt>
                <c:pt idx="828">
                  <c:v>92.539061252475364</c:v>
                </c:pt>
                <c:pt idx="829">
                  <c:v>92.50984694424811</c:v>
                </c:pt>
                <c:pt idx="830">
                  <c:v>92.482725035961749</c:v>
                </c:pt>
                <c:pt idx="831">
                  <c:v>92.453506322681989</c:v>
                </c:pt>
                <c:pt idx="832">
                  <c:v>92.424340470032305</c:v>
                </c:pt>
                <c:pt idx="833">
                  <c:v>92.397218561745959</c:v>
                </c:pt>
                <c:pt idx="834">
                  <c:v>92.366590231663906</c:v>
                </c:pt>
                <c:pt idx="835">
                  <c:v>92.338785540238945</c:v>
                </c:pt>
                <c:pt idx="836">
                  <c:v>92.310985253866477</c:v>
                </c:pt>
                <c:pt idx="837">
                  <c:v>92.280352518731931</c:v>
                </c:pt>
                <c:pt idx="838">
                  <c:v>92.252552232359463</c:v>
                </c:pt>
                <c:pt idx="839">
                  <c:v>92.224064757795901</c:v>
                </c:pt>
                <c:pt idx="840">
                  <c:v>92.194850449568619</c:v>
                </c:pt>
                <c:pt idx="841">
                  <c:v>92.166997302566088</c:v>
                </c:pt>
                <c:pt idx="842">
                  <c:v>92.137095806147727</c:v>
                </c:pt>
                <c:pt idx="843">
                  <c:v>92.108612736636672</c:v>
                </c:pt>
                <c:pt idx="844">
                  <c:v>92.080808045211683</c:v>
                </c:pt>
                <c:pt idx="845">
                  <c:v>92.050179715129659</c:v>
                </c:pt>
                <c:pt idx="846">
                  <c:v>92.023057806843298</c:v>
                </c:pt>
                <c:pt idx="847">
                  <c:v>91.99316071547743</c:v>
                </c:pt>
                <c:pt idx="848">
                  <c:v>91.964673240913854</c:v>
                </c:pt>
                <c:pt idx="849">
                  <c:v>91.936824498963816</c:v>
                </c:pt>
                <c:pt idx="850">
                  <c:v>91.906923002545454</c:v>
                </c:pt>
                <c:pt idx="851">
                  <c:v>91.879122716172986</c:v>
                </c:pt>
                <c:pt idx="852">
                  <c:v>91.84990400289324</c:v>
                </c:pt>
                <c:pt idx="853">
                  <c:v>91.820733745191049</c:v>
                </c:pt>
                <c:pt idx="854">
                  <c:v>91.792885003241011</c:v>
                </c:pt>
                <c:pt idx="855">
                  <c:v>91.762983506822636</c:v>
                </c:pt>
                <c:pt idx="856">
                  <c:v>91.735183220450196</c:v>
                </c:pt>
                <c:pt idx="857">
                  <c:v>91.707378529025206</c:v>
                </c:pt>
                <c:pt idx="858">
                  <c:v>91.677481437659367</c:v>
                </c:pt>
                <c:pt idx="859">
                  <c:v>91.648945507518192</c:v>
                </c:pt>
                <c:pt idx="860">
                  <c:v>91.620413982429554</c:v>
                </c:pt>
                <c:pt idx="861">
                  <c:v>91.591926507865992</c:v>
                </c:pt>
                <c:pt idx="862">
                  <c:v>91.564809004632124</c:v>
                </c:pt>
                <c:pt idx="863">
                  <c:v>91.534907508213777</c:v>
                </c:pt>
                <c:pt idx="864">
                  <c:v>91.506375983125125</c:v>
                </c:pt>
                <c:pt idx="865">
                  <c:v>91.477888508561549</c:v>
                </c:pt>
                <c:pt idx="866">
                  <c:v>91.448669795281788</c:v>
                </c:pt>
                <c:pt idx="867">
                  <c:v>91.42086950890932</c:v>
                </c:pt>
                <c:pt idx="868">
                  <c:v>91.391650795629573</c:v>
                </c:pt>
                <c:pt idx="869">
                  <c:v>91.363119270540906</c:v>
                </c:pt>
                <c:pt idx="870">
                  <c:v>91.335314579115945</c:v>
                </c:pt>
                <c:pt idx="871">
                  <c:v>91.306100270888692</c:v>
                </c:pt>
                <c:pt idx="872">
                  <c:v>91.27761279632513</c:v>
                </c:pt>
                <c:pt idx="873">
                  <c:v>91.249812509952662</c:v>
                </c:pt>
                <c:pt idx="874">
                  <c:v>91.219862557956716</c:v>
                </c:pt>
                <c:pt idx="875">
                  <c:v>91.192745054722849</c:v>
                </c:pt>
                <c:pt idx="876">
                  <c:v>91.163574797020672</c:v>
                </c:pt>
                <c:pt idx="877">
                  <c:v>91.13504327193202</c:v>
                </c:pt>
                <c:pt idx="878">
                  <c:v>91.107921363645659</c:v>
                </c:pt>
                <c:pt idx="879">
                  <c:v>91.07870705541842</c:v>
                </c:pt>
                <c:pt idx="880">
                  <c:v>91.050219580854844</c:v>
                </c:pt>
                <c:pt idx="881">
                  <c:v>91.022366433852312</c:v>
                </c:pt>
                <c:pt idx="882">
                  <c:v>90.993200581202615</c:v>
                </c:pt>
                <c:pt idx="883">
                  <c:v>90.966078672916254</c:v>
                </c:pt>
                <c:pt idx="884">
                  <c:v>90.938229930966216</c:v>
                </c:pt>
                <c:pt idx="885">
                  <c:v>90.909742456402626</c:v>
                </c:pt>
                <c:pt idx="886">
                  <c:v>90.881942170030158</c:v>
                </c:pt>
                <c:pt idx="887">
                  <c:v>90.852723456750425</c:v>
                </c:pt>
                <c:pt idx="888">
                  <c:v>90.825605953516558</c:v>
                </c:pt>
                <c:pt idx="889">
                  <c:v>90.797070023375397</c:v>
                </c:pt>
                <c:pt idx="890">
                  <c:v>90.768586953864343</c:v>
                </c:pt>
                <c:pt idx="891">
                  <c:v>90.741465045577968</c:v>
                </c:pt>
                <c:pt idx="892">
                  <c:v>90.712933520489344</c:v>
                </c:pt>
                <c:pt idx="893">
                  <c:v>90.684446045925753</c:v>
                </c:pt>
                <c:pt idx="894">
                  <c:v>90.657328542691886</c:v>
                </c:pt>
                <c:pt idx="895">
                  <c:v>90.628109829412125</c:v>
                </c:pt>
                <c:pt idx="896">
                  <c:v>90.600992326178272</c:v>
                </c:pt>
                <c:pt idx="897">
                  <c:v>90.573139179175726</c:v>
                </c:pt>
                <c:pt idx="898">
                  <c:v>90.544656109664658</c:v>
                </c:pt>
                <c:pt idx="899">
                  <c:v>90.517534201378282</c:v>
                </c:pt>
                <c:pt idx="900">
                  <c:v>90.489733915005814</c:v>
                </c:pt>
                <c:pt idx="901">
                  <c:v>90.461880768003269</c:v>
                </c:pt>
                <c:pt idx="902">
                  <c:v>90.434763264769416</c:v>
                </c:pt>
                <c:pt idx="903">
                  <c:v>90.405593007067239</c:v>
                </c:pt>
                <c:pt idx="904">
                  <c:v>90.378427048255801</c:v>
                </c:pt>
                <c:pt idx="905">
                  <c:v>90.35130513996944</c:v>
                </c:pt>
                <c:pt idx="906">
                  <c:v>90.322822070458372</c:v>
                </c:pt>
                <c:pt idx="907">
                  <c:v>90.295700162171997</c:v>
                </c:pt>
                <c:pt idx="908">
                  <c:v>90.267899875799529</c:v>
                </c:pt>
                <c:pt idx="909">
                  <c:v>90.240046728796997</c:v>
                </c:pt>
                <c:pt idx="910">
                  <c:v>90.21292922556313</c:v>
                </c:pt>
                <c:pt idx="911">
                  <c:v>90.185124534138154</c:v>
                </c:pt>
                <c:pt idx="912">
                  <c:v>90.158007030904301</c:v>
                </c:pt>
                <c:pt idx="913">
                  <c:v>90.130206744531833</c:v>
                </c:pt>
                <c:pt idx="914">
                  <c:v>90.103084836245472</c:v>
                </c:pt>
                <c:pt idx="915">
                  <c:v>90.075967333011604</c:v>
                </c:pt>
                <c:pt idx="916">
                  <c:v>90.048114186009073</c:v>
                </c:pt>
                <c:pt idx="917">
                  <c:v>90.020313899636605</c:v>
                </c:pt>
                <c:pt idx="918">
                  <c:v>89.993191991350216</c:v>
                </c:pt>
                <c:pt idx="919">
                  <c:v>89.965391704977776</c:v>
                </c:pt>
                <c:pt idx="920">
                  <c:v>89.938952579830016</c:v>
                </c:pt>
                <c:pt idx="921">
                  <c:v>89.911835076596148</c:v>
                </c:pt>
                <c:pt idx="922">
                  <c:v>89.884030385171187</c:v>
                </c:pt>
                <c:pt idx="923">
                  <c:v>89.85759566507592</c:v>
                </c:pt>
                <c:pt idx="924">
                  <c:v>89.829059734934759</c:v>
                </c:pt>
                <c:pt idx="925">
                  <c:v>89.802673470417105</c:v>
                </c:pt>
                <c:pt idx="926">
                  <c:v>89.776917128407931</c:v>
                </c:pt>
                <c:pt idx="927">
                  <c:v>89.748434058896862</c:v>
                </c:pt>
                <c:pt idx="928">
                  <c:v>89.721999338801623</c:v>
                </c:pt>
                <c:pt idx="929">
                  <c:v>89.694877430515234</c:v>
                </c:pt>
                <c:pt idx="930">
                  <c:v>89.668442710419981</c:v>
                </c:pt>
                <c:pt idx="931">
                  <c:v>89.642003585272221</c:v>
                </c:pt>
                <c:pt idx="932">
                  <c:v>89.614886082038367</c:v>
                </c:pt>
                <c:pt idx="933">
                  <c:v>89.588495412468191</c:v>
                </c:pt>
                <c:pt idx="934">
                  <c:v>89.562060692372924</c:v>
                </c:pt>
                <c:pt idx="935">
                  <c:v>89.534938784086577</c:v>
                </c:pt>
                <c:pt idx="936">
                  <c:v>89.50850406399131</c:v>
                </c:pt>
                <c:pt idx="937">
                  <c:v>89.481386560757443</c:v>
                </c:pt>
                <c:pt idx="938">
                  <c:v>89.454947435609697</c:v>
                </c:pt>
                <c:pt idx="939">
                  <c:v>89.429243954230614</c:v>
                </c:pt>
                <c:pt idx="940">
                  <c:v>89.402804829082854</c:v>
                </c:pt>
                <c:pt idx="941">
                  <c:v>89.375687325849</c:v>
                </c:pt>
                <c:pt idx="942">
                  <c:v>89.349935388892348</c:v>
                </c:pt>
                <c:pt idx="943">
                  <c:v>89.322813480605973</c:v>
                </c:pt>
                <c:pt idx="944">
                  <c:v>89.297109999226905</c:v>
                </c:pt>
                <c:pt idx="945">
                  <c:v>89.269988090940544</c:v>
                </c:pt>
                <c:pt idx="946">
                  <c:v>89.243553370845277</c:v>
                </c:pt>
                <c:pt idx="947">
                  <c:v>89.217845484413715</c:v>
                </c:pt>
                <c:pt idx="948">
                  <c:v>89.192093547457048</c:v>
                </c:pt>
                <c:pt idx="949">
                  <c:v>89.16565882736181</c:v>
                </c:pt>
                <c:pt idx="950">
                  <c:v>89.139268157791619</c:v>
                </c:pt>
                <c:pt idx="951">
                  <c:v>89.112833437696352</c:v>
                </c:pt>
                <c:pt idx="952">
                  <c:v>89.087759878825793</c:v>
                </c:pt>
                <c:pt idx="953">
                  <c:v>89.060642375591954</c:v>
                </c:pt>
                <c:pt idx="954">
                  <c:v>89.034938894212871</c:v>
                </c:pt>
                <c:pt idx="955">
                  <c:v>89.009182552203725</c:v>
                </c:pt>
                <c:pt idx="956">
                  <c:v>88.982796287686043</c:v>
                </c:pt>
                <c:pt idx="957">
                  <c:v>88.957722728815483</c:v>
                </c:pt>
                <c:pt idx="958">
                  <c:v>88.932019247436415</c:v>
                </c:pt>
                <c:pt idx="959">
                  <c:v>88.905584527341176</c:v>
                </c:pt>
                <c:pt idx="960">
                  <c:v>88.879876640909586</c:v>
                </c:pt>
                <c:pt idx="961">
                  <c:v>88.853441920814319</c:v>
                </c:pt>
                <c:pt idx="962">
                  <c:v>88.827685578805173</c:v>
                </c:pt>
                <c:pt idx="963">
                  <c:v>88.801982097426105</c:v>
                </c:pt>
                <c:pt idx="964">
                  <c:v>88.776230160469439</c:v>
                </c:pt>
                <c:pt idx="965">
                  <c:v>88.751205057176477</c:v>
                </c:pt>
                <c:pt idx="966">
                  <c:v>88.72477033708121</c:v>
                </c:pt>
                <c:pt idx="967">
                  <c:v>88.699066855702156</c:v>
                </c:pt>
                <c:pt idx="968">
                  <c:v>88.673310513692982</c:v>
                </c:pt>
                <c:pt idx="969">
                  <c:v>88.647607032313914</c:v>
                </c:pt>
                <c:pt idx="970">
                  <c:v>88.622581929020939</c:v>
                </c:pt>
                <c:pt idx="971">
                  <c:v>88.597512775202887</c:v>
                </c:pt>
                <c:pt idx="972">
                  <c:v>88.571126510685218</c:v>
                </c:pt>
                <c:pt idx="973">
                  <c:v>88.546784190530843</c:v>
                </c:pt>
                <c:pt idx="974">
                  <c:v>88.520349470435605</c:v>
                </c:pt>
                <c:pt idx="975">
                  <c:v>88.495328772195137</c:v>
                </c:pt>
                <c:pt idx="976">
                  <c:v>88.470255213324577</c:v>
                </c:pt>
                <c:pt idx="977">
                  <c:v>88.444551731945495</c:v>
                </c:pt>
                <c:pt idx="978">
                  <c:v>88.418795389936335</c:v>
                </c:pt>
                <c:pt idx="979">
                  <c:v>88.394457474834482</c:v>
                </c:pt>
                <c:pt idx="980">
                  <c:v>88.3687539934554</c:v>
                </c:pt>
                <c:pt idx="981">
                  <c:v>88.343728890162438</c:v>
                </c:pt>
                <c:pt idx="982">
                  <c:v>88.317976953205772</c:v>
                </c:pt>
                <c:pt idx="983">
                  <c:v>88.292956254965318</c:v>
                </c:pt>
                <c:pt idx="984">
                  <c:v>88.267199912956158</c:v>
                </c:pt>
                <c:pt idx="985">
                  <c:v>88.24149643157709</c:v>
                </c:pt>
                <c:pt idx="986">
                  <c:v>88.217158516475209</c:v>
                </c:pt>
                <c:pt idx="987">
                  <c:v>88.192084957604663</c:v>
                </c:pt>
                <c:pt idx="988">
                  <c:v>88.166381476225595</c:v>
                </c:pt>
                <c:pt idx="989">
                  <c:v>88.142043561123728</c:v>
                </c:pt>
                <c:pt idx="990">
                  <c:v>88.115604435975968</c:v>
                </c:pt>
                <c:pt idx="991">
                  <c:v>88.0905837377355</c:v>
                </c:pt>
                <c:pt idx="992">
                  <c:v>88.066241417581125</c:v>
                </c:pt>
                <c:pt idx="993">
                  <c:v>88.039806697485872</c:v>
                </c:pt>
                <c:pt idx="994">
                  <c:v>88.015468782384005</c:v>
                </c:pt>
                <c:pt idx="995">
                  <c:v>87.990443679091044</c:v>
                </c:pt>
                <c:pt idx="996">
                  <c:v>87.964691742134391</c:v>
                </c:pt>
                <c:pt idx="997">
                  <c:v>87.940353827032524</c:v>
                </c:pt>
                <c:pt idx="998">
                  <c:v>87.915328723739549</c:v>
                </c:pt>
                <c:pt idx="999">
                  <c:v>87.890308025499081</c:v>
                </c:pt>
                <c:pt idx="1000">
                  <c:v>87.865287327258613</c:v>
                </c:pt>
                <c:pt idx="1001">
                  <c:v>87.840213768388054</c:v>
                </c:pt>
                <c:pt idx="1002">
                  <c:v>87.815875853286201</c:v>
                </c:pt>
                <c:pt idx="1003">
                  <c:v>87.790172371907133</c:v>
                </c:pt>
                <c:pt idx="1004">
                  <c:v>87.765830051752758</c:v>
                </c:pt>
                <c:pt idx="1005">
                  <c:v>87.741492136650876</c:v>
                </c:pt>
                <c:pt idx="1006">
                  <c:v>87.716471438410423</c:v>
                </c:pt>
                <c:pt idx="1007">
                  <c:v>87.692129118256062</c:v>
                </c:pt>
                <c:pt idx="1008">
                  <c:v>87.667059964437996</c:v>
                </c:pt>
                <c:pt idx="1009">
                  <c:v>87.642039266197528</c:v>
                </c:pt>
                <c:pt idx="1010">
                  <c:v>87.617014162904567</c:v>
                </c:pt>
                <c:pt idx="1011">
                  <c:v>87.591262225947901</c:v>
                </c:pt>
                <c:pt idx="1012">
                  <c:v>87.566924310846048</c:v>
                </c:pt>
                <c:pt idx="1013">
                  <c:v>87.541899207553072</c:v>
                </c:pt>
                <c:pt idx="1014">
                  <c:v>87.517561292451205</c:v>
                </c:pt>
                <c:pt idx="1015">
                  <c:v>87.492540594210752</c:v>
                </c:pt>
                <c:pt idx="1016">
                  <c:v>87.468198274056377</c:v>
                </c:pt>
                <c:pt idx="1017">
                  <c:v>87.442446337099724</c:v>
                </c:pt>
                <c:pt idx="1018">
                  <c:v>87.418108421997857</c:v>
                </c:pt>
                <c:pt idx="1019">
                  <c:v>87.393766101843482</c:v>
                </c:pt>
                <c:pt idx="1020">
                  <c:v>87.368745403603015</c:v>
                </c:pt>
                <c:pt idx="1021">
                  <c:v>87.344407488501162</c:v>
                </c:pt>
                <c:pt idx="1022">
                  <c:v>87.319382385208186</c:v>
                </c:pt>
                <c:pt idx="1023">
                  <c:v>87.295044470106319</c:v>
                </c:pt>
                <c:pt idx="1024">
                  <c:v>87.270023771865851</c:v>
                </c:pt>
                <c:pt idx="1025">
                  <c:v>87.244950212995306</c:v>
                </c:pt>
                <c:pt idx="1026">
                  <c:v>87.221343536609609</c:v>
                </c:pt>
                <c:pt idx="1027">
                  <c:v>87.196274382791572</c:v>
                </c:pt>
                <c:pt idx="1028">
                  <c:v>87.171249279498596</c:v>
                </c:pt>
                <c:pt idx="1029">
                  <c:v>87.146911364396729</c:v>
                </c:pt>
                <c:pt idx="1030">
                  <c:v>87.121890666156276</c:v>
                </c:pt>
                <c:pt idx="1031">
                  <c:v>87.097548346001901</c:v>
                </c:pt>
                <c:pt idx="1032">
                  <c:v>87.072527647761419</c:v>
                </c:pt>
                <c:pt idx="1033">
                  <c:v>87.048872515798166</c:v>
                </c:pt>
                <c:pt idx="1034">
                  <c:v>87.024530195643806</c:v>
                </c:pt>
                <c:pt idx="1035">
                  <c:v>86.998778258687139</c:v>
                </c:pt>
                <c:pt idx="1036">
                  <c:v>86.974440343585286</c:v>
                </c:pt>
                <c:pt idx="1037">
                  <c:v>86.950829262147096</c:v>
                </c:pt>
                <c:pt idx="1038">
                  <c:v>86.925760108329044</c:v>
                </c:pt>
                <c:pt idx="1039">
                  <c:v>86.900739410088576</c:v>
                </c:pt>
                <c:pt idx="1040">
                  <c:v>86.876397089934216</c:v>
                </c:pt>
                <c:pt idx="1041">
                  <c:v>86.851376391693734</c:v>
                </c:pt>
                <c:pt idx="1042">
                  <c:v>86.827038476591881</c:v>
                </c:pt>
                <c:pt idx="1043">
                  <c:v>86.802013373298905</c:v>
                </c:pt>
                <c:pt idx="1044">
                  <c:v>86.776944219480853</c:v>
                </c:pt>
                <c:pt idx="1045">
                  <c:v>86.753337543095185</c:v>
                </c:pt>
                <c:pt idx="1046">
                  <c:v>86.728999627993318</c:v>
                </c:pt>
                <c:pt idx="1047">
                  <c:v>86.704657307838929</c:v>
                </c:pt>
                <c:pt idx="1048">
                  <c:v>86.679636609598461</c:v>
                </c:pt>
                <c:pt idx="1049">
                  <c:v>86.653880267589315</c:v>
                </c:pt>
                <c:pt idx="1050">
                  <c:v>86.630956374342233</c:v>
                </c:pt>
                <c:pt idx="1051">
                  <c:v>86.605204437385581</c:v>
                </c:pt>
                <c:pt idx="1052">
                  <c:v>86.581549305422328</c:v>
                </c:pt>
                <c:pt idx="1053">
                  <c:v>86.556524202129367</c:v>
                </c:pt>
                <c:pt idx="1054">
                  <c:v>86.532186287027486</c:v>
                </c:pt>
                <c:pt idx="1055">
                  <c:v>86.507848371925618</c:v>
                </c:pt>
                <c:pt idx="1056">
                  <c:v>86.482823268632657</c:v>
                </c:pt>
                <c:pt idx="1057">
                  <c:v>86.45780257039219</c:v>
                </c:pt>
                <c:pt idx="1058">
                  <c:v>86.432733416574138</c:v>
                </c:pt>
                <c:pt idx="1059">
                  <c:v>86.407708313281162</c:v>
                </c:pt>
                <c:pt idx="1060">
                  <c:v>86.383370398179295</c:v>
                </c:pt>
                <c:pt idx="1061">
                  <c:v>86.358349699938842</c:v>
                </c:pt>
                <c:pt idx="1062">
                  <c:v>86.333324596645852</c:v>
                </c:pt>
                <c:pt idx="1063">
                  <c:v>86.308255442827814</c:v>
                </c:pt>
                <c:pt idx="1064">
                  <c:v>86.283234744587332</c:v>
                </c:pt>
                <c:pt idx="1065">
                  <c:v>86.258209641294357</c:v>
                </c:pt>
                <c:pt idx="1066">
                  <c:v>86.233871726192504</c:v>
                </c:pt>
                <c:pt idx="1067">
                  <c:v>86.208115384183358</c:v>
                </c:pt>
                <c:pt idx="1068">
                  <c:v>86.184508707797661</c:v>
                </c:pt>
                <c:pt idx="1069">
                  <c:v>86.160170792695808</c:v>
                </c:pt>
                <c:pt idx="1070">
                  <c:v>86.135101638877742</c:v>
                </c:pt>
                <c:pt idx="1071">
                  <c:v>86.110759318723368</c:v>
                </c:pt>
                <c:pt idx="1072">
                  <c:v>86.085055837344314</c:v>
                </c:pt>
                <c:pt idx="1073">
                  <c:v>86.060035139103832</c:v>
                </c:pt>
                <c:pt idx="1074">
                  <c:v>86.034278797094686</c:v>
                </c:pt>
                <c:pt idx="1075">
                  <c:v>86.008526860138048</c:v>
                </c:pt>
                <c:pt idx="1076">
                  <c:v>85.983501756845058</c:v>
                </c:pt>
                <c:pt idx="1077">
                  <c:v>85.95779827546599</c:v>
                </c:pt>
                <c:pt idx="1078">
                  <c:v>85.932729121647938</c:v>
                </c:pt>
                <c:pt idx="1079">
                  <c:v>85.908386801493563</c:v>
                </c:pt>
                <c:pt idx="1080">
                  <c:v>85.882683320114495</c:v>
                </c:pt>
                <c:pt idx="1081">
                  <c:v>85.857662621874027</c:v>
                </c:pt>
                <c:pt idx="1082">
                  <c:v>85.833320301719667</c:v>
                </c:pt>
                <c:pt idx="1083">
                  <c:v>85.8068855816244</c:v>
                </c:pt>
                <c:pt idx="1084">
                  <c:v>85.781864883383946</c:v>
                </c:pt>
                <c:pt idx="1085">
                  <c:v>85.756108541374772</c:v>
                </c:pt>
                <c:pt idx="1086">
                  <c:v>85.731087843134318</c:v>
                </c:pt>
                <c:pt idx="1087">
                  <c:v>85.706067144893836</c:v>
                </c:pt>
                <c:pt idx="1088">
                  <c:v>85.680310802884691</c:v>
                </c:pt>
                <c:pt idx="1089">
                  <c:v>85.654607321505623</c:v>
                </c:pt>
                <c:pt idx="1090">
                  <c:v>85.629533762635063</c:v>
                </c:pt>
                <c:pt idx="1091">
                  <c:v>85.604513064394595</c:v>
                </c:pt>
                <c:pt idx="1092">
                  <c:v>85.579492366154128</c:v>
                </c:pt>
                <c:pt idx="1093">
                  <c:v>85.553736024144968</c:v>
                </c:pt>
                <c:pt idx="1094">
                  <c:v>85.5287153259045</c:v>
                </c:pt>
                <c:pt idx="1095">
                  <c:v>85.503694627664018</c:v>
                </c:pt>
                <c:pt idx="1096">
                  <c:v>85.477255502516272</c:v>
                </c:pt>
                <c:pt idx="1097">
                  <c:v>85.452234804275804</c:v>
                </c:pt>
                <c:pt idx="1098">
                  <c:v>85.427214106035336</c:v>
                </c:pt>
                <c:pt idx="1099">
                  <c:v>85.400774980887576</c:v>
                </c:pt>
                <c:pt idx="1100">
                  <c:v>85.375754282647108</c:v>
                </c:pt>
                <c:pt idx="1101">
                  <c:v>85.350680723776549</c:v>
                </c:pt>
                <c:pt idx="1102">
                  <c:v>85.324977242397466</c:v>
                </c:pt>
                <c:pt idx="1103">
                  <c:v>85.299225305440842</c:v>
                </c:pt>
                <c:pt idx="1104">
                  <c:v>85.273517419009252</c:v>
                </c:pt>
                <c:pt idx="1105">
                  <c:v>85.249179503907385</c:v>
                </c:pt>
                <c:pt idx="1106">
                  <c:v>85.222740378759624</c:v>
                </c:pt>
                <c:pt idx="1107">
                  <c:v>85.197036897380542</c:v>
                </c:pt>
                <c:pt idx="1108">
                  <c:v>85.171967743562519</c:v>
                </c:pt>
                <c:pt idx="1109">
                  <c:v>85.145577073992328</c:v>
                </c:pt>
                <c:pt idx="1110">
                  <c:v>85.119825137035662</c:v>
                </c:pt>
                <c:pt idx="1111">
                  <c:v>85.094804438795208</c:v>
                </c:pt>
                <c:pt idx="1112">
                  <c:v>85.069048096786048</c:v>
                </c:pt>
                <c:pt idx="1113">
                  <c:v>85.043344615406966</c:v>
                </c:pt>
                <c:pt idx="1114">
                  <c:v>85.01758827339782</c:v>
                </c:pt>
                <c:pt idx="1115">
                  <c:v>84.991202008880137</c:v>
                </c:pt>
                <c:pt idx="1116">
                  <c:v>84.966132855062099</c:v>
                </c:pt>
                <c:pt idx="1117">
                  <c:v>84.939693729914325</c:v>
                </c:pt>
                <c:pt idx="1118">
                  <c:v>84.913990248535271</c:v>
                </c:pt>
                <c:pt idx="1119">
                  <c:v>84.887551123387482</c:v>
                </c:pt>
                <c:pt idx="1120">
                  <c:v>84.861847642008428</c:v>
                </c:pt>
                <c:pt idx="1121">
                  <c:v>84.836095705051775</c:v>
                </c:pt>
                <c:pt idx="1122">
                  <c:v>84.808973796765414</c:v>
                </c:pt>
                <c:pt idx="1123">
                  <c:v>84.782539076670147</c:v>
                </c:pt>
                <c:pt idx="1124">
                  <c:v>84.756831190238572</c:v>
                </c:pt>
                <c:pt idx="1125">
                  <c:v>84.731079253281919</c:v>
                </c:pt>
                <c:pt idx="1126">
                  <c:v>84.704692988764251</c:v>
                </c:pt>
                <c:pt idx="1127">
                  <c:v>84.67825386361649</c:v>
                </c:pt>
                <c:pt idx="1128">
                  <c:v>84.651819143521237</c:v>
                </c:pt>
                <c:pt idx="1129">
                  <c:v>84.625380018373463</c:v>
                </c:pt>
                <c:pt idx="1130">
                  <c:v>84.598993753855794</c:v>
                </c:pt>
                <c:pt idx="1131">
                  <c:v>84.572559033760527</c:v>
                </c:pt>
                <c:pt idx="1132">
                  <c:v>84.546119908612781</c:v>
                </c:pt>
                <c:pt idx="1133">
                  <c:v>84.519002405378913</c:v>
                </c:pt>
                <c:pt idx="1134">
                  <c:v>84.492563280231153</c:v>
                </c:pt>
                <c:pt idx="1135">
                  <c:v>84.4661285601359</c:v>
                </c:pt>
                <c:pt idx="1136">
                  <c:v>84.439006651849539</c:v>
                </c:pt>
                <c:pt idx="1137">
                  <c:v>84.411889148615671</c:v>
                </c:pt>
                <c:pt idx="1138">
                  <c:v>84.385498479045481</c:v>
                </c:pt>
                <c:pt idx="1139">
                  <c:v>84.358380975811627</c:v>
                </c:pt>
                <c:pt idx="1140">
                  <c:v>84.332629038854975</c:v>
                </c:pt>
                <c:pt idx="1141">
                  <c:v>84.304824347429999</c:v>
                </c:pt>
                <c:pt idx="1142">
                  <c:v>84.277706844196146</c:v>
                </c:pt>
                <c:pt idx="1143">
                  <c:v>84.250584935909785</c:v>
                </c:pt>
                <c:pt idx="1144">
                  <c:v>84.222784649537317</c:v>
                </c:pt>
                <c:pt idx="1145">
                  <c:v>84.196345524389557</c:v>
                </c:pt>
                <c:pt idx="1146">
                  <c:v>84.169228021155703</c:v>
                </c:pt>
                <c:pt idx="1147">
                  <c:v>84.141374874153158</c:v>
                </c:pt>
                <c:pt idx="1148">
                  <c:v>84.11425737091929</c:v>
                </c:pt>
                <c:pt idx="1149">
                  <c:v>84.087135462632915</c:v>
                </c:pt>
                <c:pt idx="1150">
                  <c:v>84.060017959399048</c:v>
                </c:pt>
                <c:pt idx="1151">
                  <c:v>84.0322132679741</c:v>
                </c:pt>
                <c:pt idx="1152">
                  <c:v>84.003730198463032</c:v>
                </c:pt>
                <c:pt idx="1153">
                  <c:v>83.977295478367779</c:v>
                </c:pt>
                <c:pt idx="1154">
                  <c:v>83.949490786942789</c:v>
                </c:pt>
                <c:pt idx="1155">
                  <c:v>83.921637639940258</c:v>
                </c:pt>
                <c:pt idx="1156">
                  <c:v>83.89383735356779</c:v>
                </c:pt>
                <c:pt idx="1157">
                  <c:v>83.866037067195322</c:v>
                </c:pt>
                <c:pt idx="1158">
                  <c:v>83.838183920192776</c:v>
                </c:pt>
                <c:pt idx="1159">
                  <c:v>83.810383633820322</c:v>
                </c:pt>
                <c:pt idx="1160">
                  <c:v>83.781896159256746</c:v>
                </c:pt>
                <c:pt idx="1161">
                  <c:v>83.754043012254186</c:v>
                </c:pt>
                <c:pt idx="1162">
                  <c:v>83.725559942743118</c:v>
                </c:pt>
                <c:pt idx="1163">
                  <c:v>83.698442439509265</c:v>
                </c:pt>
                <c:pt idx="1164">
                  <c:v>83.670589292506705</c:v>
                </c:pt>
                <c:pt idx="1165">
                  <c:v>83.641419034804528</c:v>
                </c:pt>
                <c:pt idx="1166">
                  <c:v>83.61357029285449</c:v>
                </c:pt>
                <c:pt idx="1167">
                  <c:v>83.585082818290914</c:v>
                </c:pt>
                <c:pt idx="1168">
                  <c:v>83.557282531918446</c:v>
                </c:pt>
                <c:pt idx="1169">
                  <c:v>83.528746601777314</c:v>
                </c:pt>
                <c:pt idx="1170">
                  <c:v>83.500263532266231</c:v>
                </c:pt>
                <c:pt idx="1171">
                  <c:v>83.471727602125071</c:v>
                </c:pt>
                <c:pt idx="1172">
                  <c:v>83.443927315752603</c:v>
                </c:pt>
                <c:pt idx="1173">
                  <c:v>83.415391385611471</c:v>
                </c:pt>
                <c:pt idx="1174">
                  <c:v>83.386177077384204</c:v>
                </c:pt>
                <c:pt idx="1175">
                  <c:v>83.357006819682027</c:v>
                </c:pt>
                <c:pt idx="1176">
                  <c:v>83.329158077732004</c:v>
                </c:pt>
                <c:pt idx="1177">
                  <c:v>83.300670603168413</c:v>
                </c:pt>
                <c:pt idx="1178">
                  <c:v>83.27077351180256</c:v>
                </c:pt>
                <c:pt idx="1179">
                  <c:v>83.242237581661414</c:v>
                </c:pt>
                <c:pt idx="1180">
                  <c:v>83.213750107097837</c:v>
                </c:pt>
                <c:pt idx="1181">
                  <c:v>83.18453579887057</c:v>
                </c:pt>
                <c:pt idx="1182">
                  <c:v>83.155999868729438</c:v>
                </c:pt>
                <c:pt idx="1183">
                  <c:v>83.126785560502171</c:v>
                </c:pt>
                <c:pt idx="1184">
                  <c:v>83.09761530279998</c:v>
                </c:pt>
                <c:pt idx="1185">
                  <c:v>83.068400994572741</c:v>
                </c:pt>
                <c:pt idx="1186">
                  <c:v>83.039182281292995</c:v>
                </c:pt>
                <c:pt idx="1187">
                  <c:v>83.009963568013234</c:v>
                </c:pt>
                <c:pt idx="1188">
                  <c:v>82.980797715363565</c:v>
                </c:pt>
                <c:pt idx="1189">
                  <c:v>82.950847763367619</c:v>
                </c:pt>
                <c:pt idx="1190">
                  <c:v>82.920950672001766</c:v>
                </c:pt>
                <c:pt idx="1191">
                  <c:v>82.891780414299589</c:v>
                </c:pt>
                <c:pt idx="1192">
                  <c:v>82.862566106072336</c:v>
                </c:pt>
                <c:pt idx="1193">
                  <c:v>82.833347392792575</c:v>
                </c:pt>
                <c:pt idx="1194">
                  <c:v>82.804128679512829</c:v>
                </c:pt>
                <c:pt idx="1195">
                  <c:v>82.774914371285575</c:v>
                </c:pt>
                <c:pt idx="1196">
                  <c:v>82.7450128748672</c:v>
                </c:pt>
                <c:pt idx="1197">
                  <c:v>82.715115783501361</c:v>
                </c:pt>
                <c:pt idx="1198">
                  <c:v>82.68594552579917</c:v>
                </c:pt>
                <c:pt idx="1199">
                  <c:v>82.655312790664624</c:v>
                </c:pt>
                <c:pt idx="1200">
                  <c:v>82.626098482437385</c:v>
                </c:pt>
                <c:pt idx="1201">
                  <c:v>82.596928224735194</c:v>
                </c:pt>
                <c:pt idx="1202">
                  <c:v>82.56629989465317</c:v>
                </c:pt>
                <c:pt idx="1203">
                  <c:v>82.536398398234795</c:v>
                </c:pt>
                <c:pt idx="1204">
                  <c:v>82.505814118677847</c:v>
                </c:pt>
                <c:pt idx="1205">
                  <c:v>82.475917027311965</c:v>
                </c:pt>
                <c:pt idx="1206">
                  <c:v>82.446015530893618</c:v>
                </c:pt>
                <c:pt idx="1207">
                  <c:v>82.416118439527764</c:v>
                </c:pt>
                <c:pt idx="1208">
                  <c:v>82.385534159970803</c:v>
                </c:pt>
                <c:pt idx="1209">
                  <c:v>82.354901424836257</c:v>
                </c:pt>
                <c:pt idx="1210">
                  <c:v>82.325004333470403</c:v>
                </c:pt>
                <c:pt idx="1211">
                  <c:v>82.295102837052028</c:v>
                </c:pt>
                <c:pt idx="1212">
                  <c:v>82.265201340633666</c:v>
                </c:pt>
                <c:pt idx="1213">
                  <c:v>82.233938682990612</c:v>
                </c:pt>
                <c:pt idx="1214">
                  <c:v>82.203988730994666</c:v>
                </c:pt>
                <c:pt idx="1215">
                  <c:v>82.174087234576305</c:v>
                </c:pt>
                <c:pt idx="1216">
                  <c:v>82.142824576933251</c:v>
                </c:pt>
                <c:pt idx="1217">
                  <c:v>82.112240297376275</c:v>
                </c:pt>
                <c:pt idx="1218">
                  <c:v>82.081611967294236</c:v>
                </c:pt>
                <c:pt idx="1219">
                  <c:v>82.05034490459866</c:v>
                </c:pt>
                <c:pt idx="1220">
                  <c:v>82.019712169464128</c:v>
                </c:pt>
                <c:pt idx="1221">
                  <c:v>81.989132294959674</c:v>
                </c:pt>
                <c:pt idx="1222">
                  <c:v>81.957816776686528</c:v>
                </c:pt>
                <c:pt idx="1223">
                  <c:v>81.927232497129566</c:v>
                </c:pt>
                <c:pt idx="1224">
                  <c:v>81.895234195717791</c:v>
                </c:pt>
                <c:pt idx="1225">
                  <c:v>81.865337104351951</c:v>
                </c:pt>
                <c:pt idx="1226">
                  <c:v>81.834070041656375</c:v>
                </c:pt>
                <c:pt idx="1227">
                  <c:v>81.802758928435736</c:v>
                </c:pt>
                <c:pt idx="1228">
                  <c:v>81.77149186574016</c:v>
                </c:pt>
                <c:pt idx="1229">
                  <c:v>81.740176347467013</c:v>
                </c:pt>
                <c:pt idx="1230">
                  <c:v>81.708860829193867</c:v>
                </c:pt>
                <c:pt idx="1231">
                  <c:v>81.677598171550798</c:v>
                </c:pt>
                <c:pt idx="1232">
                  <c:v>81.647013891993836</c:v>
                </c:pt>
                <c:pt idx="1233">
                  <c:v>81.61569837372069</c:v>
                </c:pt>
                <c:pt idx="1234">
                  <c:v>81.584387260500037</c:v>
                </c:pt>
                <c:pt idx="1235">
                  <c:v>81.552437414665874</c:v>
                </c:pt>
                <c:pt idx="1236">
                  <c:v>81.521121896392714</c:v>
                </c:pt>
                <c:pt idx="1237">
                  <c:v>81.489859238749645</c:v>
                </c:pt>
                <c:pt idx="1238">
                  <c:v>81.459226503615099</c:v>
                </c:pt>
                <c:pt idx="1239">
                  <c:v>81.427959440919537</c:v>
                </c:pt>
                <c:pt idx="1240">
                  <c:v>81.397331110837513</c:v>
                </c:pt>
                <c:pt idx="1241">
                  <c:v>81.365381265003336</c:v>
                </c:pt>
                <c:pt idx="1242">
                  <c:v>81.333382963591561</c:v>
                </c:pt>
                <c:pt idx="1243">
                  <c:v>81.302071850370936</c:v>
                </c:pt>
                <c:pt idx="1244">
                  <c:v>81.270073548959189</c:v>
                </c:pt>
                <c:pt idx="1245">
                  <c:v>81.239489269402213</c:v>
                </c:pt>
                <c:pt idx="1246">
                  <c:v>81.20817815618156</c:v>
                </c:pt>
                <c:pt idx="1247">
                  <c:v>81.176228310347398</c:v>
                </c:pt>
                <c:pt idx="1248">
                  <c:v>81.144230008935651</c:v>
                </c:pt>
                <c:pt idx="1249">
                  <c:v>81.11223170752389</c:v>
                </c:pt>
                <c:pt idx="1250">
                  <c:v>81.080237811164636</c:v>
                </c:pt>
                <c:pt idx="1251">
                  <c:v>81.048970748469074</c:v>
                </c:pt>
                <c:pt idx="1252">
                  <c:v>81.017655230195928</c:v>
                </c:pt>
                <c:pt idx="1253">
                  <c:v>80.985661333836674</c:v>
                </c:pt>
                <c:pt idx="1254">
                  <c:v>80.955077054279698</c:v>
                </c:pt>
                <c:pt idx="1255">
                  <c:v>80.923078752867966</c:v>
                </c:pt>
                <c:pt idx="1256">
                  <c:v>80.891080451456205</c:v>
                </c:pt>
                <c:pt idx="1257">
                  <c:v>80.859817793813136</c:v>
                </c:pt>
                <c:pt idx="1258">
                  <c:v>80.828502275539989</c:v>
                </c:pt>
                <c:pt idx="1259">
                  <c:v>80.796503974128228</c:v>
                </c:pt>
                <c:pt idx="1260">
                  <c:v>80.764510077769003</c:v>
                </c:pt>
                <c:pt idx="1261">
                  <c:v>80.733925798212027</c:v>
                </c:pt>
                <c:pt idx="1262">
                  <c:v>80.702658735516451</c:v>
                </c:pt>
                <c:pt idx="1263">
                  <c:v>80.670664839157212</c:v>
                </c:pt>
                <c:pt idx="1264">
                  <c:v>80.639349320884065</c:v>
                </c:pt>
                <c:pt idx="1265">
                  <c:v>80.608082258188489</c:v>
                </c:pt>
                <c:pt idx="1266">
                  <c:v>80.57677114496785</c:v>
                </c:pt>
                <c:pt idx="1267">
                  <c:v>80.545504082272274</c:v>
                </c:pt>
                <c:pt idx="1268">
                  <c:v>80.513505780860541</c:v>
                </c:pt>
                <c:pt idx="1269">
                  <c:v>80.482873045725995</c:v>
                </c:pt>
                <c:pt idx="1270">
                  <c:v>80.451610388082912</c:v>
                </c:pt>
                <c:pt idx="1271">
                  <c:v>80.420294869809766</c:v>
                </c:pt>
                <c:pt idx="1272">
                  <c:v>80.389714995305312</c:v>
                </c:pt>
                <c:pt idx="1273">
                  <c:v>80.35913071574835</c:v>
                </c:pt>
                <c:pt idx="1274">
                  <c:v>80.327132414336575</c:v>
                </c:pt>
                <c:pt idx="1275">
                  <c:v>80.296552539832135</c:v>
                </c:pt>
                <c:pt idx="1276">
                  <c:v>80.265237021558988</c:v>
                </c:pt>
                <c:pt idx="1277">
                  <c:v>80.234652742002012</c:v>
                </c:pt>
                <c:pt idx="1278">
                  <c:v>80.204024411919974</c:v>
                </c:pt>
                <c:pt idx="1279">
                  <c:v>80.172026110508227</c:v>
                </c:pt>
                <c:pt idx="1280">
                  <c:v>80.142124614089866</c:v>
                </c:pt>
                <c:pt idx="1281">
                  <c:v>80.110861956446797</c:v>
                </c:pt>
                <c:pt idx="1282">
                  <c:v>80.080960460028436</c:v>
                </c:pt>
                <c:pt idx="1283">
                  <c:v>80.050376180471474</c:v>
                </c:pt>
                <c:pt idx="1284">
                  <c:v>80.019747850389436</c:v>
                </c:pt>
                <c:pt idx="1285">
                  <c:v>79.989163570832474</c:v>
                </c:pt>
                <c:pt idx="1286">
                  <c:v>79.959262074414113</c:v>
                </c:pt>
                <c:pt idx="1287">
                  <c:v>79.929364983048259</c:v>
                </c:pt>
                <c:pt idx="1288">
                  <c:v>79.898732247913713</c:v>
                </c:pt>
                <c:pt idx="1289">
                  <c:v>79.868147968356737</c:v>
                </c:pt>
                <c:pt idx="1290">
                  <c:v>79.838250876990884</c:v>
                </c:pt>
                <c:pt idx="1291">
                  <c:v>79.809032163711137</c:v>
                </c:pt>
                <c:pt idx="1292">
                  <c:v>79.779135072345255</c:v>
                </c:pt>
                <c:pt idx="1293">
                  <c:v>79.749233575926908</c:v>
                </c:pt>
                <c:pt idx="1294">
                  <c:v>79.719332079508561</c:v>
                </c:pt>
                <c:pt idx="1295">
                  <c:v>79.690117771281308</c:v>
                </c:pt>
                <c:pt idx="1296">
                  <c:v>79.660947513579131</c:v>
                </c:pt>
                <c:pt idx="1297">
                  <c:v>79.631050422213264</c:v>
                </c:pt>
                <c:pt idx="1298">
                  <c:v>79.601831708933517</c:v>
                </c:pt>
                <c:pt idx="1299">
                  <c:v>79.57261740070625</c:v>
                </c:pt>
                <c:pt idx="1300">
                  <c:v>79.543398687426503</c:v>
                </c:pt>
                <c:pt idx="1301">
                  <c:v>79.514179974146742</c:v>
                </c:pt>
                <c:pt idx="1302">
                  <c:v>79.485696904635674</c:v>
                </c:pt>
                <c:pt idx="1303">
                  <c:v>79.456478191355913</c:v>
                </c:pt>
                <c:pt idx="1304">
                  <c:v>79.42726388312866</c:v>
                </c:pt>
                <c:pt idx="1305">
                  <c:v>79.398045169848899</c:v>
                </c:pt>
                <c:pt idx="1306">
                  <c:v>79.369562100337831</c:v>
                </c:pt>
                <c:pt idx="1307">
                  <c:v>79.341757408912869</c:v>
                </c:pt>
                <c:pt idx="1308">
                  <c:v>79.313225883824217</c:v>
                </c:pt>
                <c:pt idx="1309">
                  <c:v>79.284738409260655</c:v>
                </c:pt>
                <c:pt idx="1310">
                  <c:v>79.256889667310617</c:v>
                </c:pt>
                <c:pt idx="1311">
                  <c:v>79.228402192747026</c:v>
                </c:pt>
                <c:pt idx="1312">
                  <c:v>79.200553450796988</c:v>
                </c:pt>
                <c:pt idx="1313">
                  <c:v>79.172748759372027</c:v>
                </c:pt>
                <c:pt idx="1314">
                  <c:v>79.144265689860958</c:v>
                </c:pt>
                <c:pt idx="1315">
                  <c:v>79.117143781574583</c:v>
                </c:pt>
                <c:pt idx="1316">
                  <c:v>79.088612256485931</c:v>
                </c:pt>
                <c:pt idx="1317">
                  <c:v>79.060124781922369</c:v>
                </c:pt>
                <c:pt idx="1318">
                  <c:v>79.033007278688515</c:v>
                </c:pt>
                <c:pt idx="1319">
                  <c:v>79.005154131685956</c:v>
                </c:pt>
                <c:pt idx="1320">
                  <c:v>78.978036628452088</c:v>
                </c:pt>
                <c:pt idx="1321">
                  <c:v>78.950231937027141</c:v>
                </c:pt>
                <c:pt idx="1322">
                  <c:v>78.922431650654673</c:v>
                </c:pt>
                <c:pt idx="1323">
                  <c:v>78.895309742368298</c:v>
                </c:pt>
                <c:pt idx="1324">
                  <c:v>78.867461000418245</c:v>
                </c:pt>
                <c:pt idx="1325">
                  <c:v>78.839656308993284</c:v>
                </c:pt>
                <c:pt idx="1326">
                  <c:v>78.812538805759417</c:v>
                </c:pt>
                <c:pt idx="1327">
                  <c:v>78.785416897473056</c:v>
                </c:pt>
                <c:pt idx="1328">
                  <c:v>78.758982177377803</c:v>
                </c:pt>
                <c:pt idx="1329">
                  <c:v>78.731860269091442</c:v>
                </c:pt>
                <c:pt idx="1330">
                  <c:v>78.704742765857574</c:v>
                </c:pt>
                <c:pt idx="1331">
                  <c:v>78.677620857571213</c:v>
                </c:pt>
                <c:pt idx="1332">
                  <c:v>78.650503354337346</c:v>
                </c:pt>
                <c:pt idx="1333">
                  <c:v>78.623381446050985</c:v>
                </c:pt>
                <c:pt idx="1334">
                  <c:v>78.596946725955732</c:v>
                </c:pt>
                <c:pt idx="1335">
                  <c:v>78.570560461438049</c:v>
                </c:pt>
                <c:pt idx="1336">
                  <c:v>78.544121336290289</c:v>
                </c:pt>
                <c:pt idx="1337">
                  <c:v>78.517003833056435</c:v>
                </c:pt>
                <c:pt idx="1338">
                  <c:v>78.490564707908675</c:v>
                </c:pt>
                <c:pt idx="1339">
                  <c:v>78.464129987813408</c:v>
                </c:pt>
                <c:pt idx="1340">
                  <c:v>78.437008079527047</c:v>
                </c:pt>
                <c:pt idx="1341">
                  <c:v>78.410621815009378</c:v>
                </c:pt>
                <c:pt idx="1342">
                  <c:v>78.384187094914125</c:v>
                </c:pt>
                <c:pt idx="1343">
                  <c:v>78.357747969766365</c:v>
                </c:pt>
                <c:pt idx="1344">
                  <c:v>78.331313249671112</c:v>
                </c:pt>
                <c:pt idx="1345">
                  <c:v>78.305605363239536</c:v>
                </c:pt>
                <c:pt idx="1346">
                  <c:v>78.278487860005669</c:v>
                </c:pt>
                <c:pt idx="1347">
                  <c:v>78.252735923049016</c:v>
                </c:pt>
                <c:pt idx="1348">
                  <c:v>78.226296797901256</c:v>
                </c:pt>
                <c:pt idx="1349">
                  <c:v>78.199910533383573</c:v>
                </c:pt>
                <c:pt idx="1350">
                  <c:v>78.174154191374413</c:v>
                </c:pt>
                <c:pt idx="1351">
                  <c:v>78.14771947127916</c:v>
                </c:pt>
                <c:pt idx="1352">
                  <c:v>78.121333206761477</c:v>
                </c:pt>
                <c:pt idx="1353">
                  <c:v>78.094894081613717</c:v>
                </c:pt>
                <c:pt idx="1354">
                  <c:v>78.068459361518464</c:v>
                </c:pt>
                <c:pt idx="1355">
                  <c:v>78.043434258225489</c:v>
                </c:pt>
                <c:pt idx="1356">
                  <c:v>78.01699953813025</c:v>
                </c:pt>
                <c:pt idx="1357">
                  <c:v>77.991296056751167</c:v>
                </c:pt>
                <c:pt idx="1358">
                  <c:v>77.964856931603407</c:v>
                </c:pt>
                <c:pt idx="1359">
                  <c:v>77.939104994646755</c:v>
                </c:pt>
                <c:pt idx="1360">
                  <c:v>77.913397108215179</c:v>
                </c:pt>
                <c:pt idx="1361">
                  <c:v>77.886962388119912</c:v>
                </c:pt>
                <c:pt idx="1362">
                  <c:v>77.861206046110766</c:v>
                </c:pt>
                <c:pt idx="1363">
                  <c:v>77.834819781593083</c:v>
                </c:pt>
                <c:pt idx="1364">
                  <c:v>77.809067844636431</c:v>
                </c:pt>
                <c:pt idx="1365">
                  <c:v>77.783359958204855</c:v>
                </c:pt>
                <c:pt idx="1366">
                  <c:v>77.757608021248217</c:v>
                </c:pt>
                <c:pt idx="1367">
                  <c:v>77.731904539869134</c:v>
                </c:pt>
                <c:pt idx="1368">
                  <c:v>77.705465414721374</c:v>
                </c:pt>
                <c:pt idx="1369">
                  <c:v>77.679713477764722</c:v>
                </c:pt>
                <c:pt idx="1370">
                  <c:v>77.654005591333146</c:v>
                </c:pt>
                <c:pt idx="1371">
                  <c:v>77.627570871237879</c:v>
                </c:pt>
                <c:pt idx="1372">
                  <c:v>77.60186738985881</c:v>
                </c:pt>
                <c:pt idx="1373">
                  <c:v>77.57542826471105</c:v>
                </c:pt>
                <c:pt idx="1374">
                  <c:v>77.549676327754412</c:v>
                </c:pt>
                <c:pt idx="1375">
                  <c:v>77.523968441322822</c:v>
                </c:pt>
                <c:pt idx="1376">
                  <c:v>77.498216504366184</c:v>
                </c:pt>
                <c:pt idx="1377">
                  <c:v>77.472513022987101</c:v>
                </c:pt>
                <c:pt idx="1378">
                  <c:v>77.446756680977941</c:v>
                </c:pt>
                <c:pt idx="1379">
                  <c:v>77.420370416460273</c:v>
                </c:pt>
                <c:pt idx="1380">
                  <c:v>77.394614074451113</c:v>
                </c:pt>
                <c:pt idx="1381">
                  <c:v>77.368179354355846</c:v>
                </c:pt>
                <c:pt idx="1382">
                  <c:v>77.343158656115392</c:v>
                </c:pt>
                <c:pt idx="1383">
                  <c:v>77.317450769683802</c:v>
                </c:pt>
                <c:pt idx="1384">
                  <c:v>77.291016049588549</c:v>
                </c:pt>
                <c:pt idx="1385">
                  <c:v>77.265259707579389</c:v>
                </c:pt>
                <c:pt idx="1386">
                  <c:v>77.239556226200321</c:v>
                </c:pt>
                <c:pt idx="1387">
                  <c:v>77.213804289243669</c:v>
                </c:pt>
                <c:pt idx="1388">
                  <c:v>77.188096402812107</c:v>
                </c:pt>
                <c:pt idx="1389">
                  <c:v>77.16234446585544</c:v>
                </c:pt>
                <c:pt idx="1390">
                  <c:v>77.137323767614973</c:v>
                </c:pt>
                <c:pt idx="1391">
                  <c:v>77.111567425605799</c:v>
                </c:pt>
                <c:pt idx="1392">
                  <c:v>77.085181161088144</c:v>
                </c:pt>
                <c:pt idx="1393">
                  <c:v>77.059424819078984</c:v>
                </c:pt>
                <c:pt idx="1394">
                  <c:v>77.033721337699902</c:v>
                </c:pt>
                <c:pt idx="1395">
                  <c:v>77.007969400743249</c:v>
                </c:pt>
                <c:pt idx="1396">
                  <c:v>76.982944297450274</c:v>
                </c:pt>
                <c:pt idx="1397">
                  <c:v>76.957192360493636</c:v>
                </c:pt>
                <c:pt idx="1398">
                  <c:v>76.93148447406206</c:v>
                </c:pt>
                <c:pt idx="1399">
                  <c:v>76.905732537105408</c:v>
                </c:pt>
                <c:pt idx="1400">
                  <c:v>76.880711838864926</c:v>
                </c:pt>
                <c:pt idx="1401">
                  <c:v>76.854272713717179</c:v>
                </c:pt>
                <c:pt idx="1402">
                  <c:v>76.829252015476698</c:v>
                </c:pt>
                <c:pt idx="1403">
                  <c:v>76.803548534097644</c:v>
                </c:pt>
                <c:pt idx="1404">
                  <c:v>76.777792192088469</c:v>
                </c:pt>
                <c:pt idx="1405">
                  <c:v>76.751357471993231</c:v>
                </c:pt>
                <c:pt idx="1406">
                  <c:v>76.725649585561641</c:v>
                </c:pt>
                <c:pt idx="1407">
                  <c:v>76.700628887321173</c:v>
                </c:pt>
                <c:pt idx="1408">
                  <c:v>76.674876950364521</c:v>
                </c:pt>
                <c:pt idx="1409">
                  <c:v>76.649169063932945</c:v>
                </c:pt>
                <c:pt idx="1410">
                  <c:v>76.623417126976278</c:v>
                </c:pt>
                <c:pt idx="1411">
                  <c:v>76.597713645597224</c:v>
                </c:pt>
                <c:pt idx="1412">
                  <c:v>76.571957303588064</c:v>
                </c:pt>
                <c:pt idx="1413">
                  <c:v>76.545522583492811</c:v>
                </c:pt>
                <c:pt idx="1414">
                  <c:v>76.519814697061236</c:v>
                </c:pt>
                <c:pt idx="1415">
                  <c:v>76.494062760104583</c:v>
                </c:pt>
                <c:pt idx="1416">
                  <c:v>76.468359278725501</c:v>
                </c:pt>
                <c:pt idx="1417">
                  <c:v>76.442602936716341</c:v>
                </c:pt>
                <c:pt idx="1418">
                  <c:v>76.416899455337273</c:v>
                </c:pt>
                <c:pt idx="1419">
                  <c:v>76.390460330189512</c:v>
                </c:pt>
                <c:pt idx="1420">
                  <c:v>76.364708393232874</c:v>
                </c:pt>
                <c:pt idx="1421">
                  <c:v>76.339004911853792</c:v>
                </c:pt>
                <c:pt idx="1422">
                  <c:v>76.313248569844646</c:v>
                </c:pt>
                <c:pt idx="1423">
                  <c:v>76.287545088465563</c:v>
                </c:pt>
                <c:pt idx="1424">
                  <c:v>76.261788746456403</c:v>
                </c:pt>
                <c:pt idx="1425">
                  <c:v>76.236085265077321</c:v>
                </c:pt>
                <c:pt idx="1426">
                  <c:v>76.209650544982082</c:v>
                </c:pt>
                <c:pt idx="1427">
                  <c:v>76.184625441689107</c:v>
                </c:pt>
                <c:pt idx="1428">
                  <c:v>76.15750793845524</c:v>
                </c:pt>
                <c:pt idx="1429">
                  <c:v>76.13175159644608</c:v>
                </c:pt>
                <c:pt idx="1430">
                  <c:v>76.104634093212212</c:v>
                </c:pt>
                <c:pt idx="1431">
                  <c:v>76.078247828694558</c:v>
                </c:pt>
                <c:pt idx="1432">
                  <c:v>76.052491486685383</c:v>
                </c:pt>
                <c:pt idx="1433">
                  <c:v>76.026788005306329</c:v>
                </c:pt>
                <c:pt idx="1434">
                  <c:v>76.000348880158555</c:v>
                </c:pt>
                <c:pt idx="1435">
                  <c:v>75.973914160063302</c:v>
                </c:pt>
                <c:pt idx="1436">
                  <c:v>75.947479439968049</c:v>
                </c:pt>
                <c:pt idx="1437">
                  <c:v>75.921040314820289</c:v>
                </c:pt>
                <c:pt idx="1438">
                  <c:v>75.89465405030262</c:v>
                </c:pt>
                <c:pt idx="1439">
                  <c:v>75.868214925154859</c:v>
                </c:pt>
                <c:pt idx="1440">
                  <c:v>75.841097421920992</c:v>
                </c:pt>
                <c:pt idx="1441">
                  <c:v>75.814658296773217</c:v>
                </c:pt>
                <c:pt idx="1442">
                  <c:v>75.788223576677979</c:v>
                </c:pt>
                <c:pt idx="1443">
                  <c:v>75.761837312160296</c:v>
                </c:pt>
                <c:pt idx="1444">
                  <c:v>75.734715403873921</c:v>
                </c:pt>
                <c:pt idx="1445">
                  <c:v>75.708963466917282</c:v>
                </c:pt>
                <c:pt idx="1446">
                  <c:v>75.682524341769522</c:v>
                </c:pt>
                <c:pt idx="1447">
                  <c:v>75.65682086039044</c:v>
                </c:pt>
                <c:pt idx="1448">
                  <c:v>75.629698952104079</c:v>
                </c:pt>
                <c:pt idx="1449">
                  <c:v>75.603264232008826</c:v>
                </c:pt>
                <c:pt idx="1450">
                  <c:v>75.576146728774958</c:v>
                </c:pt>
                <c:pt idx="1451">
                  <c:v>75.548342037349997</c:v>
                </c:pt>
                <c:pt idx="1452">
                  <c:v>75.521224534116129</c:v>
                </c:pt>
                <c:pt idx="1453">
                  <c:v>75.494785408968369</c:v>
                </c:pt>
                <c:pt idx="1454">
                  <c:v>75.468350688873116</c:v>
                </c:pt>
                <c:pt idx="1455">
                  <c:v>75.441911563725355</c:v>
                </c:pt>
                <c:pt idx="1456">
                  <c:v>75.414794060491488</c:v>
                </c:pt>
                <c:pt idx="1457">
                  <c:v>75.387672152205141</c:v>
                </c:pt>
                <c:pt idx="1458">
                  <c:v>75.360554648971274</c:v>
                </c:pt>
                <c:pt idx="1459">
                  <c:v>75.334851167592191</c:v>
                </c:pt>
                <c:pt idx="1460">
                  <c:v>75.30772925930583</c:v>
                </c:pt>
                <c:pt idx="1461">
                  <c:v>75.280611756071963</c:v>
                </c:pt>
                <c:pt idx="1462">
                  <c:v>75.253489847785616</c:v>
                </c:pt>
                <c:pt idx="1463">
                  <c:v>75.226372344551763</c:v>
                </c:pt>
                <c:pt idx="1464">
                  <c:v>75.199250436265373</c:v>
                </c:pt>
                <c:pt idx="1465">
                  <c:v>75.17213293303152</c:v>
                </c:pt>
                <c:pt idx="1466">
                  <c:v>75.14569380788376</c:v>
                </c:pt>
                <c:pt idx="1467">
                  <c:v>75.118576304649892</c:v>
                </c:pt>
                <c:pt idx="1468">
                  <c:v>75.091458801416039</c:v>
                </c:pt>
                <c:pt idx="1469">
                  <c:v>75.065019676268278</c:v>
                </c:pt>
                <c:pt idx="1470">
                  <c:v>75.03721938989581</c:v>
                </c:pt>
                <c:pt idx="1471">
                  <c:v>75.01078026474805</c:v>
                </c:pt>
                <c:pt idx="1472">
                  <c:v>74.984345544652797</c:v>
                </c:pt>
                <c:pt idx="1473">
                  <c:v>74.957954875082621</c:v>
                </c:pt>
                <c:pt idx="1474">
                  <c:v>74.930106133132568</c:v>
                </c:pt>
                <c:pt idx="1475">
                  <c:v>74.902984224846207</c:v>
                </c:pt>
                <c:pt idx="1476">
                  <c:v>74.875866721612354</c:v>
                </c:pt>
                <c:pt idx="1477">
                  <c:v>74.848744813325979</c:v>
                </c:pt>
                <c:pt idx="1478">
                  <c:v>74.821627310092126</c:v>
                </c:pt>
                <c:pt idx="1479">
                  <c:v>74.794509806858258</c:v>
                </c:pt>
                <c:pt idx="1480">
                  <c:v>74.767387898571897</c:v>
                </c:pt>
                <c:pt idx="1481">
                  <c:v>74.74027039533803</c:v>
                </c:pt>
                <c:pt idx="1482">
                  <c:v>74.713148487051683</c:v>
                </c:pt>
                <c:pt idx="1483">
                  <c:v>74.686030983817815</c:v>
                </c:pt>
                <c:pt idx="1484">
                  <c:v>74.65890907553144</c:v>
                </c:pt>
                <c:pt idx="1485">
                  <c:v>74.631791572297587</c:v>
                </c:pt>
                <c:pt idx="1486">
                  <c:v>74.604669664011226</c:v>
                </c:pt>
                <c:pt idx="1487">
                  <c:v>74.578234943915959</c:v>
                </c:pt>
                <c:pt idx="1488">
                  <c:v>74.550430252490997</c:v>
                </c:pt>
                <c:pt idx="1489">
                  <c:v>74.523995532395745</c:v>
                </c:pt>
                <c:pt idx="1490">
                  <c:v>74.496873624109384</c:v>
                </c:pt>
                <c:pt idx="1491">
                  <c:v>74.469073337736916</c:v>
                </c:pt>
                <c:pt idx="1492">
                  <c:v>74.441955834503048</c:v>
                </c:pt>
                <c:pt idx="1493">
                  <c:v>74.414833926216687</c:v>
                </c:pt>
                <c:pt idx="1494">
                  <c:v>74.387033639844219</c:v>
                </c:pt>
                <c:pt idx="1495">
                  <c:v>74.359180492841674</c:v>
                </c:pt>
                <c:pt idx="1496">
                  <c:v>74.33138020646922</c:v>
                </c:pt>
                <c:pt idx="1497">
                  <c:v>74.30425829818283</c:v>
                </c:pt>
                <c:pt idx="1498">
                  <c:v>74.277140794948991</c:v>
                </c:pt>
                <c:pt idx="1499">
                  <c:v>74.249336103524016</c:v>
                </c:pt>
                <c:pt idx="1500">
                  <c:v>74.221487361573963</c:v>
                </c:pt>
                <c:pt idx="1501">
                  <c:v>74.194365453287602</c:v>
                </c:pt>
                <c:pt idx="1502">
                  <c:v>74.167247950053749</c:v>
                </c:pt>
                <c:pt idx="1503">
                  <c:v>74.139443258628773</c:v>
                </c:pt>
                <c:pt idx="1504">
                  <c:v>74.111642972256305</c:v>
                </c:pt>
                <c:pt idx="1505">
                  <c:v>74.083789825253774</c:v>
                </c:pt>
                <c:pt idx="1506">
                  <c:v>74.055989538881306</c:v>
                </c:pt>
                <c:pt idx="1507">
                  <c:v>74.02818484745633</c:v>
                </c:pt>
                <c:pt idx="1508">
                  <c:v>74.000384561083862</c:v>
                </c:pt>
                <c:pt idx="1509">
                  <c:v>73.973262652797501</c:v>
                </c:pt>
                <c:pt idx="1510">
                  <c:v>73.944731127708863</c:v>
                </c:pt>
                <c:pt idx="1511">
                  <c:v>73.917609219422474</c:v>
                </c:pt>
                <c:pt idx="1512">
                  <c:v>73.889126149911419</c:v>
                </c:pt>
                <c:pt idx="1513">
                  <c:v>73.861273002908874</c:v>
                </c:pt>
                <c:pt idx="1514">
                  <c:v>73.832789933397819</c:v>
                </c:pt>
                <c:pt idx="1515">
                  <c:v>73.80493678639526</c:v>
                </c:pt>
                <c:pt idx="1516">
                  <c:v>73.777136500022792</c:v>
                </c:pt>
                <c:pt idx="1517">
                  <c:v>73.750014591736431</c:v>
                </c:pt>
                <c:pt idx="1518">
                  <c:v>73.722214305363963</c:v>
                </c:pt>
                <c:pt idx="1519">
                  <c:v>73.693678375222802</c:v>
                </c:pt>
                <c:pt idx="1520">
                  <c:v>73.665878088850349</c:v>
                </c:pt>
                <c:pt idx="1521">
                  <c:v>73.638073397425359</c:v>
                </c:pt>
                <c:pt idx="1522">
                  <c:v>73.61095589419152</c:v>
                </c:pt>
                <c:pt idx="1523">
                  <c:v>73.582419964050359</c:v>
                </c:pt>
                <c:pt idx="1524">
                  <c:v>73.553936894539291</c:v>
                </c:pt>
                <c:pt idx="1525">
                  <c:v>73.526083747536745</c:v>
                </c:pt>
                <c:pt idx="1526">
                  <c:v>73.498966244302892</c:v>
                </c:pt>
                <c:pt idx="1527">
                  <c:v>73.471161552877916</c:v>
                </c:pt>
                <c:pt idx="1528">
                  <c:v>73.443361266505448</c:v>
                </c:pt>
                <c:pt idx="1529">
                  <c:v>73.415508119502917</c:v>
                </c:pt>
                <c:pt idx="1530">
                  <c:v>73.387707833130449</c:v>
                </c:pt>
                <c:pt idx="1531">
                  <c:v>73.359220358566873</c:v>
                </c:pt>
                <c:pt idx="1532">
                  <c:v>73.331371616616821</c:v>
                </c:pt>
                <c:pt idx="1533">
                  <c:v>73.303566925191845</c:v>
                </c:pt>
                <c:pt idx="1534">
                  <c:v>73.276449421958006</c:v>
                </c:pt>
                <c:pt idx="1535">
                  <c:v>73.248644730533016</c:v>
                </c:pt>
                <c:pt idx="1536">
                  <c:v>73.220844444160548</c:v>
                </c:pt>
                <c:pt idx="1537">
                  <c:v>73.194405319012802</c:v>
                </c:pt>
                <c:pt idx="1538">
                  <c:v>73.16655657706275</c:v>
                </c:pt>
                <c:pt idx="1539">
                  <c:v>73.138751885637788</c:v>
                </c:pt>
                <c:pt idx="1540">
                  <c:v>73.111634382403921</c:v>
                </c:pt>
                <c:pt idx="1541">
                  <c:v>73.083834096031453</c:v>
                </c:pt>
                <c:pt idx="1542">
                  <c:v>73.056712187745092</c:v>
                </c:pt>
                <c:pt idx="1543">
                  <c:v>73.029594684511238</c:v>
                </c:pt>
                <c:pt idx="1544">
                  <c:v>73.002472776224877</c:v>
                </c:pt>
                <c:pt idx="1545">
                  <c:v>72.97535527299101</c:v>
                </c:pt>
                <c:pt idx="1546">
                  <c:v>72.948233364704649</c:v>
                </c:pt>
                <c:pt idx="1547">
                  <c:v>72.921115861470795</c:v>
                </c:pt>
                <c:pt idx="1548">
                  <c:v>72.893262714468236</c:v>
                </c:pt>
                <c:pt idx="1549">
                  <c:v>72.866876449950553</c:v>
                </c:pt>
                <c:pt idx="1550">
                  <c:v>72.839754541664192</c:v>
                </c:pt>
                <c:pt idx="1551">
                  <c:v>72.812637038430339</c:v>
                </c:pt>
                <c:pt idx="1552">
                  <c:v>72.785515130143963</c:v>
                </c:pt>
                <c:pt idx="1553">
                  <c:v>72.759080410048711</c:v>
                </c:pt>
                <c:pt idx="1554">
                  <c:v>72.731962906814857</c:v>
                </c:pt>
                <c:pt idx="1555">
                  <c:v>72.705523781667097</c:v>
                </c:pt>
                <c:pt idx="1556">
                  <c:v>72.677723495294629</c:v>
                </c:pt>
                <c:pt idx="1557">
                  <c:v>72.651284370146854</c:v>
                </c:pt>
                <c:pt idx="1558">
                  <c:v>72.624849650051615</c:v>
                </c:pt>
                <c:pt idx="1559">
                  <c:v>72.599141763620025</c:v>
                </c:pt>
                <c:pt idx="1560">
                  <c:v>72.571293021669973</c:v>
                </c:pt>
                <c:pt idx="1561">
                  <c:v>72.545589540290919</c:v>
                </c:pt>
                <c:pt idx="1562">
                  <c:v>72.519150415143159</c:v>
                </c:pt>
                <c:pt idx="1563">
                  <c:v>72.492715695047906</c:v>
                </c:pt>
                <c:pt idx="1564">
                  <c:v>72.466325025477715</c:v>
                </c:pt>
                <c:pt idx="1565">
                  <c:v>72.440573088521063</c:v>
                </c:pt>
                <c:pt idx="1566">
                  <c:v>72.413451180234702</c:v>
                </c:pt>
                <c:pt idx="1567">
                  <c:v>72.387747698855634</c:v>
                </c:pt>
                <c:pt idx="1568">
                  <c:v>72.360630195621781</c:v>
                </c:pt>
                <c:pt idx="1569">
                  <c:v>72.334873853612621</c:v>
                </c:pt>
                <c:pt idx="1570">
                  <c:v>72.308439133517368</c:v>
                </c:pt>
                <c:pt idx="1571">
                  <c:v>72.282048463947177</c:v>
                </c:pt>
                <c:pt idx="1572">
                  <c:v>72.256296526990525</c:v>
                </c:pt>
                <c:pt idx="1573">
                  <c:v>72.229861806895272</c:v>
                </c:pt>
                <c:pt idx="1574">
                  <c:v>72.203471137325081</c:v>
                </c:pt>
                <c:pt idx="1575">
                  <c:v>72.177036417229829</c:v>
                </c:pt>
                <c:pt idx="1576">
                  <c:v>72.151280075220669</c:v>
                </c:pt>
                <c:pt idx="1577">
                  <c:v>72.125576593841586</c:v>
                </c:pt>
                <c:pt idx="1578">
                  <c:v>72.099141873746348</c:v>
                </c:pt>
                <c:pt idx="1579">
                  <c:v>72.072702748598573</c:v>
                </c:pt>
                <c:pt idx="1580">
                  <c:v>72.046999267219519</c:v>
                </c:pt>
                <c:pt idx="1581">
                  <c:v>72.020560142071744</c:v>
                </c:pt>
                <c:pt idx="1582">
                  <c:v>71.994125421976477</c:v>
                </c:pt>
                <c:pt idx="1583">
                  <c:v>71.968421940597423</c:v>
                </c:pt>
                <c:pt idx="1584">
                  <c:v>71.941982815449663</c:v>
                </c:pt>
                <c:pt idx="1585">
                  <c:v>71.91623087849301</c:v>
                </c:pt>
                <c:pt idx="1586">
                  <c:v>71.88984020892282</c:v>
                </c:pt>
                <c:pt idx="1587">
                  <c:v>71.864088271966168</c:v>
                </c:pt>
                <c:pt idx="1588">
                  <c:v>71.837649146818421</c:v>
                </c:pt>
                <c:pt idx="1589">
                  <c:v>71.811262882300738</c:v>
                </c:pt>
                <c:pt idx="1590">
                  <c:v>71.786193728482687</c:v>
                </c:pt>
                <c:pt idx="1591">
                  <c:v>71.759071820196326</c:v>
                </c:pt>
                <c:pt idx="1592">
                  <c:v>71.733368338817257</c:v>
                </c:pt>
                <c:pt idx="1593">
                  <c:v>71.707611996808097</c:v>
                </c:pt>
                <c:pt idx="1594">
                  <c:v>71.682591298567615</c:v>
                </c:pt>
                <c:pt idx="1595">
                  <c:v>71.656156578472377</c:v>
                </c:pt>
                <c:pt idx="1596">
                  <c:v>71.630448692040787</c:v>
                </c:pt>
                <c:pt idx="1597">
                  <c:v>71.604013971945534</c:v>
                </c:pt>
                <c:pt idx="1598">
                  <c:v>71.578257629936388</c:v>
                </c:pt>
                <c:pt idx="1599">
                  <c:v>71.552554148557306</c:v>
                </c:pt>
                <c:pt idx="1600">
                  <c:v>71.527533450316838</c:v>
                </c:pt>
                <c:pt idx="1601">
                  <c:v>71.501777108307678</c:v>
                </c:pt>
                <c:pt idx="1602">
                  <c:v>71.47607362692861</c:v>
                </c:pt>
                <c:pt idx="1603">
                  <c:v>71.450321689971958</c:v>
                </c:pt>
                <c:pt idx="1604">
                  <c:v>71.425296586678982</c:v>
                </c:pt>
                <c:pt idx="1605">
                  <c:v>71.39954464972233</c:v>
                </c:pt>
                <c:pt idx="1606">
                  <c:v>71.375206734620477</c:v>
                </c:pt>
                <c:pt idx="1607">
                  <c:v>71.349498848188901</c:v>
                </c:pt>
                <c:pt idx="1608">
                  <c:v>71.323746911232234</c:v>
                </c:pt>
                <c:pt idx="1609">
                  <c:v>71.299404591077874</c:v>
                </c:pt>
                <c:pt idx="1610">
                  <c:v>71.273701109698791</c:v>
                </c:pt>
                <c:pt idx="1611">
                  <c:v>71.248680411458338</c:v>
                </c:pt>
                <c:pt idx="1612">
                  <c:v>71.223606852587778</c:v>
                </c:pt>
                <c:pt idx="1613">
                  <c:v>71.198586154347311</c:v>
                </c:pt>
                <c:pt idx="1614">
                  <c:v>71.173565456106843</c:v>
                </c:pt>
                <c:pt idx="1615">
                  <c:v>71.149223135952482</c:v>
                </c:pt>
                <c:pt idx="1616">
                  <c:v>71.124885220850601</c:v>
                </c:pt>
                <c:pt idx="1617">
                  <c:v>71.099864522610147</c:v>
                </c:pt>
                <c:pt idx="1618">
                  <c:v>71.075522202455772</c:v>
                </c:pt>
                <c:pt idx="1619">
                  <c:v>71.050453048637721</c:v>
                </c:pt>
                <c:pt idx="1620">
                  <c:v>71.026115133535853</c:v>
                </c:pt>
                <c:pt idx="1621">
                  <c:v>71.001772813381493</c:v>
                </c:pt>
                <c:pt idx="1622">
                  <c:v>70.978166136995796</c:v>
                </c:pt>
                <c:pt idx="1623">
                  <c:v>70.953828221893943</c:v>
                </c:pt>
                <c:pt idx="1624">
                  <c:v>70.92949030679209</c:v>
                </c:pt>
                <c:pt idx="1625">
                  <c:v>70.905830769776315</c:v>
                </c:pt>
                <c:pt idx="1626">
                  <c:v>70.881492854674448</c:v>
                </c:pt>
                <c:pt idx="1627">
                  <c:v>70.857154939572581</c:v>
                </c:pt>
                <c:pt idx="1628">
                  <c:v>70.83281261941822</c:v>
                </c:pt>
                <c:pt idx="1629">
                  <c:v>70.809157487454968</c:v>
                </c:pt>
                <c:pt idx="1630">
                  <c:v>70.785550811069271</c:v>
                </c:pt>
                <c:pt idx="1631">
                  <c:v>70.761895679106019</c:v>
                </c:pt>
                <c:pt idx="1632">
                  <c:v>70.738236142090244</c:v>
                </c:pt>
                <c:pt idx="1633">
                  <c:v>70.713898226988391</c:v>
                </c:pt>
                <c:pt idx="1634">
                  <c:v>70.690974333741309</c:v>
                </c:pt>
                <c:pt idx="1635">
                  <c:v>70.666632013586934</c:v>
                </c:pt>
                <c:pt idx="1636">
                  <c:v>70.642976881623682</c:v>
                </c:pt>
                <c:pt idx="1637">
                  <c:v>70.619321749660429</c:v>
                </c:pt>
                <c:pt idx="1638">
                  <c:v>70.595666617697162</c:v>
                </c:pt>
                <c:pt idx="1639">
                  <c:v>70.572055536258986</c:v>
                </c:pt>
                <c:pt idx="1640">
                  <c:v>70.549765970572935</c:v>
                </c:pt>
                <c:pt idx="1641">
                  <c:v>70.526842077325838</c:v>
                </c:pt>
                <c:pt idx="1642">
                  <c:v>70.503186945362586</c:v>
                </c:pt>
                <c:pt idx="1643">
                  <c:v>70.480258647062996</c:v>
                </c:pt>
                <c:pt idx="1644">
                  <c:v>70.456603515099744</c:v>
                </c:pt>
                <c:pt idx="1645">
                  <c:v>70.433631166275092</c:v>
                </c:pt>
                <c:pt idx="1646">
                  <c:v>70.410707273028009</c:v>
                </c:pt>
                <c:pt idx="1647">
                  <c:v>70.38777897472842</c:v>
                </c:pt>
                <c:pt idx="1648">
                  <c:v>70.364806625903768</c:v>
                </c:pt>
                <c:pt idx="1649">
                  <c:v>70.3418827326567</c:v>
                </c:pt>
                <c:pt idx="1650">
                  <c:v>70.319593166970648</c:v>
                </c:pt>
                <c:pt idx="1651">
                  <c:v>70.296669273723566</c:v>
                </c:pt>
                <c:pt idx="1652">
                  <c:v>70.273692519846421</c:v>
                </c:pt>
                <c:pt idx="1653">
                  <c:v>70.250768626599339</c:v>
                </c:pt>
                <c:pt idx="1654">
                  <c:v>70.228527516490857</c:v>
                </c:pt>
                <c:pt idx="1655">
                  <c:v>70.205555167666205</c:v>
                </c:pt>
                <c:pt idx="1656">
                  <c:v>70.182626869366615</c:v>
                </c:pt>
                <c:pt idx="1657">
                  <c:v>70.160337303680564</c:v>
                </c:pt>
                <c:pt idx="1658">
                  <c:v>70.138096193572096</c:v>
                </c:pt>
                <c:pt idx="1659">
                  <c:v>70.115855083463629</c:v>
                </c:pt>
                <c:pt idx="1660">
                  <c:v>70.093613973355161</c:v>
                </c:pt>
                <c:pt idx="1661">
                  <c:v>70.071368458194172</c:v>
                </c:pt>
                <c:pt idx="1662">
                  <c:v>70.04907889250812</c:v>
                </c:pt>
                <c:pt idx="1663">
                  <c:v>70.026837782399653</c:v>
                </c:pt>
                <c:pt idx="1664">
                  <c:v>70.004596672291186</c:v>
                </c:pt>
                <c:pt idx="1665">
                  <c:v>69.982355562182704</c:v>
                </c:pt>
                <c:pt idx="1666">
                  <c:v>69.960061591444145</c:v>
                </c:pt>
                <c:pt idx="1667">
                  <c:v>69.938503264474278</c:v>
                </c:pt>
                <c:pt idx="1668">
                  <c:v>69.91626215436581</c:v>
                </c:pt>
                <c:pt idx="1669">
                  <c:v>69.894703827395944</c:v>
                </c:pt>
                <c:pt idx="1670">
                  <c:v>69.873145500426077</c:v>
                </c:pt>
                <c:pt idx="1671">
                  <c:v>69.851587173456196</c:v>
                </c:pt>
                <c:pt idx="1672">
                  <c:v>69.830024441433835</c:v>
                </c:pt>
                <c:pt idx="1673">
                  <c:v>69.807783331325368</c:v>
                </c:pt>
                <c:pt idx="1674">
                  <c:v>69.786907787494087</c:v>
                </c:pt>
                <c:pt idx="1675">
                  <c:v>69.76534946052422</c:v>
                </c:pt>
                <c:pt idx="1676">
                  <c:v>69.743839589131937</c:v>
                </c:pt>
                <c:pt idx="1677">
                  <c:v>69.722964045300671</c:v>
                </c:pt>
                <c:pt idx="1678">
                  <c:v>69.701405718330804</c:v>
                </c:pt>
                <c:pt idx="1679">
                  <c:v>69.680525769447044</c:v>
                </c:pt>
                <c:pt idx="1680">
                  <c:v>69.659650225615763</c:v>
                </c:pt>
                <c:pt idx="1681">
                  <c:v>69.638823137362081</c:v>
                </c:pt>
                <c:pt idx="1682">
                  <c:v>69.617947593530829</c:v>
                </c:pt>
                <c:pt idx="1683">
                  <c:v>69.597072049699563</c:v>
                </c:pt>
                <c:pt idx="1684">
                  <c:v>69.57624496144588</c:v>
                </c:pt>
                <c:pt idx="1685">
                  <c:v>69.556052200753214</c:v>
                </c:pt>
                <c:pt idx="1686">
                  <c:v>69.535176656921948</c:v>
                </c:pt>
                <c:pt idx="1687">
                  <c:v>69.514345163615758</c:v>
                </c:pt>
                <c:pt idx="1688">
                  <c:v>69.493469619784491</c:v>
                </c:pt>
                <c:pt idx="1689">
                  <c:v>69.474008097808024</c:v>
                </c:pt>
                <c:pt idx="1690">
                  <c:v>69.453815337115358</c:v>
                </c:pt>
                <c:pt idx="1691">
                  <c:v>69.432988248861662</c:v>
                </c:pt>
                <c:pt idx="1692">
                  <c:v>69.413478271307611</c:v>
                </c:pt>
                <c:pt idx="1693">
                  <c:v>69.394016749331144</c:v>
                </c:pt>
                <c:pt idx="1694">
                  <c:v>69.373189661077461</c:v>
                </c:pt>
                <c:pt idx="1695">
                  <c:v>69.352996900384795</c:v>
                </c:pt>
                <c:pt idx="1696">
                  <c:v>69.333535378408314</c:v>
                </c:pt>
                <c:pt idx="1697">
                  <c:v>69.314073856431847</c:v>
                </c:pt>
                <c:pt idx="1698">
                  <c:v>69.293881095739181</c:v>
                </c:pt>
                <c:pt idx="1699">
                  <c:v>69.275102356901314</c:v>
                </c:pt>
                <c:pt idx="1700">
                  <c:v>69.255640834924833</c:v>
                </c:pt>
                <c:pt idx="1701">
                  <c:v>69.236862096086966</c:v>
                </c:pt>
                <c:pt idx="1702">
                  <c:v>69.217396169057992</c:v>
                </c:pt>
                <c:pt idx="1703">
                  <c:v>69.198617430220111</c:v>
                </c:pt>
                <c:pt idx="1704">
                  <c:v>69.17983869138223</c:v>
                </c:pt>
                <c:pt idx="1705">
                  <c:v>69.160377169405763</c:v>
                </c:pt>
                <c:pt idx="1706">
                  <c:v>69.141598430567896</c:v>
                </c:pt>
                <c:pt idx="1707">
                  <c:v>69.122819691730015</c:v>
                </c:pt>
                <c:pt idx="1708">
                  <c:v>69.104040952892149</c:v>
                </c:pt>
                <c:pt idx="1709">
                  <c:v>69.085944997192883</c:v>
                </c:pt>
                <c:pt idx="1710">
                  <c:v>69.067166258355002</c:v>
                </c:pt>
                <c:pt idx="1711">
                  <c:v>69.04980154137192</c:v>
                </c:pt>
                <c:pt idx="1712">
                  <c:v>69.031022802534039</c:v>
                </c:pt>
                <c:pt idx="1713">
                  <c:v>69.012926846834773</c:v>
                </c:pt>
                <c:pt idx="1714">
                  <c:v>68.994883751765599</c:v>
                </c:pt>
                <c:pt idx="1715">
                  <c:v>68.977470579204933</c:v>
                </c:pt>
                <c:pt idx="1716">
                  <c:v>68.959423079083237</c:v>
                </c:pt>
                <c:pt idx="1717">
                  <c:v>68.941327123383985</c:v>
                </c:pt>
                <c:pt idx="1718">
                  <c:v>68.923962406400889</c:v>
                </c:pt>
                <c:pt idx="1719">
                  <c:v>68.906549233840224</c:v>
                </c:pt>
                <c:pt idx="1720">
                  <c:v>68.889184516857128</c:v>
                </c:pt>
                <c:pt idx="1721">
                  <c:v>68.871771344296477</c:v>
                </c:pt>
                <c:pt idx="1722">
                  <c:v>68.855089410451995</c:v>
                </c:pt>
                <c:pt idx="1723">
                  <c:v>68.838407476607514</c:v>
                </c:pt>
                <c:pt idx="1724">
                  <c:v>68.820311520908234</c:v>
                </c:pt>
                <c:pt idx="1725">
                  <c:v>68.803629587063767</c:v>
                </c:pt>
                <c:pt idx="1726">
                  <c:v>68.786264870080672</c:v>
                </c:pt>
                <c:pt idx="1727">
                  <c:v>68.769534480658621</c:v>
                </c:pt>
                <c:pt idx="1728">
                  <c:v>68.75285254681414</c:v>
                </c:pt>
                <c:pt idx="1729">
                  <c:v>68.735492234883566</c:v>
                </c:pt>
                <c:pt idx="1730">
                  <c:v>68.718810301039085</c:v>
                </c:pt>
                <c:pt idx="1731">
                  <c:v>68.701397128478419</c:v>
                </c:pt>
                <c:pt idx="1732">
                  <c:v>68.685397977772553</c:v>
                </c:pt>
                <c:pt idx="1733">
                  <c:v>68.668716043928058</c:v>
                </c:pt>
                <c:pt idx="1734">
                  <c:v>68.652716893222177</c:v>
                </c:pt>
                <c:pt idx="1735">
                  <c:v>68.636717742516311</c:v>
                </c:pt>
                <c:pt idx="1736">
                  <c:v>68.62003580867183</c:v>
                </c:pt>
                <c:pt idx="1737">
                  <c:v>68.604036657965949</c:v>
                </c:pt>
                <c:pt idx="1738">
                  <c:v>68.588041912312576</c:v>
                </c:pt>
                <c:pt idx="1739">
                  <c:v>68.572042761606696</c:v>
                </c:pt>
                <c:pt idx="1740">
                  <c:v>68.556092066478413</c:v>
                </c:pt>
                <c:pt idx="1741">
                  <c:v>68.540775698911133</c:v>
                </c:pt>
                <c:pt idx="1742">
                  <c:v>68.524776548205253</c:v>
                </c:pt>
                <c:pt idx="1743">
                  <c:v>68.508777397499387</c:v>
                </c:pt>
                <c:pt idx="1744">
                  <c:v>68.493465434984614</c:v>
                </c:pt>
                <c:pt idx="1745">
                  <c:v>68.478197522994918</c:v>
                </c:pt>
                <c:pt idx="1746">
                  <c:v>68.462198372289038</c:v>
                </c:pt>
                <c:pt idx="1747">
                  <c:v>68.446882004721758</c:v>
                </c:pt>
                <c:pt idx="1748">
                  <c:v>68.432296875870676</c:v>
                </c:pt>
                <c:pt idx="1749">
                  <c:v>68.416980508303411</c:v>
                </c:pt>
                <c:pt idx="1750">
                  <c:v>68.401717001366222</c:v>
                </c:pt>
                <c:pt idx="1751">
                  <c:v>68.386400633798957</c:v>
                </c:pt>
                <c:pt idx="1752">
                  <c:v>68.371767049370277</c:v>
                </c:pt>
                <c:pt idx="1753">
                  <c:v>68.356499137380595</c:v>
                </c:pt>
                <c:pt idx="1754">
                  <c:v>68.341865552951916</c:v>
                </c:pt>
                <c:pt idx="1755">
                  <c:v>68.326602046014727</c:v>
                </c:pt>
                <c:pt idx="1756">
                  <c:v>68.311968461586076</c:v>
                </c:pt>
                <c:pt idx="1757">
                  <c:v>68.298066115873581</c:v>
                </c:pt>
                <c:pt idx="1758">
                  <c:v>68.282798203883885</c:v>
                </c:pt>
                <c:pt idx="1759">
                  <c:v>68.268847402593821</c:v>
                </c:pt>
                <c:pt idx="1760">
                  <c:v>68.254266678795233</c:v>
                </c:pt>
                <c:pt idx="1761">
                  <c:v>68.240364333082752</c:v>
                </c:pt>
                <c:pt idx="1762">
                  <c:v>68.225730748654087</c:v>
                </c:pt>
                <c:pt idx="1763">
                  <c:v>68.211828402941606</c:v>
                </c:pt>
                <c:pt idx="1764">
                  <c:v>68.197247679143032</c:v>
                </c:pt>
                <c:pt idx="1765">
                  <c:v>68.183345333430537</c:v>
                </c:pt>
                <c:pt idx="1766">
                  <c:v>68.168711749001858</c:v>
                </c:pt>
                <c:pt idx="1767">
                  <c:v>68.155540642005562</c:v>
                </c:pt>
                <c:pt idx="1768">
                  <c:v>68.142325484484189</c:v>
                </c:pt>
                <c:pt idx="1769">
                  <c:v>68.128423138771694</c:v>
                </c:pt>
                <c:pt idx="1770">
                  <c:v>68.115203576197828</c:v>
                </c:pt>
                <c:pt idx="1771">
                  <c:v>68.101252774907749</c:v>
                </c:pt>
                <c:pt idx="1772">
                  <c:v>68.087354834247776</c:v>
                </c:pt>
                <c:pt idx="1773">
                  <c:v>68.074135271673896</c:v>
                </c:pt>
                <c:pt idx="1774">
                  <c:v>68.0609641646776</c:v>
                </c:pt>
                <c:pt idx="1775">
                  <c:v>68.047749007156213</c:v>
                </c:pt>
                <c:pt idx="1776">
                  <c:v>68.034529444582333</c:v>
                </c:pt>
                <c:pt idx="1777">
                  <c:v>68.020627098869852</c:v>
                </c:pt>
                <c:pt idx="1778">
                  <c:v>68.008090319434586</c:v>
                </c:pt>
                <c:pt idx="1779">
                  <c:v>67.9955579450518</c:v>
                </c:pt>
                <c:pt idx="1780">
                  <c:v>67.983069621194119</c:v>
                </c:pt>
                <c:pt idx="1781">
                  <c:v>67.969850058620239</c:v>
                </c:pt>
                <c:pt idx="1782">
                  <c:v>67.957317684237466</c:v>
                </c:pt>
                <c:pt idx="1783">
                  <c:v>67.944829360379771</c:v>
                </c:pt>
                <c:pt idx="1784">
                  <c:v>67.931609797805891</c:v>
                </c:pt>
                <c:pt idx="1785">
                  <c:v>67.919077423423118</c:v>
                </c:pt>
                <c:pt idx="1786">
                  <c:v>67.906589099565423</c:v>
                </c:pt>
                <c:pt idx="1787">
                  <c:v>67.894052320130143</c:v>
                </c:pt>
                <c:pt idx="1788">
                  <c:v>67.882251184463541</c:v>
                </c:pt>
                <c:pt idx="1789">
                  <c:v>67.869714405028262</c:v>
                </c:pt>
                <c:pt idx="1790">
                  <c:v>67.857177625592996</c:v>
                </c:pt>
                <c:pt idx="1791">
                  <c:v>67.845376489926409</c:v>
                </c:pt>
                <c:pt idx="1792">
                  <c:v>67.833570949207314</c:v>
                </c:pt>
                <c:pt idx="1793">
                  <c:v>67.821034169772034</c:v>
                </c:pt>
                <c:pt idx="1794">
                  <c:v>67.809915817244061</c:v>
                </c:pt>
                <c:pt idx="1795">
                  <c:v>67.798061820947382</c:v>
                </c:pt>
                <c:pt idx="1796">
                  <c:v>67.786260685280794</c:v>
                </c:pt>
                <c:pt idx="1797">
                  <c:v>67.774455144561699</c:v>
                </c:pt>
                <c:pt idx="1798">
                  <c:v>67.763332386981219</c:v>
                </c:pt>
                <c:pt idx="1799">
                  <c:v>67.752165578875662</c:v>
                </c:pt>
                <c:pt idx="1800">
                  <c:v>67.740360038156567</c:v>
                </c:pt>
                <c:pt idx="1801">
                  <c:v>67.729237280576072</c:v>
                </c:pt>
                <c:pt idx="1802">
                  <c:v>67.717436144909485</c:v>
                </c:pt>
                <c:pt idx="1803">
                  <c:v>67.70631338732899</c:v>
                </c:pt>
                <c:pt idx="1804">
                  <c:v>67.695146579223433</c:v>
                </c:pt>
                <c:pt idx="1805">
                  <c:v>67.684755060359123</c:v>
                </c:pt>
                <c:pt idx="1806">
                  <c:v>67.673583847201058</c:v>
                </c:pt>
                <c:pt idx="1807">
                  <c:v>67.662465494673071</c:v>
                </c:pt>
                <c:pt idx="1808">
                  <c:v>67.652025520231192</c:v>
                </c:pt>
                <c:pt idx="1809">
                  <c:v>67.641638406419389</c:v>
                </c:pt>
                <c:pt idx="1810">
                  <c:v>67.630515648838909</c:v>
                </c:pt>
                <c:pt idx="1811">
                  <c:v>67.620080079449536</c:v>
                </c:pt>
                <c:pt idx="1812">
                  <c:v>67.608957321869042</c:v>
                </c:pt>
                <c:pt idx="1813">
                  <c:v>67.598517347427148</c:v>
                </c:pt>
                <c:pt idx="1814">
                  <c:v>67.588081778037761</c:v>
                </c:pt>
                <c:pt idx="1815">
                  <c:v>67.577641803595881</c:v>
                </c:pt>
                <c:pt idx="1816">
                  <c:v>67.566523451067894</c:v>
                </c:pt>
                <c:pt idx="1817">
                  <c:v>67.556083476626029</c:v>
                </c:pt>
                <c:pt idx="1818">
                  <c:v>67.546330690375243</c:v>
                </c:pt>
                <c:pt idx="1819">
                  <c:v>67.535939171510933</c:v>
                </c:pt>
                <c:pt idx="1820">
                  <c:v>67.52550360212156</c:v>
                </c:pt>
                <c:pt idx="1821">
                  <c:v>67.51506362767968</c:v>
                </c:pt>
                <c:pt idx="1822">
                  <c:v>67.504623653237786</c:v>
                </c:pt>
                <c:pt idx="1823">
                  <c:v>67.4941880838484</c:v>
                </c:pt>
                <c:pt idx="1824">
                  <c:v>67.484479348122704</c:v>
                </c:pt>
                <c:pt idx="1825">
                  <c:v>67.474043778733318</c:v>
                </c:pt>
                <c:pt idx="1826">
                  <c:v>67.463603804291452</c:v>
                </c:pt>
                <c:pt idx="1827">
                  <c:v>67.453851018040666</c:v>
                </c:pt>
                <c:pt idx="1828">
                  <c:v>67.443411043598772</c:v>
                </c:pt>
                <c:pt idx="1829">
                  <c:v>67.433706712925584</c:v>
                </c:pt>
                <c:pt idx="1830">
                  <c:v>67.423266738483704</c:v>
                </c:pt>
                <c:pt idx="1831">
                  <c:v>67.413509547180425</c:v>
                </c:pt>
                <c:pt idx="1832">
                  <c:v>67.403805216507223</c:v>
                </c:pt>
                <c:pt idx="1833">
                  <c:v>67.393365242065343</c:v>
                </c:pt>
                <c:pt idx="1834">
                  <c:v>67.383612455814571</c:v>
                </c:pt>
                <c:pt idx="1835">
                  <c:v>67.373172481372691</c:v>
                </c:pt>
                <c:pt idx="1836">
                  <c:v>67.36415093383809</c:v>
                </c:pt>
                <c:pt idx="1837">
                  <c:v>67.353710959396196</c:v>
                </c:pt>
                <c:pt idx="1838">
                  <c:v>67.344006628723008</c:v>
                </c:pt>
                <c:pt idx="1839">
                  <c:v>67.334249437419729</c:v>
                </c:pt>
                <c:pt idx="1840">
                  <c:v>67.324496651168957</c:v>
                </c:pt>
                <c:pt idx="1841">
                  <c:v>67.314787915443247</c:v>
                </c:pt>
                <c:pt idx="1842">
                  <c:v>67.305035129192476</c:v>
                </c:pt>
                <c:pt idx="1843">
                  <c:v>67.294595154750596</c:v>
                </c:pt>
                <c:pt idx="1844">
                  <c:v>67.285573607215994</c:v>
                </c:pt>
                <c:pt idx="1845">
                  <c:v>67.276547654628899</c:v>
                </c:pt>
                <c:pt idx="1846">
                  <c:v>67.267477651516742</c:v>
                </c:pt>
                <c:pt idx="1847">
                  <c:v>67.257768915791033</c:v>
                </c:pt>
                <c:pt idx="1848">
                  <c:v>67.247333346401646</c:v>
                </c:pt>
                <c:pt idx="1849">
                  <c:v>67.237576155098367</c:v>
                </c:pt>
                <c:pt idx="1850">
                  <c:v>67.227867419372657</c:v>
                </c:pt>
                <c:pt idx="1851">
                  <c:v>67.2187974162605</c:v>
                </c:pt>
                <c:pt idx="1852">
                  <c:v>67.210458651864514</c:v>
                </c:pt>
                <c:pt idx="1853">
                  <c:v>67.200749916138804</c:v>
                </c:pt>
                <c:pt idx="1854">
                  <c:v>67.190309941696924</c:v>
                </c:pt>
                <c:pt idx="1855">
                  <c:v>67.181971177300937</c:v>
                </c:pt>
                <c:pt idx="1856">
                  <c:v>67.172213985997644</c:v>
                </c:pt>
                <c:pt idx="1857">
                  <c:v>67.163192438463071</c:v>
                </c:pt>
                <c:pt idx="1858">
                  <c:v>67.153435247159777</c:v>
                </c:pt>
                <c:pt idx="1859">
                  <c:v>67.143730916486589</c:v>
                </c:pt>
                <c:pt idx="1860">
                  <c:v>67.13465650832191</c:v>
                </c:pt>
                <c:pt idx="1861">
                  <c:v>67.125634960787309</c:v>
                </c:pt>
                <c:pt idx="1862">
                  <c:v>67.116613413252736</c:v>
                </c:pt>
                <c:pt idx="1863">
                  <c:v>67.106856221949442</c:v>
                </c:pt>
                <c:pt idx="1864">
                  <c:v>67.097834674414855</c:v>
                </c:pt>
                <c:pt idx="1865">
                  <c:v>67.088760266250191</c:v>
                </c:pt>
                <c:pt idx="1866">
                  <c:v>67.079738718715589</c:v>
                </c:pt>
                <c:pt idx="1867">
                  <c:v>67.070712766128494</c:v>
                </c:pt>
                <c:pt idx="1868">
                  <c:v>67.061642763016323</c:v>
                </c:pt>
                <c:pt idx="1869">
                  <c:v>67.052616810429228</c:v>
                </c:pt>
                <c:pt idx="1870">
                  <c:v>67.044278046033227</c:v>
                </c:pt>
                <c:pt idx="1871">
                  <c:v>67.035252093446132</c:v>
                </c:pt>
                <c:pt idx="1872">
                  <c:v>67.026182090333961</c:v>
                </c:pt>
                <c:pt idx="1873">
                  <c:v>67.017156137746866</c:v>
                </c:pt>
                <c:pt idx="1874">
                  <c:v>67.00881737335088</c:v>
                </c:pt>
                <c:pt idx="1875">
                  <c:v>66.999742965186201</c:v>
                </c:pt>
                <c:pt idx="1876">
                  <c:v>66.990721417651613</c:v>
                </c:pt>
                <c:pt idx="1877">
                  <c:v>66.982378248203119</c:v>
                </c:pt>
                <c:pt idx="1878">
                  <c:v>66.974722266945733</c:v>
                </c:pt>
                <c:pt idx="1879">
                  <c:v>66.965696314358638</c:v>
                </c:pt>
                <c:pt idx="1880">
                  <c:v>66.957357549962651</c:v>
                </c:pt>
                <c:pt idx="1881">
                  <c:v>66.948283141797972</c:v>
                </c:pt>
                <c:pt idx="1882">
                  <c:v>66.939944377401986</c:v>
                </c:pt>
                <c:pt idx="1883">
                  <c:v>66.931605613005999</c:v>
                </c:pt>
                <c:pt idx="1884">
                  <c:v>66.922579660418904</c:v>
                </c:pt>
                <c:pt idx="1885">
                  <c:v>66.914923679161518</c:v>
                </c:pt>
                <c:pt idx="1886">
                  <c:v>66.905897726574423</c:v>
                </c:pt>
                <c:pt idx="1887">
                  <c:v>66.897558962178437</c:v>
                </c:pt>
                <c:pt idx="1888">
                  <c:v>66.889215792729942</c:v>
                </c:pt>
                <c:pt idx="1889">
                  <c:v>66.880828572756371</c:v>
                </c:pt>
                <c:pt idx="1890">
                  <c:v>66.872485403307877</c:v>
                </c:pt>
                <c:pt idx="1891">
                  <c:v>66.864877877628075</c:v>
                </c:pt>
                <c:pt idx="1892">
                  <c:v>66.856486252602011</c:v>
                </c:pt>
                <c:pt idx="1893">
                  <c:v>66.848147488206024</c:v>
                </c:pt>
                <c:pt idx="1894">
                  <c:v>66.839808723810037</c:v>
                </c:pt>
                <c:pt idx="1895">
                  <c:v>66.831465554361543</c:v>
                </c:pt>
                <c:pt idx="1896">
                  <c:v>66.823126789965556</c:v>
                </c:pt>
                <c:pt idx="1897">
                  <c:v>66.814783620517062</c:v>
                </c:pt>
                <c:pt idx="1898">
                  <c:v>66.807127639259676</c:v>
                </c:pt>
                <c:pt idx="1899">
                  <c:v>66.798784469811181</c:v>
                </c:pt>
                <c:pt idx="1900">
                  <c:v>66.789762922276594</c:v>
                </c:pt>
                <c:pt idx="1901">
                  <c:v>66.7814197528281</c:v>
                </c:pt>
                <c:pt idx="1902">
                  <c:v>66.773080988432113</c:v>
                </c:pt>
                <c:pt idx="1903">
                  <c:v>66.765425007174727</c:v>
                </c:pt>
                <c:pt idx="1904">
                  <c:v>66.757081837726233</c:v>
                </c:pt>
                <c:pt idx="1905">
                  <c:v>66.749425856468847</c:v>
                </c:pt>
                <c:pt idx="1906">
                  <c:v>66.741082687020352</c:v>
                </c:pt>
                <c:pt idx="1907">
                  <c:v>66.732743922624365</c:v>
                </c:pt>
                <c:pt idx="1908">
                  <c:v>66.725083536314486</c:v>
                </c:pt>
                <c:pt idx="1909">
                  <c:v>66.7174275550571</c:v>
                </c:pt>
                <c:pt idx="1910">
                  <c:v>66.709088790661113</c:v>
                </c:pt>
                <c:pt idx="1911">
                  <c:v>66.701428404351219</c:v>
                </c:pt>
                <c:pt idx="1912">
                  <c:v>66.693772423093833</c:v>
                </c:pt>
                <c:pt idx="1913">
                  <c:v>66.686112036783939</c:v>
                </c:pt>
                <c:pt idx="1914">
                  <c:v>66.678504511104151</c:v>
                </c:pt>
                <c:pt idx="1915">
                  <c:v>66.670161341655657</c:v>
                </c:pt>
                <c:pt idx="1916">
                  <c:v>66.662505360398256</c:v>
                </c:pt>
                <c:pt idx="1917">
                  <c:v>66.65484937914087</c:v>
                </c:pt>
                <c:pt idx="1918">
                  <c:v>66.64650620969239</c:v>
                </c:pt>
                <c:pt idx="1919">
                  <c:v>66.638850228435004</c:v>
                </c:pt>
                <c:pt idx="1920">
                  <c:v>66.63118984212511</c:v>
                </c:pt>
                <c:pt idx="1921">
                  <c:v>66.623533860867738</c:v>
                </c:pt>
                <c:pt idx="1922">
                  <c:v>66.615926335187922</c:v>
                </c:pt>
                <c:pt idx="1923">
                  <c:v>66.608948732016643</c:v>
                </c:pt>
                <c:pt idx="1924">
                  <c:v>66.601292750759256</c:v>
                </c:pt>
                <c:pt idx="1925">
                  <c:v>66.592949581310762</c:v>
                </c:pt>
                <c:pt idx="1926">
                  <c:v>66.58529360005339</c:v>
                </c:pt>
                <c:pt idx="1927">
                  <c:v>66.577633213743496</c:v>
                </c:pt>
                <c:pt idx="1928">
                  <c:v>66.57002568806368</c:v>
                </c:pt>
                <c:pt idx="1929">
                  <c:v>66.563052489944909</c:v>
                </c:pt>
                <c:pt idx="1930">
                  <c:v>66.555392103635029</c:v>
                </c:pt>
                <c:pt idx="1931">
                  <c:v>66.547736122377643</c:v>
                </c:pt>
                <c:pt idx="1932">
                  <c:v>66.540811379836441</c:v>
                </c:pt>
                <c:pt idx="1933">
                  <c:v>66.533150993526561</c:v>
                </c:pt>
                <c:pt idx="1934">
                  <c:v>66.525495012269161</c:v>
                </c:pt>
                <c:pt idx="1935">
                  <c:v>66.517834625959281</c:v>
                </c:pt>
                <c:pt idx="1936">
                  <c:v>66.510178644701881</c:v>
                </c:pt>
                <c:pt idx="1937">
                  <c:v>66.503249497108186</c:v>
                </c:pt>
                <c:pt idx="1938">
                  <c:v>66.494910732712199</c:v>
                </c:pt>
                <c:pt idx="1939">
                  <c:v>66.487937534593414</c:v>
                </c:pt>
                <c:pt idx="1940">
                  <c:v>66.481008386999704</c:v>
                </c:pt>
                <c:pt idx="1941">
                  <c:v>66.472669622603732</c:v>
                </c:pt>
                <c:pt idx="1942">
                  <c:v>66.466374802571053</c:v>
                </c:pt>
                <c:pt idx="1943">
                  <c:v>66.458718821313667</c:v>
                </c:pt>
                <c:pt idx="1944">
                  <c:v>66.451794078772465</c:v>
                </c:pt>
                <c:pt idx="1945">
                  <c:v>66.444133692462586</c:v>
                </c:pt>
                <c:pt idx="1946">
                  <c:v>66.4371604943438</c:v>
                </c:pt>
                <c:pt idx="1947">
                  <c:v>66.430235751802599</c:v>
                </c:pt>
                <c:pt idx="1948">
                  <c:v>66.422575365492705</c:v>
                </c:pt>
                <c:pt idx="1949">
                  <c:v>66.414919384235333</c:v>
                </c:pt>
                <c:pt idx="1950">
                  <c:v>66.407990236641623</c:v>
                </c:pt>
                <c:pt idx="1951">
                  <c:v>66.400334255384237</c:v>
                </c:pt>
                <c:pt idx="1952">
                  <c:v>66.393361057265452</c:v>
                </c:pt>
                <c:pt idx="1953">
                  <c:v>66.387114692810343</c:v>
                </c:pt>
                <c:pt idx="1954">
                  <c:v>66.380141494691586</c:v>
                </c:pt>
                <c:pt idx="1955">
                  <c:v>66.372529563959262</c:v>
                </c:pt>
                <c:pt idx="1956">
                  <c:v>66.366239148979105</c:v>
                </c:pt>
                <c:pt idx="1957">
                  <c:v>66.359314406437889</c:v>
                </c:pt>
                <c:pt idx="1958">
                  <c:v>66.351654020128009</c:v>
                </c:pt>
                <c:pt idx="1959">
                  <c:v>66.344680822009224</c:v>
                </c:pt>
                <c:pt idx="1960">
                  <c:v>66.337756079468022</c:v>
                </c:pt>
                <c:pt idx="1961">
                  <c:v>66.330778476296743</c:v>
                </c:pt>
                <c:pt idx="1962">
                  <c:v>66.323853733755541</c:v>
                </c:pt>
                <c:pt idx="1963">
                  <c:v>66.316876130584248</c:v>
                </c:pt>
                <c:pt idx="1964">
                  <c:v>66.309902932465477</c:v>
                </c:pt>
                <c:pt idx="1965">
                  <c:v>66.302295406785674</c:v>
                </c:pt>
                <c:pt idx="1966">
                  <c:v>66.296000586752996</c:v>
                </c:pt>
                <c:pt idx="1967">
                  <c:v>66.289758627350395</c:v>
                </c:pt>
                <c:pt idx="1968">
                  <c:v>66.282785429231623</c:v>
                </c:pt>
                <c:pt idx="1969">
                  <c:v>66.275173498499299</c:v>
                </c:pt>
                <c:pt idx="1970">
                  <c:v>66.268883083519128</c:v>
                </c:pt>
                <c:pt idx="1971">
                  <c:v>66.261958340977927</c:v>
                </c:pt>
                <c:pt idx="1972">
                  <c:v>66.254980737806648</c:v>
                </c:pt>
                <c:pt idx="1973">
                  <c:v>66.248055995265446</c:v>
                </c:pt>
                <c:pt idx="1974">
                  <c:v>66.241078392094167</c:v>
                </c:pt>
                <c:pt idx="1975">
                  <c:v>66.234105193975381</c:v>
                </c:pt>
                <c:pt idx="1976">
                  <c:v>66.22718045143418</c:v>
                </c:pt>
                <c:pt idx="1977">
                  <c:v>66.220934086979085</c:v>
                </c:pt>
                <c:pt idx="1978">
                  <c:v>66.213960888860299</c:v>
                </c:pt>
                <c:pt idx="1979">
                  <c:v>66.207718929457698</c:v>
                </c:pt>
                <c:pt idx="1980">
                  <c:v>66.200741326286419</c:v>
                </c:pt>
                <c:pt idx="1981">
                  <c:v>66.193816583745217</c:v>
                </c:pt>
                <c:pt idx="1982">
                  <c:v>66.187521763712539</c:v>
                </c:pt>
                <c:pt idx="1983">
                  <c:v>66.180597021171337</c:v>
                </c:pt>
                <c:pt idx="1984">
                  <c:v>66.174306606191166</c:v>
                </c:pt>
                <c:pt idx="1985">
                  <c:v>66.167377458597457</c:v>
                </c:pt>
                <c:pt idx="1986">
                  <c:v>66.161087043617286</c:v>
                </c:pt>
                <c:pt idx="1987">
                  <c:v>66.154162301076084</c:v>
                </c:pt>
                <c:pt idx="1988">
                  <c:v>66.14791593662099</c:v>
                </c:pt>
                <c:pt idx="1989">
                  <c:v>66.140942738502204</c:v>
                </c:pt>
                <c:pt idx="1990">
                  <c:v>66.133969540383418</c:v>
                </c:pt>
                <c:pt idx="1991">
                  <c:v>66.12772317592831</c:v>
                </c:pt>
                <c:pt idx="1992">
                  <c:v>66.120798433387122</c:v>
                </c:pt>
                <c:pt idx="1993">
                  <c:v>66.113825235268337</c:v>
                </c:pt>
                <c:pt idx="1994">
                  <c:v>66.107578870813242</c:v>
                </c:pt>
                <c:pt idx="1995">
                  <c:v>66.100605672694456</c:v>
                </c:pt>
                <c:pt idx="1996">
                  <c:v>66.09436371329187</c:v>
                </c:pt>
                <c:pt idx="1997">
                  <c:v>66.087386110120576</c:v>
                </c:pt>
                <c:pt idx="1998">
                  <c:v>66.081144150717989</c:v>
                </c:pt>
                <c:pt idx="1999">
                  <c:v>66.074897786262881</c:v>
                </c:pt>
                <c:pt idx="2000">
                  <c:v>66.067924588144109</c:v>
                </c:pt>
                <c:pt idx="2001">
                  <c:v>66.060951390025323</c:v>
                </c:pt>
                <c:pt idx="2002">
                  <c:v>66.054022242431614</c:v>
                </c:pt>
                <c:pt idx="2003">
                  <c:v>66.047780283029027</c:v>
                </c:pt>
                <c:pt idx="2004">
                  <c:v>66.040807084910242</c:v>
                </c:pt>
                <c:pt idx="2005">
                  <c:v>66.034560720455147</c:v>
                </c:pt>
                <c:pt idx="2006">
                  <c:v>66.027587522336361</c:v>
                </c:pt>
                <c:pt idx="2007">
                  <c:v>66.021345562933774</c:v>
                </c:pt>
                <c:pt idx="2008">
                  <c:v>66.015050742901096</c:v>
                </c:pt>
                <c:pt idx="2009">
                  <c:v>66.008126000359894</c:v>
                </c:pt>
                <c:pt idx="2010">
                  <c:v>66.002566824095894</c:v>
                </c:pt>
                <c:pt idx="2011">
                  <c:v>65.995589220924614</c:v>
                </c:pt>
                <c:pt idx="2012">
                  <c:v>65.989347261522013</c:v>
                </c:pt>
                <c:pt idx="2013">
                  <c:v>65.982369658350734</c:v>
                </c:pt>
                <c:pt idx="2014">
                  <c:v>65.976127698948133</c:v>
                </c:pt>
                <c:pt idx="2015">
                  <c:v>65.970568522684147</c:v>
                </c:pt>
                <c:pt idx="2016">
                  <c:v>65.963590919512853</c:v>
                </c:pt>
                <c:pt idx="2017">
                  <c:v>65.957348960110266</c:v>
                </c:pt>
                <c:pt idx="2018">
                  <c:v>65.950424217569065</c:v>
                </c:pt>
                <c:pt idx="2019">
                  <c:v>65.943446614397786</c:v>
                </c:pt>
                <c:pt idx="2020">
                  <c:v>65.936473416279</c:v>
                </c:pt>
                <c:pt idx="2021">
                  <c:v>65.930231456876399</c:v>
                </c:pt>
                <c:pt idx="2022">
                  <c:v>65.92398509242129</c:v>
                </c:pt>
                <c:pt idx="2023">
                  <c:v>65.917743133018703</c:v>
                </c:pt>
                <c:pt idx="2024">
                  <c:v>65.911452718038532</c:v>
                </c:pt>
                <c:pt idx="2025">
                  <c:v>65.904523570444823</c:v>
                </c:pt>
                <c:pt idx="2026">
                  <c:v>65.898233155464652</c:v>
                </c:pt>
                <c:pt idx="2027">
                  <c:v>65.891991196062051</c:v>
                </c:pt>
                <c:pt idx="2028">
                  <c:v>65.885744831606956</c:v>
                </c:pt>
                <c:pt idx="2029">
                  <c:v>65.879454416626771</c:v>
                </c:pt>
                <c:pt idx="2030">
                  <c:v>65.873212457224184</c:v>
                </c:pt>
                <c:pt idx="2031">
                  <c:v>65.86696609276909</c:v>
                </c:pt>
                <c:pt idx="2032">
                  <c:v>65.860675677788905</c:v>
                </c:pt>
                <c:pt idx="2033">
                  <c:v>65.853750935247703</c:v>
                </c:pt>
                <c:pt idx="2034">
                  <c:v>65.847504570792594</c:v>
                </c:pt>
                <c:pt idx="2035">
                  <c:v>65.841896938951038</c:v>
                </c:pt>
                <c:pt idx="2036">
                  <c:v>65.835654979548437</c:v>
                </c:pt>
                <c:pt idx="2037">
                  <c:v>65.828725831954728</c:v>
                </c:pt>
                <c:pt idx="2038">
                  <c:v>65.821752633835942</c:v>
                </c:pt>
                <c:pt idx="2039">
                  <c:v>65.815510674433355</c:v>
                </c:pt>
                <c:pt idx="2040">
                  <c:v>65.809947093116847</c:v>
                </c:pt>
                <c:pt idx="2041">
                  <c:v>65.802291111859475</c:v>
                </c:pt>
                <c:pt idx="2042">
                  <c:v>65.796044747404366</c:v>
                </c:pt>
                <c:pt idx="2043">
                  <c:v>65.789754332424195</c:v>
                </c:pt>
                <c:pt idx="2044">
                  <c:v>65.783512373021608</c:v>
                </c:pt>
                <c:pt idx="2045">
                  <c:v>65.777266008566514</c:v>
                </c:pt>
                <c:pt idx="2046">
                  <c:v>65.770975593586329</c:v>
                </c:pt>
                <c:pt idx="2047">
                  <c:v>65.764050851045141</c:v>
                </c:pt>
                <c:pt idx="2048">
                  <c:v>65.758487269728619</c:v>
                </c:pt>
                <c:pt idx="2049">
                  <c:v>65.752196854748448</c:v>
                </c:pt>
                <c:pt idx="2050">
                  <c:v>65.745954895345861</c:v>
                </c:pt>
                <c:pt idx="2051">
                  <c:v>65.739708530890752</c:v>
                </c:pt>
                <c:pt idx="2052">
                  <c:v>65.734149354626766</c:v>
                </c:pt>
                <c:pt idx="2053">
                  <c:v>65.727858939646595</c:v>
                </c:pt>
                <c:pt idx="2054">
                  <c:v>65.721612575191486</c:v>
                </c:pt>
                <c:pt idx="2055">
                  <c:v>65.715370615788885</c:v>
                </c:pt>
                <c:pt idx="2056">
                  <c:v>65.709080200808714</c:v>
                </c:pt>
                <c:pt idx="2057">
                  <c:v>65.702833836353619</c:v>
                </c:pt>
                <c:pt idx="2058">
                  <c:v>65.696591876951018</c:v>
                </c:pt>
                <c:pt idx="2059">
                  <c:v>65.690301461970847</c:v>
                </c:pt>
                <c:pt idx="2060">
                  <c:v>65.684055097515753</c:v>
                </c:pt>
                <c:pt idx="2061">
                  <c:v>65.678495921251752</c:v>
                </c:pt>
                <c:pt idx="2062">
                  <c:v>65.672253961849165</c:v>
                </c:pt>
                <c:pt idx="2063">
                  <c:v>65.665959141816472</c:v>
                </c:pt>
                <c:pt idx="2064">
                  <c:v>65.659717182413885</c:v>
                </c:pt>
                <c:pt idx="2065">
                  <c:v>65.654158006149885</c:v>
                </c:pt>
                <c:pt idx="2066">
                  <c:v>65.64791164169479</c:v>
                </c:pt>
                <c:pt idx="2067">
                  <c:v>65.641621226714619</c:v>
                </c:pt>
                <c:pt idx="2068">
                  <c:v>65.634696484173404</c:v>
                </c:pt>
                <c:pt idx="2069">
                  <c:v>65.629132902856909</c:v>
                </c:pt>
                <c:pt idx="2070">
                  <c:v>65.622890943454323</c:v>
                </c:pt>
                <c:pt idx="2071">
                  <c:v>65.616600528474152</c:v>
                </c:pt>
                <c:pt idx="2072">
                  <c:v>65.611036947157643</c:v>
                </c:pt>
                <c:pt idx="2073">
                  <c:v>65.604794987755056</c:v>
                </c:pt>
                <c:pt idx="2074">
                  <c:v>65.598553028352455</c:v>
                </c:pt>
                <c:pt idx="2075">
                  <c:v>65.592258208319777</c:v>
                </c:pt>
                <c:pt idx="2076">
                  <c:v>65.586016248917176</c:v>
                </c:pt>
                <c:pt idx="2077">
                  <c:v>65.579774289514589</c:v>
                </c:pt>
                <c:pt idx="2078">
                  <c:v>65.574215113250588</c:v>
                </c:pt>
                <c:pt idx="2079">
                  <c:v>65.567920293217909</c:v>
                </c:pt>
                <c:pt idx="2080">
                  <c:v>65.562361116953909</c:v>
                </c:pt>
                <c:pt idx="2081">
                  <c:v>65.556119157551322</c:v>
                </c:pt>
                <c:pt idx="2082">
                  <c:v>65.549872793096213</c:v>
                </c:pt>
                <c:pt idx="2083">
                  <c:v>65.544313616832227</c:v>
                </c:pt>
                <c:pt idx="2084">
                  <c:v>65.538705984990671</c:v>
                </c:pt>
                <c:pt idx="2085">
                  <c:v>65.532459620535562</c:v>
                </c:pt>
                <c:pt idx="2086">
                  <c:v>65.525534877994346</c:v>
                </c:pt>
                <c:pt idx="2087">
                  <c:v>65.519244463014189</c:v>
                </c:pt>
                <c:pt idx="2088">
                  <c:v>65.513680881697681</c:v>
                </c:pt>
                <c:pt idx="2089">
                  <c:v>65.507438922295094</c:v>
                </c:pt>
                <c:pt idx="2090">
                  <c:v>65.501196962892493</c:v>
                </c:pt>
                <c:pt idx="2091">
                  <c:v>65.494219359721214</c:v>
                </c:pt>
                <c:pt idx="2092">
                  <c:v>65.488660183457213</c:v>
                </c:pt>
                <c:pt idx="2093">
                  <c:v>65.482418224054626</c:v>
                </c:pt>
                <c:pt idx="2094">
                  <c:v>65.476123404021934</c:v>
                </c:pt>
                <c:pt idx="2095">
                  <c:v>65.470564227757947</c:v>
                </c:pt>
                <c:pt idx="2096">
                  <c:v>65.46432226835536</c:v>
                </c:pt>
                <c:pt idx="2097">
                  <c:v>65.458075903900252</c:v>
                </c:pt>
                <c:pt idx="2098">
                  <c:v>65.452516727636265</c:v>
                </c:pt>
                <c:pt idx="2099">
                  <c:v>65.446226312656094</c:v>
                </c:pt>
                <c:pt idx="2100">
                  <c:v>65.4406627313396</c:v>
                </c:pt>
                <c:pt idx="2101">
                  <c:v>65.4351035550756</c:v>
                </c:pt>
                <c:pt idx="2102">
                  <c:v>65.428861595672998</c:v>
                </c:pt>
                <c:pt idx="2103">
                  <c:v>65.423298014356504</c:v>
                </c:pt>
                <c:pt idx="2104">
                  <c:v>65.417007599376319</c:v>
                </c:pt>
                <c:pt idx="2105">
                  <c:v>65.411448423112347</c:v>
                </c:pt>
                <c:pt idx="2106">
                  <c:v>65.405202058657224</c:v>
                </c:pt>
                <c:pt idx="2107">
                  <c:v>65.398960099254637</c:v>
                </c:pt>
                <c:pt idx="2108">
                  <c:v>65.392669684274466</c:v>
                </c:pt>
                <c:pt idx="2109">
                  <c:v>65.386423319819357</c:v>
                </c:pt>
                <c:pt idx="2110">
                  <c:v>65.380864143555371</c:v>
                </c:pt>
                <c:pt idx="2111">
                  <c:v>65.375304967291385</c:v>
                </c:pt>
                <c:pt idx="2112">
                  <c:v>65.369058602836276</c:v>
                </c:pt>
                <c:pt idx="2113">
                  <c:v>65.362768187856105</c:v>
                </c:pt>
                <c:pt idx="2114">
                  <c:v>65.357209011592118</c:v>
                </c:pt>
                <c:pt idx="2115">
                  <c:v>65.351649835328118</c:v>
                </c:pt>
                <c:pt idx="2116">
                  <c:v>65.345403470873023</c:v>
                </c:pt>
                <c:pt idx="2117">
                  <c:v>65.339161511470422</c:v>
                </c:pt>
                <c:pt idx="2118">
                  <c:v>65.333602335206422</c:v>
                </c:pt>
                <c:pt idx="2119">
                  <c:v>65.327307515173743</c:v>
                </c:pt>
                <c:pt idx="2120">
                  <c:v>65.321748338909757</c:v>
                </c:pt>
                <c:pt idx="2121">
                  <c:v>65.31618916264577</c:v>
                </c:pt>
                <c:pt idx="2122">
                  <c:v>65.309942798190662</c:v>
                </c:pt>
                <c:pt idx="2123">
                  <c:v>65.303700838788075</c:v>
                </c:pt>
                <c:pt idx="2124">
                  <c:v>65.298141662524088</c:v>
                </c:pt>
                <c:pt idx="2125">
                  <c:v>65.292529625629996</c:v>
                </c:pt>
                <c:pt idx="2126">
                  <c:v>65.286287666227409</c:v>
                </c:pt>
                <c:pt idx="2127">
                  <c:v>65.280728489963408</c:v>
                </c:pt>
                <c:pt idx="2128">
                  <c:v>65.275164908646914</c:v>
                </c:pt>
                <c:pt idx="2129">
                  <c:v>65.268922949244313</c:v>
                </c:pt>
                <c:pt idx="2130">
                  <c:v>65.262632534264142</c:v>
                </c:pt>
                <c:pt idx="2131">
                  <c:v>65.257068952947648</c:v>
                </c:pt>
                <c:pt idx="2132">
                  <c:v>65.251509776683662</c:v>
                </c:pt>
                <c:pt idx="2133">
                  <c:v>65.245267817281061</c:v>
                </c:pt>
                <c:pt idx="2134">
                  <c:v>65.239708641017074</c:v>
                </c:pt>
                <c:pt idx="2135">
                  <c:v>65.233462276561966</c:v>
                </c:pt>
                <c:pt idx="2136">
                  <c:v>65.227903100297979</c:v>
                </c:pt>
                <c:pt idx="2137">
                  <c:v>65.221612685317794</c:v>
                </c:pt>
                <c:pt idx="2138">
                  <c:v>65.2160491040013</c:v>
                </c:pt>
                <c:pt idx="2139">
                  <c:v>65.210489927737299</c:v>
                </c:pt>
                <c:pt idx="2140">
                  <c:v>65.204247968334712</c:v>
                </c:pt>
                <c:pt idx="2141">
                  <c:v>65.198684387018218</c:v>
                </c:pt>
                <c:pt idx="2142">
                  <c:v>65.193125210754232</c:v>
                </c:pt>
                <c:pt idx="2143">
                  <c:v>65.187566034490231</c:v>
                </c:pt>
                <c:pt idx="2144">
                  <c:v>65.182002453173737</c:v>
                </c:pt>
                <c:pt idx="2145">
                  <c:v>65.175712038193566</c:v>
                </c:pt>
                <c:pt idx="2146">
                  <c:v>65.169470078790965</c:v>
                </c:pt>
                <c:pt idx="2147">
                  <c:v>65.165272063751686</c:v>
                </c:pt>
                <c:pt idx="2148">
                  <c:v>65.158347321210471</c:v>
                </c:pt>
                <c:pt idx="2149">
                  <c:v>65.152788144946484</c:v>
                </c:pt>
                <c:pt idx="2150">
                  <c:v>65.147228968682498</c:v>
                </c:pt>
                <c:pt idx="2151">
                  <c:v>65.140934148649819</c:v>
                </c:pt>
                <c:pt idx="2152">
                  <c:v>65.135374972385819</c:v>
                </c:pt>
                <c:pt idx="2153">
                  <c:v>65.129815796121832</c:v>
                </c:pt>
                <c:pt idx="2154">
                  <c:v>65.123569431666724</c:v>
                </c:pt>
                <c:pt idx="2155">
                  <c:v>65.118010255402737</c:v>
                </c:pt>
                <c:pt idx="2156">
                  <c:v>65.112451079138751</c:v>
                </c:pt>
                <c:pt idx="2157">
                  <c:v>65.106204714683642</c:v>
                </c:pt>
                <c:pt idx="2158">
                  <c:v>65.100645538419656</c:v>
                </c:pt>
                <c:pt idx="2159">
                  <c:v>65.095037906578085</c:v>
                </c:pt>
                <c:pt idx="2160">
                  <c:v>65.088791542122976</c:v>
                </c:pt>
                <c:pt idx="2161">
                  <c:v>65.08323236585899</c:v>
                </c:pt>
                <c:pt idx="2162">
                  <c:v>65.076990406456389</c:v>
                </c:pt>
                <c:pt idx="2163">
                  <c:v>65.072114013331003</c:v>
                </c:pt>
                <c:pt idx="2164">
                  <c:v>65.065867648875894</c:v>
                </c:pt>
                <c:pt idx="2165">
                  <c:v>65.060991255750523</c:v>
                </c:pt>
                <c:pt idx="2166">
                  <c:v>65.055432079486522</c:v>
                </c:pt>
                <c:pt idx="2167">
                  <c:v>65.049185715031427</c:v>
                </c:pt>
                <c:pt idx="2168">
                  <c:v>65.044309321906042</c:v>
                </c:pt>
                <c:pt idx="2169">
                  <c:v>65.038750145642041</c:v>
                </c:pt>
                <c:pt idx="2170">
                  <c:v>65.032455325609362</c:v>
                </c:pt>
                <c:pt idx="2171">
                  <c:v>65.026896149345376</c:v>
                </c:pt>
                <c:pt idx="2172">
                  <c:v>65.020654189942775</c:v>
                </c:pt>
                <c:pt idx="2173">
                  <c:v>65.015773391764881</c:v>
                </c:pt>
                <c:pt idx="2174">
                  <c:v>65.00953143236228</c:v>
                </c:pt>
                <c:pt idx="2175">
                  <c:v>65.003972256098294</c:v>
                </c:pt>
                <c:pt idx="2176">
                  <c:v>64.997730296695693</c:v>
                </c:pt>
                <c:pt idx="2177">
                  <c:v>64.992118259801629</c:v>
                </c:pt>
                <c:pt idx="2178">
                  <c:v>64.986559083537628</c:v>
                </c:pt>
                <c:pt idx="2179">
                  <c:v>64.980999907273642</c:v>
                </c:pt>
                <c:pt idx="2180">
                  <c:v>64.975436325957148</c:v>
                </c:pt>
                <c:pt idx="2181">
                  <c:v>64.969877149693161</c:v>
                </c:pt>
                <c:pt idx="2182">
                  <c:v>64.964317973429161</c:v>
                </c:pt>
                <c:pt idx="2183">
                  <c:v>64.958754392112667</c:v>
                </c:pt>
                <c:pt idx="2184">
                  <c:v>64.952512432710066</c:v>
                </c:pt>
                <c:pt idx="2185">
                  <c:v>64.94763603958468</c:v>
                </c:pt>
                <c:pt idx="2186">
                  <c:v>64.942076863320693</c:v>
                </c:pt>
                <c:pt idx="2187">
                  <c:v>64.935830498865585</c:v>
                </c:pt>
                <c:pt idx="2188">
                  <c:v>64.930271322601598</c:v>
                </c:pt>
                <c:pt idx="2189">
                  <c:v>64.924712146337612</c:v>
                </c:pt>
                <c:pt idx="2190">
                  <c:v>64.919100109443519</c:v>
                </c:pt>
                <c:pt idx="2191">
                  <c:v>64.913540933179533</c:v>
                </c:pt>
                <c:pt idx="2192">
                  <c:v>64.907981756915547</c:v>
                </c:pt>
                <c:pt idx="2193">
                  <c:v>64.902418175599038</c:v>
                </c:pt>
                <c:pt idx="2194">
                  <c:v>64.896176216196451</c:v>
                </c:pt>
                <c:pt idx="2195">
                  <c:v>64.890617039932451</c:v>
                </c:pt>
                <c:pt idx="2196">
                  <c:v>64.885053458615957</c:v>
                </c:pt>
                <c:pt idx="2197">
                  <c:v>64.87949428235197</c:v>
                </c:pt>
                <c:pt idx="2198">
                  <c:v>64.87393510608797</c:v>
                </c:pt>
                <c:pt idx="2199">
                  <c:v>64.869058712962598</c:v>
                </c:pt>
                <c:pt idx="2200">
                  <c:v>64.86349513164609</c:v>
                </c:pt>
                <c:pt idx="2201">
                  <c:v>64.857253172243489</c:v>
                </c:pt>
                <c:pt idx="2202">
                  <c:v>64.852376779118103</c:v>
                </c:pt>
                <c:pt idx="2203">
                  <c:v>64.846081959085424</c:v>
                </c:pt>
                <c:pt idx="2204">
                  <c:v>64.841254021537623</c:v>
                </c:pt>
                <c:pt idx="2205">
                  <c:v>64.834963606557437</c:v>
                </c:pt>
                <c:pt idx="2206">
                  <c:v>64.829400025240943</c:v>
                </c:pt>
                <c:pt idx="2207">
                  <c:v>64.823158065838356</c:v>
                </c:pt>
                <c:pt idx="2208">
                  <c:v>64.818281672712956</c:v>
                </c:pt>
                <c:pt idx="2209">
                  <c:v>64.81272249644897</c:v>
                </c:pt>
                <c:pt idx="2210">
                  <c:v>64.806476131993861</c:v>
                </c:pt>
                <c:pt idx="2211">
                  <c:v>64.800916955729875</c:v>
                </c:pt>
                <c:pt idx="2212">
                  <c:v>64.795357779465888</c:v>
                </c:pt>
                <c:pt idx="2213">
                  <c:v>64.790476981287995</c:v>
                </c:pt>
                <c:pt idx="2214">
                  <c:v>64.784917805023994</c:v>
                </c:pt>
                <c:pt idx="2215">
                  <c:v>64.779358628760008</c:v>
                </c:pt>
                <c:pt idx="2216">
                  <c:v>64.773795047443514</c:v>
                </c:pt>
                <c:pt idx="2217">
                  <c:v>64.768235871179527</c:v>
                </c:pt>
                <c:pt idx="2218">
                  <c:v>64.762676694915527</c:v>
                </c:pt>
                <c:pt idx="2219">
                  <c:v>64.75711751865154</c:v>
                </c:pt>
                <c:pt idx="2220">
                  <c:v>64.752236720473647</c:v>
                </c:pt>
                <c:pt idx="2221">
                  <c:v>64.74667754420966</c:v>
                </c:pt>
                <c:pt idx="2222">
                  <c:v>64.74111836794566</c:v>
                </c:pt>
                <c:pt idx="2223">
                  <c:v>64.735554786629166</c:v>
                </c:pt>
                <c:pt idx="2224">
                  <c:v>64.729995610365179</c:v>
                </c:pt>
                <c:pt idx="2225">
                  <c:v>64.724436434101179</c:v>
                </c:pt>
                <c:pt idx="2226">
                  <c:v>64.718824397207115</c:v>
                </c:pt>
                <c:pt idx="2227">
                  <c:v>64.713265220943114</c:v>
                </c:pt>
                <c:pt idx="2228">
                  <c:v>64.708437283395313</c:v>
                </c:pt>
                <c:pt idx="2229">
                  <c:v>64.702146868415127</c:v>
                </c:pt>
                <c:pt idx="2230">
                  <c:v>64.697266070237234</c:v>
                </c:pt>
                <c:pt idx="2231">
                  <c:v>64.691706893973247</c:v>
                </c:pt>
                <c:pt idx="2232">
                  <c:v>64.686147717709261</c:v>
                </c:pt>
                <c:pt idx="2233">
                  <c:v>64.680584136392753</c:v>
                </c:pt>
                <c:pt idx="2234">
                  <c:v>64.675024960128766</c:v>
                </c:pt>
                <c:pt idx="2235">
                  <c:v>64.67014856700338</c:v>
                </c:pt>
                <c:pt idx="2236">
                  <c:v>64.66458939073938</c:v>
                </c:pt>
                <c:pt idx="2237">
                  <c:v>64.65975704813907</c:v>
                </c:pt>
                <c:pt idx="2238">
                  <c:v>64.654197871875084</c:v>
                </c:pt>
                <c:pt idx="2239">
                  <c:v>64.648590240033514</c:v>
                </c:pt>
                <c:pt idx="2240">
                  <c:v>64.643026658717005</c:v>
                </c:pt>
                <c:pt idx="2241">
                  <c:v>64.637467482453019</c:v>
                </c:pt>
                <c:pt idx="2242">
                  <c:v>64.631908306189018</c:v>
                </c:pt>
                <c:pt idx="2243">
                  <c:v>64.626349129925032</c:v>
                </c:pt>
                <c:pt idx="2244">
                  <c:v>64.621468331747153</c:v>
                </c:pt>
                <c:pt idx="2245">
                  <c:v>64.615909155483152</c:v>
                </c:pt>
                <c:pt idx="2246">
                  <c:v>64.610349979219166</c:v>
                </c:pt>
                <c:pt idx="2247">
                  <c:v>64.604786397902657</c:v>
                </c:pt>
                <c:pt idx="2248">
                  <c:v>64.599910004777286</c:v>
                </c:pt>
                <c:pt idx="2249">
                  <c:v>64.594350828513285</c:v>
                </c:pt>
                <c:pt idx="2250">
                  <c:v>64.589522890965469</c:v>
                </c:pt>
                <c:pt idx="2251">
                  <c:v>64.583959309648975</c:v>
                </c:pt>
                <c:pt idx="2252">
                  <c:v>64.578400133384989</c:v>
                </c:pt>
                <c:pt idx="2253">
                  <c:v>64.573523740259603</c:v>
                </c:pt>
                <c:pt idx="2254">
                  <c:v>64.567960158943109</c:v>
                </c:pt>
                <c:pt idx="2255">
                  <c:v>64.562400982679108</c:v>
                </c:pt>
                <c:pt idx="2256">
                  <c:v>64.556841806415122</c:v>
                </c:pt>
                <c:pt idx="2257">
                  <c:v>64.551282630151135</c:v>
                </c:pt>
                <c:pt idx="2258">
                  <c:v>64.546401831973228</c:v>
                </c:pt>
                <c:pt idx="2259">
                  <c:v>64.540842655709241</c:v>
                </c:pt>
                <c:pt idx="2260">
                  <c:v>64.53455224072907</c:v>
                </c:pt>
                <c:pt idx="2261">
                  <c:v>64.529719898128761</c:v>
                </c:pt>
                <c:pt idx="2262">
                  <c:v>64.524843505003361</c:v>
                </c:pt>
                <c:pt idx="2263">
                  <c:v>64.519967111877975</c:v>
                </c:pt>
                <c:pt idx="2264">
                  <c:v>64.513720747422866</c:v>
                </c:pt>
                <c:pt idx="2265">
                  <c:v>64.50884435429748</c:v>
                </c:pt>
                <c:pt idx="2266">
                  <c:v>64.503967961172108</c:v>
                </c:pt>
                <c:pt idx="2267">
                  <c:v>64.497726001769507</c:v>
                </c:pt>
                <c:pt idx="2268">
                  <c:v>64.492845203591614</c:v>
                </c:pt>
                <c:pt idx="2269">
                  <c:v>64.487286027327627</c:v>
                </c:pt>
                <c:pt idx="2270">
                  <c:v>64.481726851063627</c:v>
                </c:pt>
                <c:pt idx="2271">
                  <c:v>64.476846052885733</c:v>
                </c:pt>
                <c:pt idx="2272">
                  <c:v>64.471286876621747</c:v>
                </c:pt>
                <c:pt idx="2273">
                  <c:v>64.466410483496361</c:v>
                </c:pt>
                <c:pt idx="2274">
                  <c:v>64.461534090370961</c:v>
                </c:pt>
                <c:pt idx="2275">
                  <c:v>64.455970509054467</c:v>
                </c:pt>
                <c:pt idx="2276">
                  <c:v>64.45041133279048</c:v>
                </c:pt>
                <c:pt idx="2277">
                  <c:v>64.446266178381279</c:v>
                </c:pt>
                <c:pt idx="2278">
                  <c:v>64.440707002117279</c:v>
                </c:pt>
                <c:pt idx="2279">
                  <c:v>64.436508987077985</c:v>
                </c:pt>
                <c:pt idx="2280">
                  <c:v>64.430949810813999</c:v>
                </c:pt>
                <c:pt idx="2281">
                  <c:v>64.425390634550013</c:v>
                </c:pt>
                <c:pt idx="2282">
                  <c:v>64.420509836372119</c:v>
                </c:pt>
                <c:pt idx="2283">
                  <c:v>64.415633443246733</c:v>
                </c:pt>
                <c:pt idx="2284">
                  <c:v>64.410074266982733</c:v>
                </c:pt>
                <c:pt idx="2285">
                  <c:v>64.405246329434931</c:v>
                </c:pt>
                <c:pt idx="2286">
                  <c:v>64.400365531257037</c:v>
                </c:pt>
                <c:pt idx="2287">
                  <c:v>64.395489138131651</c:v>
                </c:pt>
                <c:pt idx="2288">
                  <c:v>64.390612745006266</c:v>
                </c:pt>
                <c:pt idx="2289">
                  <c:v>64.38573635188088</c:v>
                </c:pt>
                <c:pt idx="2290">
                  <c:v>64.379489987425771</c:v>
                </c:pt>
                <c:pt idx="2291">
                  <c:v>64.374613594300385</c:v>
                </c:pt>
                <c:pt idx="2292">
                  <c:v>64.369737201174985</c:v>
                </c:pt>
                <c:pt idx="2293">
                  <c:v>64.364904858574675</c:v>
                </c:pt>
                <c:pt idx="2294">
                  <c:v>64.360028465449304</c:v>
                </c:pt>
                <c:pt idx="2295">
                  <c:v>64.354469289185303</c:v>
                </c:pt>
                <c:pt idx="2296">
                  <c:v>64.349592896059917</c:v>
                </c:pt>
                <c:pt idx="2297">
                  <c:v>64.344712097882024</c:v>
                </c:pt>
                <c:pt idx="2298">
                  <c:v>64.339835704756638</c:v>
                </c:pt>
                <c:pt idx="2299">
                  <c:v>64.335007767208836</c:v>
                </c:pt>
                <c:pt idx="2300">
                  <c:v>64.330131374083436</c:v>
                </c:pt>
                <c:pt idx="2301">
                  <c:v>64.323836554050757</c:v>
                </c:pt>
                <c:pt idx="2302">
                  <c:v>64.319008616502956</c:v>
                </c:pt>
                <c:pt idx="2303">
                  <c:v>64.31481500651617</c:v>
                </c:pt>
                <c:pt idx="2304">
                  <c:v>64.309934208338277</c:v>
                </c:pt>
                <c:pt idx="2305">
                  <c:v>64.305106270790461</c:v>
                </c:pt>
                <c:pt idx="2306">
                  <c:v>64.300229877665089</c:v>
                </c:pt>
                <c:pt idx="2307">
                  <c:v>64.295353484539689</c:v>
                </c:pt>
                <c:pt idx="2308">
                  <c:v>64.289789903223195</c:v>
                </c:pt>
                <c:pt idx="2309">
                  <c:v>64.284913510097809</c:v>
                </c:pt>
                <c:pt idx="2310">
                  <c:v>64.279354333833822</c:v>
                </c:pt>
                <c:pt idx="2311">
                  <c:v>64.275160723847037</c:v>
                </c:pt>
                <c:pt idx="2312">
                  <c:v>64.269597142530529</c:v>
                </c:pt>
                <c:pt idx="2313">
                  <c:v>64.264769204982727</c:v>
                </c:pt>
                <c:pt idx="2314">
                  <c:v>64.259892811857341</c:v>
                </c:pt>
                <c:pt idx="2315">
                  <c:v>64.255699201870556</c:v>
                </c:pt>
                <c:pt idx="2316">
                  <c:v>64.250135620554062</c:v>
                </c:pt>
                <c:pt idx="2317">
                  <c:v>64.245259227428676</c:v>
                </c:pt>
                <c:pt idx="2318">
                  <c:v>64.24043128988086</c:v>
                </c:pt>
                <c:pt idx="2319">
                  <c:v>64.235554896755474</c:v>
                </c:pt>
                <c:pt idx="2320">
                  <c:v>64.23067409857758</c:v>
                </c:pt>
                <c:pt idx="2321">
                  <c:v>64.225797705452209</c:v>
                </c:pt>
                <c:pt idx="2322">
                  <c:v>64.220921312326809</c:v>
                </c:pt>
                <c:pt idx="2323">
                  <c:v>64.215357731010315</c:v>
                </c:pt>
                <c:pt idx="2324">
                  <c:v>64.210529793462499</c:v>
                </c:pt>
                <c:pt idx="2325">
                  <c:v>64.205653400337113</c:v>
                </c:pt>
                <c:pt idx="2326">
                  <c:v>64.200777007211741</c:v>
                </c:pt>
                <c:pt idx="2327">
                  <c:v>64.196578992172434</c:v>
                </c:pt>
                <c:pt idx="2328">
                  <c:v>64.191019815908433</c:v>
                </c:pt>
                <c:pt idx="2329">
                  <c:v>64.186191878360646</c:v>
                </c:pt>
                <c:pt idx="2330">
                  <c:v>64.181315485235245</c:v>
                </c:pt>
                <c:pt idx="2331">
                  <c:v>64.176434687057352</c:v>
                </c:pt>
                <c:pt idx="2332">
                  <c:v>64.170875510793365</c:v>
                </c:pt>
                <c:pt idx="2333">
                  <c:v>64.165999117667965</c:v>
                </c:pt>
                <c:pt idx="2334">
                  <c:v>64.161118319490086</c:v>
                </c:pt>
                <c:pt idx="2335">
                  <c:v>64.156290381942284</c:v>
                </c:pt>
                <c:pt idx="2336">
                  <c:v>64.152096771955499</c:v>
                </c:pt>
                <c:pt idx="2337">
                  <c:v>64.147220378830113</c:v>
                </c:pt>
                <c:pt idx="2338">
                  <c:v>64.142339580652205</c:v>
                </c:pt>
                <c:pt idx="2339">
                  <c:v>64.137511643104403</c:v>
                </c:pt>
                <c:pt idx="2340">
                  <c:v>64.132635249979018</c:v>
                </c:pt>
                <c:pt idx="2341">
                  <c:v>64.127758856853632</c:v>
                </c:pt>
                <c:pt idx="2342">
                  <c:v>64.123560841814339</c:v>
                </c:pt>
                <c:pt idx="2343">
                  <c:v>64.118001665550352</c:v>
                </c:pt>
                <c:pt idx="2344">
                  <c:v>64.113173728002536</c:v>
                </c:pt>
                <c:pt idx="2345">
                  <c:v>64.10761455173855</c:v>
                </c:pt>
                <c:pt idx="2346">
                  <c:v>64.102733753560656</c:v>
                </c:pt>
                <c:pt idx="2347">
                  <c:v>64.098540143573871</c:v>
                </c:pt>
                <c:pt idx="2348">
                  <c:v>64.092980967309884</c:v>
                </c:pt>
                <c:pt idx="2349">
                  <c:v>64.088104574184484</c:v>
                </c:pt>
                <c:pt idx="2350">
                  <c:v>64.083955014722775</c:v>
                </c:pt>
                <c:pt idx="2351">
                  <c:v>64.07907862159739</c:v>
                </c:pt>
                <c:pt idx="2352">
                  <c:v>64.074202228472004</c:v>
                </c:pt>
                <c:pt idx="2353">
                  <c:v>64.069325835346618</c:v>
                </c:pt>
                <c:pt idx="2354">
                  <c:v>64.064493492746308</c:v>
                </c:pt>
                <c:pt idx="2355">
                  <c:v>64.059617099620922</c:v>
                </c:pt>
                <c:pt idx="2356">
                  <c:v>64.055423489634137</c:v>
                </c:pt>
                <c:pt idx="2357">
                  <c:v>64.050547096508751</c:v>
                </c:pt>
                <c:pt idx="2358">
                  <c:v>64.045714753908427</c:v>
                </c:pt>
                <c:pt idx="2359">
                  <c:v>64.040838360783042</c:v>
                </c:pt>
                <c:pt idx="2360">
                  <c:v>64.035961967657656</c:v>
                </c:pt>
                <c:pt idx="2361">
                  <c:v>64.031081169479762</c:v>
                </c:pt>
                <c:pt idx="2362">
                  <c:v>64.026204776354376</c:v>
                </c:pt>
                <c:pt idx="2363">
                  <c:v>64.021376838806574</c:v>
                </c:pt>
                <c:pt idx="2364">
                  <c:v>64.017183228819789</c:v>
                </c:pt>
                <c:pt idx="2365">
                  <c:v>64.012302430641881</c:v>
                </c:pt>
                <c:pt idx="2366">
                  <c:v>64.007474493094094</c:v>
                </c:pt>
                <c:pt idx="2367">
                  <c:v>64.003280883107294</c:v>
                </c:pt>
                <c:pt idx="2368">
                  <c:v>63.998404489981908</c:v>
                </c:pt>
                <c:pt idx="2369">
                  <c:v>63.993523691804022</c:v>
                </c:pt>
                <c:pt idx="2370">
                  <c:v>63.989378537394813</c:v>
                </c:pt>
                <c:pt idx="2371">
                  <c:v>63.983819361130827</c:v>
                </c:pt>
                <c:pt idx="2372">
                  <c:v>63.979625751144049</c:v>
                </c:pt>
                <c:pt idx="2373">
                  <c:v>63.974744952966148</c:v>
                </c:pt>
                <c:pt idx="2374">
                  <c:v>63.969917015418339</c:v>
                </c:pt>
                <c:pt idx="2375">
                  <c:v>63.965723405431554</c:v>
                </c:pt>
                <c:pt idx="2376">
                  <c:v>63.961578251022345</c:v>
                </c:pt>
                <c:pt idx="2377">
                  <c:v>63.956701857896967</c:v>
                </c:pt>
                <c:pt idx="2378">
                  <c:v>63.951138276580458</c:v>
                </c:pt>
                <c:pt idx="2379">
                  <c:v>63.94694466659368</c:v>
                </c:pt>
                <c:pt idx="2380">
                  <c:v>63.942068273468301</c:v>
                </c:pt>
                <c:pt idx="2381">
                  <c:v>63.937235930867992</c:v>
                </c:pt>
                <c:pt idx="2382">
                  <c:v>63.933042320881206</c:v>
                </c:pt>
                <c:pt idx="2383">
                  <c:v>63.928848710894414</c:v>
                </c:pt>
                <c:pt idx="2384">
                  <c:v>63.924020773346605</c:v>
                </c:pt>
                <c:pt idx="2385">
                  <c:v>63.919139975168719</c:v>
                </c:pt>
                <c:pt idx="2386">
                  <c:v>63.914263582043333</c:v>
                </c:pt>
                <c:pt idx="2387">
                  <c:v>63.90938718891794</c:v>
                </c:pt>
                <c:pt idx="2388">
                  <c:v>63.904510795792554</c:v>
                </c:pt>
                <c:pt idx="2389">
                  <c:v>63.900361236330838</c:v>
                </c:pt>
                <c:pt idx="2390">
                  <c:v>63.895484843205459</c:v>
                </c:pt>
                <c:pt idx="2391">
                  <c:v>63.891339688796251</c:v>
                </c:pt>
                <c:pt idx="2392">
                  <c:v>63.886463295670865</c:v>
                </c:pt>
                <c:pt idx="2393">
                  <c:v>63.882265280631579</c:v>
                </c:pt>
                <c:pt idx="2394">
                  <c:v>63.877388887506193</c:v>
                </c:pt>
                <c:pt idx="2395">
                  <c:v>63.872560949958377</c:v>
                </c:pt>
                <c:pt idx="2396">
                  <c:v>63.868367339971591</c:v>
                </c:pt>
                <c:pt idx="2397">
                  <c:v>63.86422218556239</c:v>
                </c:pt>
                <c:pt idx="2398">
                  <c:v>63.858658604245896</c:v>
                </c:pt>
                <c:pt idx="2399">
                  <c:v>63.85378221112051</c:v>
                </c:pt>
                <c:pt idx="2400">
                  <c:v>63.849588601133725</c:v>
                </c:pt>
                <c:pt idx="2401">
                  <c:v>63.844707802955824</c:v>
                </c:pt>
                <c:pt idx="2402">
                  <c:v>63.84056264854663</c:v>
                </c:pt>
                <c:pt idx="2403">
                  <c:v>63.835686255421237</c:v>
                </c:pt>
                <c:pt idx="2404">
                  <c:v>63.831541101012043</c:v>
                </c:pt>
                <c:pt idx="2405">
                  <c:v>63.826664707886643</c:v>
                </c:pt>
                <c:pt idx="2406">
                  <c:v>63.822466692847357</c:v>
                </c:pt>
                <c:pt idx="2407">
                  <c:v>63.817590299721964</c:v>
                </c:pt>
                <c:pt idx="2408">
                  <c:v>63.812762362174162</c:v>
                </c:pt>
                <c:pt idx="2409">
                  <c:v>63.808568752187384</c:v>
                </c:pt>
                <c:pt idx="2410">
                  <c:v>63.803687954009483</c:v>
                </c:pt>
                <c:pt idx="2411">
                  <c:v>63.799542799600275</c:v>
                </c:pt>
                <c:pt idx="2412">
                  <c:v>63.794666406474889</c:v>
                </c:pt>
                <c:pt idx="2413">
                  <c:v>63.79047279648811</c:v>
                </c:pt>
                <c:pt idx="2414">
                  <c:v>63.785640453887794</c:v>
                </c:pt>
                <c:pt idx="2415">
                  <c:v>63.780764060762408</c:v>
                </c:pt>
                <c:pt idx="2416">
                  <c:v>63.77657045077563</c:v>
                </c:pt>
                <c:pt idx="2417">
                  <c:v>63.771006869459121</c:v>
                </c:pt>
                <c:pt idx="2418">
                  <c:v>63.766861715049927</c:v>
                </c:pt>
                <c:pt idx="2419">
                  <c:v>63.761985321924534</c:v>
                </c:pt>
                <c:pt idx="2420">
                  <c:v>63.757791711937756</c:v>
                </c:pt>
                <c:pt idx="2421">
                  <c:v>63.75291531881237</c:v>
                </c:pt>
                <c:pt idx="2422">
                  <c:v>63.748082976212054</c:v>
                </c:pt>
                <c:pt idx="2423">
                  <c:v>63.743889366225261</c:v>
                </c:pt>
                <c:pt idx="2424">
                  <c:v>63.739012973099875</c:v>
                </c:pt>
                <c:pt idx="2425">
                  <c:v>63.734185035552066</c:v>
                </c:pt>
                <c:pt idx="2426">
                  <c:v>63.72930423737418</c:v>
                </c:pt>
                <c:pt idx="2427">
                  <c:v>63.725110627387394</c:v>
                </c:pt>
                <c:pt idx="2428">
                  <c:v>63.719551451123408</c:v>
                </c:pt>
                <c:pt idx="2429">
                  <c:v>63.716089079852807</c:v>
                </c:pt>
                <c:pt idx="2430">
                  <c:v>63.711208281674914</c:v>
                </c:pt>
                <c:pt idx="2431">
                  <c:v>63.707063127265698</c:v>
                </c:pt>
                <c:pt idx="2432">
                  <c:v>63.702186734140327</c:v>
                </c:pt>
                <c:pt idx="2433">
                  <c:v>63.697310341014941</c:v>
                </c:pt>
                <c:pt idx="2434">
                  <c:v>63.69311232597564</c:v>
                </c:pt>
                <c:pt idx="2435">
                  <c:v>63.687553149711654</c:v>
                </c:pt>
                <c:pt idx="2436">
                  <c:v>63.682725212163845</c:v>
                </c:pt>
                <c:pt idx="2437">
                  <c:v>63.679214385315667</c:v>
                </c:pt>
                <c:pt idx="2438">
                  <c:v>63.674333587137767</c:v>
                </c:pt>
                <c:pt idx="2439">
                  <c:v>63.669505649589958</c:v>
                </c:pt>
                <c:pt idx="2440">
                  <c:v>63.66531203960318</c:v>
                </c:pt>
                <c:pt idx="2441">
                  <c:v>63.659752863339186</c:v>
                </c:pt>
                <c:pt idx="2442">
                  <c:v>63.6555548482999</c:v>
                </c:pt>
                <c:pt idx="2443">
                  <c:v>63.650726910752091</c:v>
                </c:pt>
                <c:pt idx="2444">
                  <c:v>63.645850517626705</c:v>
                </c:pt>
                <c:pt idx="2445">
                  <c:v>63.641656907639927</c:v>
                </c:pt>
                <c:pt idx="2446">
                  <c:v>63.636093326323419</c:v>
                </c:pt>
                <c:pt idx="2447">
                  <c:v>63.631948171914217</c:v>
                </c:pt>
                <c:pt idx="2448">
                  <c:v>63.627754561927432</c:v>
                </c:pt>
                <c:pt idx="2449">
                  <c:v>63.623609407518238</c:v>
                </c:pt>
                <c:pt idx="2450">
                  <c:v>63.618728609340337</c:v>
                </c:pt>
                <c:pt idx="2451">
                  <c:v>63.613852216214944</c:v>
                </c:pt>
                <c:pt idx="2452">
                  <c:v>63.60970706180575</c:v>
                </c:pt>
                <c:pt idx="2453">
                  <c:v>63.604830668680364</c:v>
                </c:pt>
                <c:pt idx="2454">
                  <c:v>63.600632653641064</c:v>
                </c:pt>
                <c:pt idx="2455">
                  <c:v>63.595073477377078</c:v>
                </c:pt>
                <c:pt idx="2456">
                  <c:v>63.590928322967869</c:v>
                </c:pt>
                <c:pt idx="2457">
                  <c:v>63.586734712981091</c:v>
                </c:pt>
                <c:pt idx="2458">
                  <c:v>63.581853914803197</c:v>
                </c:pt>
                <c:pt idx="2459">
                  <c:v>63.576977521677811</c:v>
                </c:pt>
                <c:pt idx="2460">
                  <c:v>63.572149584130003</c:v>
                </c:pt>
                <c:pt idx="2461">
                  <c:v>63.567955974143224</c:v>
                </c:pt>
                <c:pt idx="2462">
                  <c:v>63.563075175965324</c:v>
                </c:pt>
                <c:pt idx="2463">
                  <c:v>63.558247238417515</c:v>
                </c:pt>
                <c:pt idx="2464">
                  <c:v>63.554053628430736</c:v>
                </c:pt>
                <c:pt idx="2465">
                  <c:v>63.549177235305351</c:v>
                </c:pt>
                <c:pt idx="2466">
                  <c:v>63.545027675843635</c:v>
                </c:pt>
                <c:pt idx="2467">
                  <c:v>63.540151282718242</c:v>
                </c:pt>
                <c:pt idx="2468">
                  <c:v>63.535957672731463</c:v>
                </c:pt>
                <c:pt idx="2469">
                  <c:v>63.531081279606077</c:v>
                </c:pt>
                <c:pt idx="2470">
                  <c:v>63.526248937005761</c:v>
                </c:pt>
                <c:pt idx="2471">
                  <c:v>63.522055327018982</c:v>
                </c:pt>
                <c:pt idx="2472">
                  <c:v>63.517178933893597</c:v>
                </c:pt>
                <c:pt idx="2473">
                  <c:v>63.512350996345774</c:v>
                </c:pt>
                <c:pt idx="2474">
                  <c:v>63.508152981306502</c:v>
                </c:pt>
                <c:pt idx="2475">
                  <c:v>63.503276588181116</c:v>
                </c:pt>
                <c:pt idx="2476">
                  <c:v>63.4991314337719</c:v>
                </c:pt>
                <c:pt idx="2477">
                  <c:v>63.494255040646514</c:v>
                </c:pt>
                <c:pt idx="2478">
                  <c:v>63.490057025607229</c:v>
                </c:pt>
                <c:pt idx="2479">
                  <c:v>63.48522908805942</c:v>
                </c:pt>
                <c:pt idx="2480">
                  <c:v>63.481035478072634</c:v>
                </c:pt>
                <c:pt idx="2481">
                  <c:v>63.476159084947248</c:v>
                </c:pt>
                <c:pt idx="2482">
                  <c:v>63.472009525485539</c:v>
                </c:pt>
                <c:pt idx="2483">
                  <c:v>63.467815915498754</c:v>
                </c:pt>
                <c:pt idx="2484">
                  <c:v>63.462939522373375</c:v>
                </c:pt>
                <c:pt idx="2485">
                  <c:v>63.458111584825566</c:v>
                </c:pt>
                <c:pt idx="2486">
                  <c:v>63.453913569786266</c:v>
                </c:pt>
                <c:pt idx="2487">
                  <c:v>63.449719959799488</c:v>
                </c:pt>
                <c:pt idx="2488">
                  <c:v>63.444160783535494</c:v>
                </c:pt>
                <c:pt idx="2489">
                  <c:v>63.440015629126293</c:v>
                </c:pt>
                <c:pt idx="2490">
                  <c:v>63.435134830948392</c:v>
                </c:pt>
                <c:pt idx="2491">
                  <c:v>63.430258437823007</c:v>
                </c:pt>
                <c:pt idx="2492">
                  <c:v>63.425382044697628</c:v>
                </c:pt>
                <c:pt idx="2493">
                  <c:v>63.421236890288412</c:v>
                </c:pt>
                <c:pt idx="2494">
                  <c:v>63.416356092110526</c:v>
                </c:pt>
                <c:pt idx="2495">
                  <c:v>63.41147969898514</c:v>
                </c:pt>
                <c:pt idx="2496">
                  <c:v>63.407334544575932</c:v>
                </c:pt>
                <c:pt idx="2497">
                  <c:v>63.402458151450553</c:v>
                </c:pt>
                <c:pt idx="2498">
                  <c:v>63.39826013641126</c:v>
                </c:pt>
                <c:pt idx="2499">
                  <c:v>63.392700960147266</c:v>
                </c:pt>
                <c:pt idx="2500">
                  <c:v>63.388555805738058</c:v>
                </c:pt>
                <c:pt idx="2501">
                  <c:v>63.38436219575128</c:v>
                </c:pt>
                <c:pt idx="2502">
                  <c:v>63.379481397573379</c:v>
                </c:pt>
                <c:pt idx="2503">
                  <c:v>63.374653460025577</c:v>
                </c:pt>
                <c:pt idx="2504">
                  <c:v>63.370459850038799</c:v>
                </c:pt>
                <c:pt idx="2505">
                  <c:v>63.365583456913399</c:v>
                </c:pt>
                <c:pt idx="2506">
                  <c:v>63.360751114313089</c:v>
                </c:pt>
                <c:pt idx="2507">
                  <c:v>63.356557504326304</c:v>
                </c:pt>
                <c:pt idx="2508">
                  <c:v>63.351681111200918</c:v>
                </c:pt>
                <c:pt idx="2509">
                  <c:v>63.346804718075532</c:v>
                </c:pt>
                <c:pt idx="2510">
                  <c:v>63.341972375475223</c:v>
                </c:pt>
                <c:pt idx="2511">
                  <c:v>63.337095982349837</c:v>
                </c:pt>
                <c:pt idx="2512">
                  <c:v>63.332902372363044</c:v>
                </c:pt>
                <c:pt idx="2513">
                  <c:v>63.328025979237658</c:v>
                </c:pt>
                <c:pt idx="2514">
                  <c:v>63.323876419775949</c:v>
                </c:pt>
                <c:pt idx="2515">
                  <c:v>63.319682809789164</c:v>
                </c:pt>
                <c:pt idx="2516">
                  <c:v>63.314854872241355</c:v>
                </c:pt>
                <c:pt idx="2517">
                  <c:v>63.310661262254577</c:v>
                </c:pt>
                <c:pt idx="2518">
                  <c:v>63.305780464076676</c:v>
                </c:pt>
                <c:pt idx="2519">
                  <c:v>63.30090407095129</c:v>
                </c:pt>
                <c:pt idx="2520">
                  <c:v>63.296076133403481</c:v>
                </c:pt>
                <c:pt idx="2521">
                  <c:v>63.291199740278095</c:v>
                </c:pt>
                <c:pt idx="2522">
                  <c:v>63.28700172523881</c:v>
                </c:pt>
                <c:pt idx="2523">
                  <c:v>63.282125332113424</c:v>
                </c:pt>
                <c:pt idx="2524">
                  <c:v>63.277980177704215</c:v>
                </c:pt>
                <c:pt idx="2525">
                  <c:v>63.273103784578836</c:v>
                </c:pt>
                <c:pt idx="2526">
                  <c:v>63.268958630169628</c:v>
                </c:pt>
                <c:pt idx="2527">
                  <c:v>63.264077831991735</c:v>
                </c:pt>
                <c:pt idx="2528">
                  <c:v>63.259884222004956</c:v>
                </c:pt>
                <c:pt idx="2529">
                  <c:v>63.255007828879563</c:v>
                </c:pt>
                <c:pt idx="2530">
                  <c:v>63.250179891331761</c:v>
                </c:pt>
                <c:pt idx="2531">
                  <c:v>63.245299093153861</c:v>
                </c:pt>
                <c:pt idx="2532">
                  <c:v>63.24183672188326</c:v>
                </c:pt>
                <c:pt idx="2533">
                  <c:v>63.236960328757874</c:v>
                </c:pt>
                <c:pt idx="2534">
                  <c:v>63.232083935632488</c:v>
                </c:pt>
                <c:pt idx="2535">
                  <c:v>63.227203137454588</c:v>
                </c:pt>
                <c:pt idx="2536">
                  <c:v>63.223057983045393</c:v>
                </c:pt>
                <c:pt idx="2537">
                  <c:v>63.21818158992</c:v>
                </c:pt>
                <c:pt idx="2538">
                  <c:v>63.213305196794614</c:v>
                </c:pt>
                <c:pt idx="2539">
                  <c:v>63.208424398616721</c:v>
                </c:pt>
                <c:pt idx="2540">
                  <c:v>63.20427924420752</c:v>
                </c:pt>
                <c:pt idx="2541">
                  <c:v>63.199402851082134</c:v>
                </c:pt>
                <c:pt idx="2542">
                  <c:v>63.194522052904233</c:v>
                </c:pt>
                <c:pt idx="2543">
                  <c:v>63.190376898495025</c:v>
                </c:pt>
                <c:pt idx="2544">
                  <c:v>63.185500505369653</c:v>
                </c:pt>
                <c:pt idx="2545">
                  <c:v>63.181989678521461</c:v>
                </c:pt>
                <c:pt idx="2546">
                  <c:v>63.177161740973652</c:v>
                </c:pt>
                <c:pt idx="2547">
                  <c:v>63.172280942795766</c:v>
                </c:pt>
                <c:pt idx="2548">
                  <c:v>63.16808733280898</c:v>
                </c:pt>
                <c:pt idx="2549">
                  <c:v>63.162528156544987</c:v>
                </c:pt>
                <c:pt idx="2550">
                  <c:v>63.157647358367093</c:v>
                </c:pt>
                <c:pt idx="2551">
                  <c:v>63.153502203957885</c:v>
                </c:pt>
                <c:pt idx="2552">
                  <c:v>63.148625810832506</c:v>
                </c:pt>
                <c:pt idx="2553">
                  <c:v>63.144480656423298</c:v>
                </c:pt>
                <c:pt idx="2554">
                  <c:v>63.139604263297912</c:v>
                </c:pt>
                <c:pt idx="2555">
                  <c:v>63.134723465120025</c:v>
                </c:pt>
                <c:pt idx="2556">
                  <c:v>63.129847071994639</c:v>
                </c:pt>
                <c:pt idx="2557">
                  <c:v>63.125701917585424</c:v>
                </c:pt>
                <c:pt idx="2558">
                  <c:v>63.121508307598639</c:v>
                </c:pt>
                <c:pt idx="2559">
                  <c:v>63.116627509420752</c:v>
                </c:pt>
                <c:pt idx="2560">
                  <c:v>63.111799571872943</c:v>
                </c:pt>
                <c:pt idx="2561">
                  <c:v>63.107605961886158</c:v>
                </c:pt>
                <c:pt idx="2562">
                  <c:v>63.102729568760772</c:v>
                </c:pt>
                <c:pt idx="2563">
                  <c:v>63.097848770582871</c:v>
                </c:pt>
                <c:pt idx="2564">
                  <c:v>63.093703616173677</c:v>
                </c:pt>
                <c:pt idx="2565">
                  <c:v>63.088827223048284</c:v>
                </c:pt>
                <c:pt idx="2566">
                  <c:v>63.083950829922898</c:v>
                </c:pt>
                <c:pt idx="2567">
                  <c:v>63.079070031745005</c:v>
                </c:pt>
                <c:pt idx="2568">
                  <c:v>63.074242094197196</c:v>
                </c:pt>
                <c:pt idx="2569">
                  <c:v>63.07004848421041</c:v>
                </c:pt>
                <c:pt idx="2570">
                  <c:v>63.065172091085032</c:v>
                </c:pt>
                <c:pt idx="2571">
                  <c:v>63.061022531623308</c:v>
                </c:pt>
                <c:pt idx="2572">
                  <c:v>63.056146138497937</c:v>
                </c:pt>
                <c:pt idx="2573">
                  <c:v>63.050586962233936</c:v>
                </c:pt>
                <c:pt idx="2574">
                  <c:v>63.04570616405605</c:v>
                </c:pt>
                <c:pt idx="2575">
                  <c:v>63.041561009646841</c:v>
                </c:pt>
                <c:pt idx="2576">
                  <c:v>63.036684616521448</c:v>
                </c:pt>
                <c:pt idx="2577">
                  <c:v>63.031808223396062</c:v>
                </c:pt>
                <c:pt idx="2578">
                  <c:v>63.026927425218169</c:v>
                </c:pt>
                <c:pt idx="2579">
                  <c:v>63.023465053947568</c:v>
                </c:pt>
                <c:pt idx="2580">
                  <c:v>63.018588660822182</c:v>
                </c:pt>
                <c:pt idx="2581">
                  <c:v>63.013712267696796</c:v>
                </c:pt>
                <c:pt idx="2582">
                  <c:v>63.008831469518896</c:v>
                </c:pt>
                <c:pt idx="2583">
                  <c:v>63.004003531971101</c:v>
                </c:pt>
                <c:pt idx="2584">
                  <c:v>62.999809921984316</c:v>
                </c:pt>
                <c:pt idx="2585">
                  <c:v>62.9956647675751</c:v>
                </c:pt>
                <c:pt idx="2586">
                  <c:v>62.990105591311114</c:v>
                </c:pt>
                <c:pt idx="2587">
                  <c:v>62.985907576271828</c:v>
                </c:pt>
                <c:pt idx="2588">
                  <c:v>62.981031183146442</c:v>
                </c:pt>
                <c:pt idx="2589">
                  <c:v>62.976886028737241</c:v>
                </c:pt>
                <c:pt idx="2590">
                  <c:v>62.972009635611855</c:v>
                </c:pt>
                <c:pt idx="2591">
                  <c:v>62.967128837433961</c:v>
                </c:pt>
                <c:pt idx="2592">
                  <c:v>62.962252444308568</c:v>
                </c:pt>
                <c:pt idx="2593">
                  <c:v>62.957376051183182</c:v>
                </c:pt>
                <c:pt idx="2594">
                  <c:v>62.952548113635373</c:v>
                </c:pt>
                <c:pt idx="2595">
                  <c:v>62.948350098596087</c:v>
                </c:pt>
                <c:pt idx="2596">
                  <c:v>62.943473705470694</c:v>
                </c:pt>
                <c:pt idx="2597">
                  <c:v>62.939328551061493</c:v>
                </c:pt>
                <c:pt idx="2598">
                  <c:v>62.934452157936107</c:v>
                </c:pt>
                <c:pt idx="2599">
                  <c:v>62.928888576619606</c:v>
                </c:pt>
                <c:pt idx="2600">
                  <c:v>62.924694966632828</c:v>
                </c:pt>
                <c:pt idx="2601">
                  <c:v>62.919867029085019</c:v>
                </c:pt>
                <c:pt idx="2602">
                  <c:v>62.915669014045726</c:v>
                </c:pt>
                <c:pt idx="2603">
                  <c:v>62.910792620920347</c:v>
                </c:pt>
                <c:pt idx="2604">
                  <c:v>62.906647466511131</c:v>
                </c:pt>
                <c:pt idx="2605">
                  <c:v>62.901771073385746</c:v>
                </c:pt>
                <c:pt idx="2606">
                  <c:v>62.896890275207852</c:v>
                </c:pt>
                <c:pt idx="2607">
                  <c:v>62.892745120798658</c:v>
                </c:pt>
                <c:pt idx="2608">
                  <c:v>62.887868727673265</c:v>
                </c:pt>
                <c:pt idx="2609">
                  <c:v>62.882992334547879</c:v>
                </c:pt>
                <c:pt idx="2610">
                  <c:v>62.878794319508579</c:v>
                </c:pt>
                <c:pt idx="2611">
                  <c:v>62.873966381960784</c:v>
                </c:pt>
                <c:pt idx="2612">
                  <c:v>62.869772771973992</c:v>
                </c:pt>
                <c:pt idx="2613">
                  <c:v>62.864896378848606</c:v>
                </c:pt>
                <c:pt idx="2614">
                  <c:v>62.860015580670712</c:v>
                </c:pt>
                <c:pt idx="2615">
                  <c:v>62.855870426261511</c:v>
                </c:pt>
                <c:pt idx="2616">
                  <c:v>62.850994033136111</c:v>
                </c:pt>
                <c:pt idx="2617">
                  <c:v>62.846117640010739</c:v>
                </c:pt>
                <c:pt idx="2618">
                  <c:v>62.841972485601531</c:v>
                </c:pt>
                <c:pt idx="2619">
                  <c:v>62.837091687423644</c:v>
                </c:pt>
                <c:pt idx="2620">
                  <c:v>62.832215294298251</c:v>
                </c:pt>
                <c:pt idx="2621">
                  <c:v>62.828070139889043</c:v>
                </c:pt>
                <c:pt idx="2622">
                  <c:v>62.823193746763657</c:v>
                </c:pt>
                <c:pt idx="2623">
                  <c:v>62.818312948585763</c:v>
                </c:pt>
                <c:pt idx="2624">
                  <c:v>62.814167794176562</c:v>
                </c:pt>
                <c:pt idx="2625">
                  <c:v>62.809291401051176</c:v>
                </c:pt>
                <c:pt idx="2626">
                  <c:v>62.804415007925783</c:v>
                </c:pt>
                <c:pt idx="2627">
                  <c:v>62.79953420974789</c:v>
                </c:pt>
                <c:pt idx="2628">
                  <c:v>62.795389055338688</c:v>
                </c:pt>
                <c:pt idx="2629">
                  <c:v>62.790512662213303</c:v>
                </c:pt>
                <c:pt idx="2630">
                  <c:v>62.785636269087917</c:v>
                </c:pt>
                <c:pt idx="2631">
                  <c:v>62.781438254048631</c:v>
                </c:pt>
                <c:pt idx="2632">
                  <c:v>62.776610316500808</c:v>
                </c:pt>
                <c:pt idx="2633">
                  <c:v>62.772416706514029</c:v>
                </c:pt>
                <c:pt idx="2634">
                  <c:v>62.76754031338865</c:v>
                </c:pt>
                <c:pt idx="2635">
                  <c:v>62.763390753926934</c:v>
                </c:pt>
                <c:pt idx="2636">
                  <c:v>62.758514360801549</c:v>
                </c:pt>
                <c:pt idx="2637">
                  <c:v>62.754320750814763</c:v>
                </c:pt>
                <c:pt idx="2638">
                  <c:v>62.749492813266954</c:v>
                </c:pt>
                <c:pt idx="2639">
                  <c:v>62.744612015089068</c:v>
                </c:pt>
                <c:pt idx="2640">
                  <c:v>62.739735621963668</c:v>
                </c:pt>
                <c:pt idx="2641">
                  <c:v>62.734859228838289</c:v>
                </c:pt>
                <c:pt idx="2642">
                  <c:v>62.730714074429081</c:v>
                </c:pt>
                <c:pt idx="2643">
                  <c:v>62.725833276251187</c:v>
                </c:pt>
                <c:pt idx="2644">
                  <c:v>62.721639666264409</c:v>
                </c:pt>
                <c:pt idx="2645">
                  <c:v>62.7168117287166</c:v>
                </c:pt>
                <c:pt idx="2646">
                  <c:v>62.712618118729822</c:v>
                </c:pt>
                <c:pt idx="2647">
                  <c:v>62.708420103690521</c:v>
                </c:pt>
                <c:pt idx="2648">
                  <c:v>62.703592166142712</c:v>
                </c:pt>
                <c:pt idx="2649">
                  <c:v>62.698715773017327</c:v>
                </c:pt>
                <c:pt idx="2650">
                  <c:v>62.693839379891941</c:v>
                </c:pt>
                <c:pt idx="2651">
                  <c:v>62.689689820430232</c:v>
                </c:pt>
                <c:pt idx="2652">
                  <c:v>62.685496210443446</c:v>
                </c:pt>
                <c:pt idx="2653">
                  <c:v>62.680619817318068</c:v>
                </c:pt>
                <c:pt idx="2654">
                  <c:v>62.676474662908859</c:v>
                </c:pt>
                <c:pt idx="2655">
                  <c:v>62.671593864730966</c:v>
                </c:pt>
                <c:pt idx="2656">
                  <c:v>62.666717471605587</c:v>
                </c:pt>
                <c:pt idx="2657">
                  <c:v>62.662523861618801</c:v>
                </c:pt>
                <c:pt idx="2658">
                  <c:v>62.657695924070993</c:v>
                </c:pt>
                <c:pt idx="2659">
                  <c:v>62.653497909031692</c:v>
                </c:pt>
                <c:pt idx="2660">
                  <c:v>62.648621515906314</c:v>
                </c:pt>
                <c:pt idx="2661">
                  <c:v>62.644476361497105</c:v>
                </c:pt>
                <c:pt idx="2662">
                  <c:v>62.638917185233119</c:v>
                </c:pt>
                <c:pt idx="2663">
                  <c:v>62.635401953332433</c:v>
                </c:pt>
                <c:pt idx="2664">
                  <c:v>62.630574015784624</c:v>
                </c:pt>
                <c:pt idx="2665">
                  <c:v>62.626380405797839</c:v>
                </c:pt>
                <c:pt idx="2666">
                  <c:v>62.621504012672446</c:v>
                </c:pt>
                <c:pt idx="2667">
                  <c:v>62.617354453210737</c:v>
                </c:pt>
                <c:pt idx="2668">
                  <c:v>62.612478060085351</c:v>
                </c:pt>
                <c:pt idx="2669">
                  <c:v>62.608284450098573</c:v>
                </c:pt>
                <c:pt idx="2670">
                  <c:v>62.604139295689365</c:v>
                </c:pt>
                <c:pt idx="2671">
                  <c:v>62.599258497511471</c:v>
                </c:pt>
                <c:pt idx="2672">
                  <c:v>62.59511334310227</c:v>
                </c:pt>
                <c:pt idx="2673">
                  <c:v>62.590919733115484</c:v>
                </c:pt>
                <c:pt idx="2674">
                  <c:v>62.586726123128706</c:v>
                </c:pt>
                <c:pt idx="2675">
                  <c:v>62.581898185580883</c:v>
                </c:pt>
                <c:pt idx="2676">
                  <c:v>62.577017387402996</c:v>
                </c:pt>
                <c:pt idx="2677">
                  <c:v>62.572823777416211</c:v>
                </c:pt>
                <c:pt idx="2678">
                  <c:v>62.567995839868416</c:v>
                </c:pt>
                <c:pt idx="2679">
                  <c:v>62.563802229881631</c:v>
                </c:pt>
                <c:pt idx="2680">
                  <c:v>62.559604214842338</c:v>
                </c:pt>
                <c:pt idx="2681">
                  <c:v>62.55545906043313</c:v>
                </c:pt>
                <c:pt idx="2682">
                  <c:v>62.550582667307744</c:v>
                </c:pt>
                <c:pt idx="2683">
                  <c:v>62.547120296037143</c:v>
                </c:pt>
                <c:pt idx="2684">
                  <c:v>62.542239497859249</c:v>
                </c:pt>
                <c:pt idx="2685">
                  <c:v>62.538045887872471</c:v>
                </c:pt>
                <c:pt idx="2686">
                  <c:v>62.533217950324655</c:v>
                </c:pt>
                <c:pt idx="2687">
                  <c:v>62.52902434033787</c:v>
                </c:pt>
                <c:pt idx="2688">
                  <c:v>62.524879185928675</c:v>
                </c:pt>
                <c:pt idx="2689">
                  <c:v>62.520681170889375</c:v>
                </c:pt>
                <c:pt idx="2690">
                  <c:v>62.515804777763989</c:v>
                </c:pt>
                <c:pt idx="2691">
                  <c:v>62.511659623354788</c:v>
                </c:pt>
                <c:pt idx="2692">
                  <c:v>62.506783230229402</c:v>
                </c:pt>
                <c:pt idx="2693">
                  <c:v>62.502585215190116</c:v>
                </c:pt>
                <c:pt idx="2694">
                  <c:v>62.498440060780908</c:v>
                </c:pt>
                <c:pt idx="2695">
                  <c:v>62.49424645079413</c:v>
                </c:pt>
                <c:pt idx="2696">
                  <c:v>62.489418513246321</c:v>
                </c:pt>
                <c:pt idx="2697">
                  <c:v>62.48453771506842</c:v>
                </c:pt>
                <c:pt idx="2698">
                  <c:v>62.481026888220249</c:v>
                </c:pt>
                <c:pt idx="2699">
                  <c:v>62.47619895067244</c:v>
                </c:pt>
                <c:pt idx="2700">
                  <c:v>62.471322557547055</c:v>
                </c:pt>
                <c:pt idx="2701">
                  <c:v>62.467124542507761</c:v>
                </c:pt>
                <c:pt idx="2702">
                  <c:v>62.46297938809856</c:v>
                </c:pt>
                <c:pt idx="2703">
                  <c:v>62.458785778111775</c:v>
                </c:pt>
                <c:pt idx="2704">
                  <c:v>62.454640623702566</c:v>
                </c:pt>
                <c:pt idx="2705">
                  <c:v>62.45044260866328</c:v>
                </c:pt>
                <c:pt idx="2706">
                  <c:v>62.445566215537895</c:v>
                </c:pt>
                <c:pt idx="2707">
                  <c:v>62.442103844267294</c:v>
                </c:pt>
                <c:pt idx="2708">
                  <c:v>62.437910234280508</c:v>
                </c:pt>
                <c:pt idx="2709">
                  <c:v>62.433082296732699</c:v>
                </c:pt>
                <c:pt idx="2710">
                  <c:v>62.428884281693414</c:v>
                </c:pt>
                <c:pt idx="2711">
                  <c:v>62.424739127284205</c:v>
                </c:pt>
                <c:pt idx="2712">
                  <c:v>62.419862734158826</c:v>
                </c:pt>
                <c:pt idx="2713">
                  <c:v>62.415669124172041</c:v>
                </c:pt>
                <c:pt idx="2714">
                  <c:v>62.412202347848933</c:v>
                </c:pt>
                <c:pt idx="2715">
                  <c:v>62.407325954723547</c:v>
                </c:pt>
                <c:pt idx="2716">
                  <c:v>62.403180800314331</c:v>
                </c:pt>
                <c:pt idx="2717">
                  <c:v>62.398987190327553</c:v>
                </c:pt>
                <c:pt idx="2718">
                  <c:v>62.394106392149659</c:v>
                </c:pt>
                <c:pt idx="2719">
                  <c:v>62.389961237740458</c:v>
                </c:pt>
                <c:pt idx="2720">
                  <c:v>62.385767627753673</c:v>
                </c:pt>
                <c:pt idx="2721">
                  <c:v>62.382305256483079</c:v>
                </c:pt>
                <c:pt idx="2722">
                  <c:v>62.377428863357686</c:v>
                </c:pt>
                <c:pt idx="2723">
                  <c:v>62.372548065179799</c:v>
                </c:pt>
                <c:pt idx="2724">
                  <c:v>62.368402910770591</c:v>
                </c:pt>
                <c:pt idx="2725">
                  <c:v>62.364209300783806</c:v>
                </c:pt>
                <c:pt idx="2726">
                  <c:v>62.360746929513205</c:v>
                </c:pt>
                <c:pt idx="2727">
                  <c:v>62.355866131335318</c:v>
                </c:pt>
                <c:pt idx="2728">
                  <c:v>62.35172097692611</c:v>
                </c:pt>
                <c:pt idx="2729">
                  <c:v>62.346844583800724</c:v>
                </c:pt>
                <c:pt idx="2730">
                  <c:v>62.343382212530123</c:v>
                </c:pt>
                <c:pt idx="2731">
                  <c:v>62.339184197490823</c:v>
                </c:pt>
                <c:pt idx="2732">
                  <c:v>62.334990587504045</c:v>
                </c:pt>
                <c:pt idx="2733">
                  <c:v>62.330162649956243</c:v>
                </c:pt>
                <c:pt idx="2734">
                  <c:v>62.325969039969451</c:v>
                </c:pt>
                <c:pt idx="2735">
                  <c:v>62.321823885560256</c:v>
                </c:pt>
                <c:pt idx="2736">
                  <c:v>62.31762587052097</c:v>
                </c:pt>
                <c:pt idx="2737">
                  <c:v>62.313432260534178</c:v>
                </c:pt>
                <c:pt idx="2738">
                  <c:v>62.308604322986383</c:v>
                </c:pt>
                <c:pt idx="2739">
                  <c:v>62.305093496138191</c:v>
                </c:pt>
                <c:pt idx="2740">
                  <c:v>62.300943936676482</c:v>
                </c:pt>
                <c:pt idx="2741">
                  <c:v>62.296067543551096</c:v>
                </c:pt>
                <c:pt idx="2742">
                  <c:v>62.291922389141888</c:v>
                </c:pt>
                <c:pt idx="2743">
                  <c:v>62.28772877915511</c:v>
                </c:pt>
                <c:pt idx="2744">
                  <c:v>62.282847980977216</c:v>
                </c:pt>
                <c:pt idx="2745">
                  <c:v>62.279385609706615</c:v>
                </c:pt>
                <c:pt idx="2746">
                  <c:v>62.27450921658123</c:v>
                </c:pt>
                <c:pt idx="2747">
                  <c:v>62.271046845310629</c:v>
                </c:pt>
                <c:pt idx="2748">
                  <c:v>62.26685323532385</c:v>
                </c:pt>
                <c:pt idx="2749">
                  <c:v>62.262703675862134</c:v>
                </c:pt>
                <c:pt idx="2750">
                  <c:v>62.258510065875356</c:v>
                </c:pt>
                <c:pt idx="2751">
                  <c:v>62.254364911466148</c:v>
                </c:pt>
                <c:pt idx="2752">
                  <c:v>62.250171301479369</c:v>
                </c:pt>
                <c:pt idx="2753">
                  <c:v>62.246026147070161</c:v>
                </c:pt>
                <c:pt idx="2754">
                  <c:v>62.241828132030875</c:v>
                </c:pt>
                <c:pt idx="2755">
                  <c:v>62.23763452204409</c:v>
                </c:pt>
                <c:pt idx="2756">
                  <c:v>62.233489367634874</c:v>
                </c:pt>
                <c:pt idx="2757">
                  <c:v>62.229295757648096</c:v>
                </c:pt>
                <c:pt idx="2758">
                  <c:v>62.225828981324995</c:v>
                </c:pt>
                <c:pt idx="2759">
                  <c:v>62.220952588199602</c:v>
                </c:pt>
                <c:pt idx="2760">
                  <c:v>62.216807433790407</c:v>
                </c:pt>
                <c:pt idx="2761">
                  <c:v>62.212613823803622</c:v>
                </c:pt>
                <c:pt idx="2762">
                  <c:v>62.208464264341913</c:v>
                </c:pt>
                <c:pt idx="2763">
                  <c:v>62.203587871216527</c:v>
                </c:pt>
                <c:pt idx="2764">
                  <c:v>62.199394261229735</c:v>
                </c:pt>
                <c:pt idx="2765">
                  <c:v>62.195931889959134</c:v>
                </c:pt>
                <c:pt idx="2766">
                  <c:v>62.19178673554994</c:v>
                </c:pt>
                <c:pt idx="2767">
                  <c:v>62.187588720510639</c:v>
                </c:pt>
                <c:pt idx="2768">
                  <c:v>62.183395110523861</c:v>
                </c:pt>
                <c:pt idx="2769">
                  <c:v>62.179249956114667</c:v>
                </c:pt>
                <c:pt idx="2770">
                  <c:v>62.175056346127882</c:v>
                </c:pt>
                <c:pt idx="2771">
                  <c:v>62.170906786666166</c:v>
                </c:pt>
                <c:pt idx="2772">
                  <c:v>62.16671317667938</c:v>
                </c:pt>
                <c:pt idx="2773">
                  <c:v>62.162568022270172</c:v>
                </c:pt>
                <c:pt idx="2774">
                  <c:v>62.159057195422008</c:v>
                </c:pt>
                <c:pt idx="2775">
                  <c:v>62.154229257874199</c:v>
                </c:pt>
                <c:pt idx="2776">
                  <c:v>62.150031242834899</c:v>
                </c:pt>
                <c:pt idx="2777">
                  <c:v>62.146568871564298</c:v>
                </c:pt>
                <c:pt idx="2778">
                  <c:v>62.14237526157752</c:v>
                </c:pt>
                <c:pt idx="2779">
                  <c:v>62.138230107168319</c:v>
                </c:pt>
                <c:pt idx="2780">
                  <c:v>62.134032092129026</c:v>
                </c:pt>
                <c:pt idx="2781">
                  <c:v>62.130569720858425</c:v>
                </c:pt>
                <c:pt idx="2782">
                  <c:v>62.126376110871639</c:v>
                </c:pt>
                <c:pt idx="2783">
                  <c:v>62.122230956462431</c:v>
                </c:pt>
                <c:pt idx="2784">
                  <c:v>62.118037346475653</c:v>
                </c:pt>
                <c:pt idx="2785">
                  <c:v>62.113887787013944</c:v>
                </c:pt>
                <c:pt idx="2786">
                  <c:v>62.109694177027158</c:v>
                </c:pt>
                <c:pt idx="2787">
                  <c:v>62.105549022617957</c:v>
                </c:pt>
                <c:pt idx="2788">
                  <c:v>62.101355412631172</c:v>
                </c:pt>
                <c:pt idx="2789">
                  <c:v>62.097205853169463</c:v>
                </c:pt>
                <c:pt idx="2790">
                  <c:v>62.093012243182677</c:v>
                </c:pt>
                <c:pt idx="2791">
                  <c:v>62.088818633195899</c:v>
                </c:pt>
                <c:pt idx="2792">
                  <c:v>62.084673478786691</c:v>
                </c:pt>
                <c:pt idx="2793">
                  <c:v>62.08121110751609</c:v>
                </c:pt>
                <c:pt idx="2794">
                  <c:v>62.077013092476804</c:v>
                </c:pt>
                <c:pt idx="2795">
                  <c:v>62.072867938067596</c:v>
                </c:pt>
                <c:pt idx="2796">
                  <c:v>62.068674328080817</c:v>
                </c:pt>
                <c:pt idx="2797">
                  <c:v>62.064480718094032</c:v>
                </c:pt>
                <c:pt idx="2798">
                  <c:v>62.060331158632323</c:v>
                </c:pt>
                <c:pt idx="2799">
                  <c:v>62.056137548645538</c:v>
                </c:pt>
                <c:pt idx="2800">
                  <c:v>62.051992394236336</c:v>
                </c:pt>
                <c:pt idx="2801">
                  <c:v>62.048530022965735</c:v>
                </c:pt>
                <c:pt idx="2802">
                  <c:v>62.04433641297895</c:v>
                </c:pt>
                <c:pt idx="2803">
                  <c:v>62.040138397939664</c:v>
                </c:pt>
                <c:pt idx="2804">
                  <c:v>62.035993243530456</c:v>
                </c:pt>
                <c:pt idx="2805">
                  <c:v>62.031799633543677</c:v>
                </c:pt>
                <c:pt idx="2806">
                  <c:v>62.027654479134469</c:v>
                </c:pt>
                <c:pt idx="2807">
                  <c:v>62.023456464095183</c:v>
                </c:pt>
                <c:pt idx="2808">
                  <c:v>62.019994092824582</c:v>
                </c:pt>
                <c:pt idx="2809">
                  <c:v>62.015117699699196</c:v>
                </c:pt>
                <c:pt idx="2810">
                  <c:v>62.011655328428603</c:v>
                </c:pt>
                <c:pt idx="2811">
                  <c:v>62.00746171844181</c:v>
                </c:pt>
                <c:pt idx="2812">
                  <c:v>62.003312158980101</c:v>
                </c:pt>
                <c:pt idx="2813">
                  <c:v>61.999118548993323</c:v>
                </c:pt>
                <c:pt idx="2814">
                  <c:v>61.995656177722715</c:v>
                </c:pt>
                <c:pt idx="2815">
                  <c:v>61.990779784597336</c:v>
                </c:pt>
                <c:pt idx="2816">
                  <c:v>61.986634630188128</c:v>
                </c:pt>
                <c:pt idx="2817">
                  <c:v>61.982436615148842</c:v>
                </c:pt>
                <c:pt idx="2818">
                  <c:v>61.978291460739634</c:v>
                </c:pt>
                <c:pt idx="2819">
                  <c:v>61.974780633891456</c:v>
                </c:pt>
                <c:pt idx="2820">
                  <c:v>61.970635479482247</c:v>
                </c:pt>
                <c:pt idx="2821">
                  <c:v>61.966437464442961</c:v>
                </c:pt>
                <c:pt idx="2822">
                  <c:v>61.96229231003376</c:v>
                </c:pt>
                <c:pt idx="2823">
                  <c:v>61.958781483185582</c:v>
                </c:pt>
                <c:pt idx="2824">
                  <c:v>61.954636328776374</c:v>
                </c:pt>
                <c:pt idx="2825">
                  <c:v>61.950442718789596</c:v>
                </c:pt>
                <c:pt idx="2826">
                  <c:v>61.94629315932788</c:v>
                </c:pt>
                <c:pt idx="2827">
                  <c:v>61.942099549341101</c:v>
                </c:pt>
                <c:pt idx="2828">
                  <c:v>61.937954394931893</c:v>
                </c:pt>
                <c:pt idx="2829">
                  <c:v>61.933760784945115</c:v>
                </c:pt>
                <c:pt idx="2830">
                  <c:v>61.929611225483399</c:v>
                </c:pt>
                <c:pt idx="2831">
                  <c:v>61.92541761549662</c:v>
                </c:pt>
                <c:pt idx="2832">
                  <c:v>61.921272461087412</c:v>
                </c:pt>
                <c:pt idx="2833">
                  <c:v>61.916396067962026</c:v>
                </c:pt>
                <c:pt idx="2834">
                  <c:v>61.912885241113848</c:v>
                </c:pt>
                <c:pt idx="2835">
                  <c:v>61.908735681652139</c:v>
                </c:pt>
                <c:pt idx="2836">
                  <c:v>61.904542071665354</c:v>
                </c:pt>
                <c:pt idx="2837">
                  <c:v>61.900396917256153</c:v>
                </c:pt>
                <c:pt idx="2838">
                  <c:v>61.89620330726936</c:v>
                </c:pt>
                <c:pt idx="2839">
                  <c:v>61.892053747807658</c:v>
                </c:pt>
                <c:pt idx="2840">
                  <c:v>61.887860137820866</c:v>
                </c:pt>
                <c:pt idx="2841">
                  <c:v>61.884397766550272</c:v>
                </c:pt>
                <c:pt idx="2842">
                  <c:v>61.880935395279671</c:v>
                </c:pt>
                <c:pt idx="2843">
                  <c:v>61.876059002154285</c:v>
                </c:pt>
                <c:pt idx="2844">
                  <c:v>61.871860987114992</c:v>
                </c:pt>
                <c:pt idx="2845">
                  <c:v>61.868398615844399</c:v>
                </c:pt>
                <c:pt idx="2846">
                  <c:v>61.863522222719013</c:v>
                </c:pt>
                <c:pt idx="2847">
                  <c:v>61.859377068309804</c:v>
                </c:pt>
                <c:pt idx="2848">
                  <c:v>61.855861836409126</c:v>
                </c:pt>
                <c:pt idx="2849">
                  <c:v>61.851033898861303</c:v>
                </c:pt>
                <c:pt idx="2850">
                  <c:v>61.847523072013139</c:v>
                </c:pt>
                <c:pt idx="2851">
                  <c:v>61.843377917603931</c:v>
                </c:pt>
                <c:pt idx="2852">
                  <c:v>61.839184307617153</c:v>
                </c:pt>
                <c:pt idx="2853">
                  <c:v>61.835717531294044</c:v>
                </c:pt>
                <c:pt idx="2854">
                  <c:v>61.831523921307252</c:v>
                </c:pt>
                <c:pt idx="2855">
                  <c:v>61.827378766898057</c:v>
                </c:pt>
                <c:pt idx="2856">
                  <c:v>61.823185156911272</c:v>
                </c:pt>
                <c:pt idx="2857">
                  <c:v>61.819040002502064</c:v>
                </c:pt>
                <c:pt idx="2858">
                  <c:v>61.814841987462778</c:v>
                </c:pt>
                <c:pt idx="2859">
                  <c:v>61.811379616192177</c:v>
                </c:pt>
                <c:pt idx="2860">
                  <c:v>61.806503223066784</c:v>
                </c:pt>
                <c:pt idx="2861">
                  <c:v>61.80235806865759</c:v>
                </c:pt>
                <c:pt idx="2862">
                  <c:v>61.79816005361829</c:v>
                </c:pt>
                <c:pt idx="2863">
                  <c:v>61.794697682347696</c:v>
                </c:pt>
                <c:pt idx="2864">
                  <c:v>61.790504072360918</c:v>
                </c:pt>
                <c:pt idx="2865">
                  <c:v>61.786358917951709</c:v>
                </c:pt>
                <c:pt idx="2866">
                  <c:v>61.782848091103531</c:v>
                </c:pt>
                <c:pt idx="2867">
                  <c:v>61.778698531641822</c:v>
                </c:pt>
                <c:pt idx="2868">
                  <c:v>61.774504921655037</c:v>
                </c:pt>
                <c:pt idx="2869">
                  <c:v>61.770359767245822</c:v>
                </c:pt>
                <c:pt idx="2870">
                  <c:v>61.766166157259043</c:v>
                </c:pt>
                <c:pt idx="2871">
                  <c:v>61.762016597797327</c:v>
                </c:pt>
                <c:pt idx="2872">
                  <c:v>61.757822987810549</c:v>
                </c:pt>
                <c:pt idx="2873">
                  <c:v>61.753677833401355</c:v>
                </c:pt>
                <c:pt idx="2874">
                  <c:v>61.750167006553177</c:v>
                </c:pt>
                <c:pt idx="2875">
                  <c:v>61.746021852143969</c:v>
                </c:pt>
                <c:pt idx="2876">
                  <c:v>61.741823837104683</c:v>
                </c:pt>
                <c:pt idx="2877">
                  <c:v>61.738361465834082</c:v>
                </c:pt>
                <c:pt idx="2878">
                  <c:v>61.734167855847296</c:v>
                </c:pt>
                <c:pt idx="2879">
                  <c:v>61.730022701438095</c:v>
                </c:pt>
                <c:pt idx="2880">
                  <c:v>61.725824686398802</c:v>
                </c:pt>
                <c:pt idx="2881">
                  <c:v>61.721679531989587</c:v>
                </c:pt>
                <c:pt idx="2882">
                  <c:v>61.718168705141423</c:v>
                </c:pt>
                <c:pt idx="2883">
                  <c:v>61.714023550732215</c:v>
                </c:pt>
                <c:pt idx="2884">
                  <c:v>61.709829940745436</c:v>
                </c:pt>
                <c:pt idx="2885">
                  <c:v>61.70568038128372</c:v>
                </c:pt>
                <c:pt idx="2886">
                  <c:v>61.702218010013119</c:v>
                </c:pt>
                <c:pt idx="2887">
                  <c:v>61.697341616887734</c:v>
                </c:pt>
                <c:pt idx="2888">
                  <c:v>61.693830790039556</c:v>
                </c:pt>
                <c:pt idx="2889">
                  <c:v>61.689685635630354</c:v>
                </c:pt>
                <c:pt idx="2890">
                  <c:v>61.685487620591061</c:v>
                </c:pt>
                <c:pt idx="2891">
                  <c:v>61.68134246618186</c:v>
                </c:pt>
                <c:pt idx="2892">
                  <c:v>61.677148856195068</c:v>
                </c:pt>
                <c:pt idx="2893">
                  <c:v>61.673003701785873</c:v>
                </c:pt>
                <c:pt idx="2894">
                  <c:v>61.669488469885188</c:v>
                </c:pt>
                <c:pt idx="2895">
                  <c:v>61.66534331547598</c:v>
                </c:pt>
                <c:pt idx="2896">
                  <c:v>61.661149705489201</c:v>
                </c:pt>
                <c:pt idx="2897">
                  <c:v>61.6576873342186</c:v>
                </c:pt>
                <c:pt idx="2898">
                  <c:v>61.653542179809392</c:v>
                </c:pt>
                <c:pt idx="2899">
                  <c:v>61.649344164770106</c:v>
                </c:pt>
                <c:pt idx="2900">
                  <c:v>61.645199010360898</c:v>
                </c:pt>
                <c:pt idx="2901">
                  <c:v>61.641005400374119</c:v>
                </c:pt>
                <c:pt idx="2902">
                  <c:v>61.636811790387327</c:v>
                </c:pt>
                <c:pt idx="2903">
                  <c:v>61.633349419116733</c:v>
                </c:pt>
                <c:pt idx="2904">
                  <c:v>61.629199859655024</c:v>
                </c:pt>
                <c:pt idx="2905">
                  <c:v>61.625006249668239</c:v>
                </c:pt>
                <c:pt idx="2906">
                  <c:v>61.620861095259038</c:v>
                </c:pt>
                <c:pt idx="2907">
                  <c:v>61.615984702133652</c:v>
                </c:pt>
                <c:pt idx="2908">
                  <c:v>61.612469470232959</c:v>
                </c:pt>
                <c:pt idx="2909">
                  <c:v>61.608324315823758</c:v>
                </c:pt>
                <c:pt idx="2910">
                  <c:v>61.60413070583698</c:v>
                </c:pt>
                <c:pt idx="2911">
                  <c:v>61.599985551427771</c:v>
                </c:pt>
                <c:pt idx="2912">
                  <c:v>61.595787536388485</c:v>
                </c:pt>
                <c:pt idx="2913">
                  <c:v>61.592325165117884</c:v>
                </c:pt>
                <c:pt idx="2914">
                  <c:v>61.588131555131099</c:v>
                </c:pt>
                <c:pt idx="2915">
                  <c:v>61.583986400721898</c:v>
                </c:pt>
                <c:pt idx="2916">
                  <c:v>61.579110007596512</c:v>
                </c:pt>
                <c:pt idx="2917">
                  <c:v>61.575643231273403</c:v>
                </c:pt>
                <c:pt idx="2918">
                  <c:v>61.570766838148018</c:v>
                </c:pt>
                <c:pt idx="2919">
                  <c:v>61.566573228161239</c:v>
                </c:pt>
                <c:pt idx="2920">
                  <c:v>61.563110856890638</c:v>
                </c:pt>
                <c:pt idx="2921">
                  <c:v>61.55896570248143</c:v>
                </c:pt>
                <c:pt idx="2922">
                  <c:v>61.555450470580745</c:v>
                </c:pt>
                <c:pt idx="2923">
                  <c:v>61.551305316171536</c:v>
                </c:pt>
                <c:pt idx="2924">
                  <c:v>61.547111706184758</c:v>
                </c:pt>
                <c:pt idx="2925">
                  <c:v>61.54296655177555</c:v>
                </c:pt>
                <c:pt idx="2926">
                  <c:v>61.538768536736256</c:v>
                </c:pt>
                <c:pt idx="2927">
                  <c:v>61.535306165465663</c:v>
                </c:pt>
                <c:pt idx="2928">
                  <c:v>61.531112555478884</c:v>
                </c:pt>
                <c:pt idx="2929">
                  <c:v>61.526967401069676</c:v>
                </c:pt>
                <c:pt idx="2930">
                  <c:v>61.522091007944283</c:v>
                </c:pt>
                <c:pt idx="2931">
                  <c:v>61.517892992905004</c:v>
                </c:pt>
                <c:pt idx="2932">
                  <c:v>61.513747838495789</c:v>
                </c:pt>
                <c:pt idx="2933">
                  <c:v>61.510285467225195</c:v>
                </c:pt>
                <c:pt idx="2934">
                  <c:v>61.506091857238417</c:v>
                </c:pt>
                <c:pt idx="2935">
                  <c:v>61.501942297776701</c:v>
                </c:pt>
                <c:pt idx="2936">
                  <c:v>61.497748687789922</c:v>
                </c:pt>
                <c:pt idx="2937">
                  <c:v>61.493555077803137</c:v>
                </c:pt>
                <c:pt idx="2938">
                  <c:v>61.489409923393936</c:v>
                </c:pt>
                <c:pt idx="2939">
                  <c:v>61.485216313407143</c:v>
                </c:pt>
                <c:pt idx="2940">
                  <c:v>61.481066753945441</c:v>
                </c:pt>
                <c:pt idx="2941">
                  <c:v>61.476873143958649</c:v>
                </c:pt>
                <c:pt idx="2942">
                  <c:v>61.473410772688048</c:v>
                </c:pt>
                <c:pt idx="2943">
                  <c:v>61.468534379562662</c:v>
                </c:pt>
                <c:pt idx="2944">
                  <c:v>61.464384820100953</c:v>
                </c:pt>
                <c:pt idx="2945">
                  <c:v>61.460873993252775</c:v>
                </c:pt>
                <c:pt idx="2946">
                  <c:v>61.456728838843574</c:v>
                </c:pt>
                <c:pt idx="2947">
                  <c:v>61.453266467572973</c:v>
                </c:pt>
                <c:pt idx="2948">
                  <c:v>61.44839007444758</c:v>
                </c:pt>
                <c:pt idx="2949">
                  <c:v>61.444192059408302</c:v>
                </c:pt>
                <c:pt idx="2950">
                  <c:v>61.440046904999086</c:v>
                </c:pt>
                <c:pt idx="2951">
                  <c:v>61.435853295012308</c:v>
                </c:pt>
                <c:pt idx="2952">
                  <c:v>61.432390923741714</c:v>
                </c:pt>
                <c:pt idx="2953">
                  <c:v>61.428192908702428</c:v>
                </c:pt>
                <c:pt idx="2954">
                  <c:v>61.424047754293213</c:v>
                </c:pt>
                <c:pt idx="2955">
                  <c:v>61.419854144306427</c:v>
                </c:pt>
                <c:pt idx="2956">
                  <c:v>61.415708989897233</c:v>
                </c:pt>
                <c:pt idx="2957">
                  <c:v>61.411515379910441</c:v>
                </c:pt>
                <c:pt idx="2958">
                  <c:v>61.407365820448739</c:v>
                </c:pt>
                <c:pt idx="2959">
                  <c:v>61.40317221046196</c:v>
                </c:pt>
                <c:pt idx="2960">
                  <c:v>61.399027056052745</c:v>
                </c:pt>
                <c:pt idx="2961">
                  <c:v>61.394833446065959</c:v>
                </c:pt>
                <c:pt idx="2962">
                  <c:v>61.391371074795366</c:v>
                </c:pt>
                <c:pt idx="2963">
                  <c:v>61.387173059756073</c:v>
                </c:pt>
                <c:pt idx="2964">
                  <c:v>61.382296666630687</c:v>
                </c:pt>
                <c:pt idx="2965">
                  <c:v>61.378834295360093</c:v>
                </c:pt>
                <c:pt idx="2966">
                  <c:v>61.374689140950878</c:v>
                </c:pt>
                <c:pt idx="2967">
                  <c:v>61.370491125911592</c:v>
                </c:pt>
                <c:pt idx="2968">
                  <c:v>61.366297515924806</c:v>
                </c:pt>
                <c:pt idx="2969">
                  <c:v>61.362152361515605</c:v>
                </c:pt>
                <c:pt idx="2970">
                  <c:v>61.35795875152882</c:v>
                </c:pt>
                <c:pt idx="2971">
                  <c:v>61.353809192067111</c:v>
                </c:pt>
                <c:pt idx="2972">
                  <c:v>61.349615582080332</c:v>
                </c:pt>
                <c:pt idx="2973">
                  <c:v>61.345470427671124</c:v>
                </c:pt>
                <c:pt idx="2974">
                  <c:v>61.341959600822946</c:v>
                </c:pt>
                <c:pt idx="2975">
                  <c:v>61.337814446413752</c:v>
                </c:pt>
                <c:pt idx="2976">
                  <c:v>61.333616431374452</c:v>
                </c:pt>
                <c:pt idx="2977">
                  <c:v>61.329471276965258</c:v>
                </c:pt>
                <c:pt idx="2978">
                  <c:v>61.325277666978465</c:v>
                </c:pt>
                <c:pt idx="2979">
                  <c:v>61.321132512569257</c:v>
                </c:pt>
                <c:pt idx="2980">
                  <c:v>61.316934497529971</c:v>
                </c:pt>
                <c:pt idx="2981">
                  <c:v>61.312058104404585</c:v>
                </c:pt>
                <c:pt idx="2982">
                  <c:v>61.307912949995384</c:v>
                </c:pt>
                <c:pt idx="2983">
                  <c:v>61.303719340008598</c:v>
                </c:pt>
                <c:pt idx="2984">
                  <c:v>61.299574185599397</c:v>
                </c:pt>
                <c:pt idx="2985">
                  <c:v>61.295376170560111</c:v>
                </c:pt>
                <c:pt idx="2986">
                  <c:v>61.291231016150903</c:v>
                </c:pt>
                <c:pt idx="2987">
                  <c:v>61.287037406164117</c:v>
                </c:pt>
                <c:pt idx="2988">
                  <c:v>61.282892251754916</c:v>
                </c:pt>
                <c:pt idx="2989">
                  <c:v>61.27869423671563</c:v>
                </c:pt>
                <c:pt idx="2990">
                  <c:v>61.273817843590244</c:v>
                </c:pt>
                <c:pt idx="2991">
                  <c:v>61.271038255458244</c:v>
                </c:pt>
                <c:pt idx="2992">
                  <c:v>61.266161862332851</c:v>
                </c:pt>
                <c:pt idx="2993">
                  <c:v>61.262016707923657</c:v>
                </c:pt>
                <c:pt idx="2994">
                  <c:v>61.258549931600534</c:v>
                </c:pt>
                <c:pt idx="2995">
                  <c:v>61.253673538475162</c:v>
                </c:pt>
                <c:pt idx="2996">
                  <c:v>61.24947992848837</c:v>
                </c:pt>
                <c:pt idx="2997">
                  <c:v>61.246017557217776</c:v>
                </c:pt>
                <c:pt idx="2998">
                  <c:v>61.241136759039875</c:v>
                </c:pt>
                <c:pt idx="2999">
                  <c:v>61.237674387769282</c:v>
                </c:pt>
                <c:pt idx="3000">
                  <c:v>61.233480777782503</c:v>
                </c:pt>
                <c:pt idx="3001">
                  <c:v>61.22865284023468</c:v>
                </c:pt>
                <c:pt idx="3002">
                  <c:v>61.225142013386503</c:v>
                </c:pt>
                <c:pt idx="3003">
                  <c:v>61.220992453924794</c:v>
                </c:pt>
                <c:pt idx="3004">
                  <c:v>61.216116060799408</c:v>
                </c:pt>
                <c:pt idx="3005">
                  <c:v>61.211239667674022</c:v>
                </c:pt>
                <c:pt idx="3006">
                  <c:v>61.207777296403421</c:v>
                </c:pt>
                <c:pt idx="3007">
                  <c:v>61.203579281364135</c:v>
                </c:pt>
                <c:pt idx="3008">
                  <c:v>61.199434126954927</c:v>
                </c:pt>
                <c:pt idx="3009">
                  <c:v>61.194557733829541</c:v>
                </c:pt>
                <c:pt idx="3010">
                  <c:v>61.190364123842762</c:v>
                </c:pt>
                <c:pt idx="3011">
                  <c:v>61.186214564381054</c:v>
                </c:pt>
                <c:pt idx="3012">
                  <c:v>61.182752193110446</c:v>
                </c:pt>
                <c:pt idx="3013">
                  <c:v>61.177875799985067</c:v>
                </c:pt>
                <c:pt idx="3014">
                  <c:v>61.173682189998274</c:v>
                </c:pt>
                <c:pt idx="3015">
                  <c:v>61.169537035589073</c:v>
                </c:pt>
                <c:pt idx="3016">
                  <c:v>61.16533902054978</c:v>
                </c:pt>
                <c:pt idx="3017">
                  <c:v>61.161193866140586</c:v>
                </c:pt>
                <c:pt idx="3018">
                  <c:v>61.1570002561538</c:v>
                </c:pt>
                <c:pt idx="3019">
                  <c:v>61.152855101744585</c:v>
                </c:pt>
                <c:pt idx="3020">
                  <c:v>61.148657086705306</c:v>
                </c:pt>
                <c:pt idx="3021">
                  <c:v>61.144463476718528</c:v>
                </c:pt>
                <c:pt idx="3022">
                  <c:v>61.139635539170712</c:v>
                </c:pt>
                <c:pt idx="3023">
                  <c:v>61.135441929183926</c:v>
                </c:pt>
                <c:pt idx="3024">
                  <c:v>61.131296774774732</c:v>
                </c:pt>
                <c:pt idx="3025">
                  <c:v>61.126415976596832</c:v>
                </c:pt>
                <c:pt idx="3026">
                  <c:v>61.122905149748654</c:v>
                </c:pt>
                <c:pt idx="3027">
                  <c:v>61.118759995339445</c:v>
                </c:pt>
                <c:pt idx="3028">
                  <c:v>61.114566385352667</c:v>
                </c:pt>
                <c:pt idx="3029">
                  <c:v>61.110416825890965</c:v>
                </c:pt>
                <c:pt idx="3030">
                  <c:v>61.105540432765572</c:v>
                </c:pt>
                <c:pt idx="3031">
                  <c:v>61.101395278356364</c:v>
                </c:pt>
                <c:pt idx="3032">
                  <c:v>61.097201668369578</c:v>
                </c:pt>
                <c:pt idx="3033">
                  <c:v>61.092320870191692</c:v>
                </c:pt>
                <c:pt idx="3034">
                  <c:v>61.088175715782484</c:v>
                </c:pt>
                <c:pt idx="3035">
                  <c:v>61.083982105795705</c:v>
                </c:pt>
                <c:pt idx="3036">
                  <c:v>61.079836951386497</c:v>
                </c:pt>
                <c:pt idx="3037">
                  <c:v>61.075643341399719</c:v>
                </c:pt>
                <c:pt idx="3038">
                  <c:v>61.071445326360418</c:v>
                </c:pt>
                <c:pt idx="3039">
                  <c:v>61.06661738881261</c:v>
                </c:pt>
                <c:pt idx="3040">
                  <c:v>61.062423778825831</c:v>
                </c:pt>
                <c:pt idx="3041">
                  <c:v>61.057547385700445</c:v>
                </c:pt>
                <c:pt idx="3042">
                  <c:v>61.054080609377337</c:v>
                </c:pt>
                <c:pt idx="3043">
                  <c:v>61.049204216251951</c:v>
                </c:pt>
                <c:pt idx="3044">
                  <c:v>61.045059061842757</c:v>
                </c:pt>
                <c:pt idx="3045">
                  <c:v>61.040865451855964</c:v>
                </c:pt>
                <c:pt idx="3046">
                  <c:v>61.036715892394255</c:v>
                </c:pt>
                <c:pt idx="3047">
                  <c:v>61.03183949926887</c:v>
                </c:pt>
                <c:pt idx="3048">
                  <c:v>61.027645889282084</c:v>
                </c:pt>
                <c:pt idx="3049">
                  <c:v>61.022769496156698</c:v>
                </c:pt>
                <c:pt idx="3050">
                  <c:v>61.018619936694989</c:v>
                </c:pt>
                <c:pt idx="3051">
                  <c:v>61.014426326708211</c:v>
                </c:pt>
                <c:pt idx="3052">
                  <c:v>61.010281172298996</c:v>
                </c:pt>
                <c:pt idx="3053">
                  <c:v>61.005404779173617</c:v>
                </c:pt>
                <c:pt idx="3054">
                  <c:v>61.001259624764401</c:v>
                </c:pt>
                <c:pt idx="3055">
                  <c:v>60.996378826586515</c:v>
                </c:pt>
                <c:pt idx="3056">
                  <c:v>60.992185216599729</c:v>
                </c:pt>
                <c:pt idx="3057">
                  <c:v>60.987308823474343</c:v>
                </c:pt>
                <c:pt idx="3058">
                  <c:v>60.983163669065142</c:v>
                </c:pt>
                <c:pt idx="3059">
                  <c:v>60.978282870887249</c:v>
                </c:pt>
                <c:pt idx="3060">
                  <c:v>60.97408926090047</c:v>
                </c:pt>
                <c:pt idx="3061">
                  <c:v>60.969944106491255</c:v>
                </c:pt>
                <c:pt idx="3062">
                  <c:v>60.965750496504469</c:v>
                </c:pt>
                <c:pt idx="3063">
                  <c:v>60.960918153904153</c:v>
                </c:pt>
                <c:pt idx="3064">
                  <c:v>60.956724543917375</c:v>
                </c:pt>
                <c:pt idx="3065">
                  <c:v>60.951848150792003</c:v>
                </c:pt>
                <c:pt idx="3066">
                  <c:v>60.947702996382787</c:v>
                </c:pt>
                <c:pt idx="3067">
                  <c:v>60.942822198204894</c:v>
                </c:pt>
                <c:pt idx="3068">
                  <c:v>60.938628588218108</c:v>
                </c:pt>
                <c:pt idx="3069">
                  <c:v>60.934483433808907</c:v>
                </c:pt>
                <c:pt idx="3070">
                  <c:v>60.929607040683514</c:v>
                </c:pt>
                <c:pt idx="3071">
                  <c:v>60.924726242505628</c:v>
                </c:pt>
                <c:pt idx="3072">
                  <c:v>60.920581088096412</c:v>
                </c:pt>
                <c:pt idx="3073">
                  <c:v>60.916387478109634</c:v>
                </c:pt>
                <c:pt idx="3074">
                  <c:v>60.911511084984255</c:v>
                </c:pt>
                <c:pt idx="3075">
                  <c:v>60.906678742383932</c:v>
                </c:pt>
                <c:pt idx="3076">
                  <c:v>60.902485132397153</c:v>
                </c:pt>
                <c:pt idx="3077">
                  <c:v>60.897608739271767</c:v>
                </c:pt>
                <c:pt idx="3078">
                  <c:v>60.893463584862559</c:v>
                </c:pt>
                <c:pt idx="3079">
                  <c:v>60.889265569823273</c:v>
                </c:pt>
                <c:pt idx="3080">
                  <c:v>60.885120415414072</c:v>
                </c:pt>
                <c:pt idx="3081">
                  <c:v>60.880244022288686</c:v>
                </c:pt>
                <c:pt idx="3082">
                  <c:v>60.876050412301893</c:v>
                </c:pt>
                <c:pt idx="3083">
                  <c:v>60.871169614124</c:v>
                </c:pt>
                <c:pt idx="3084">
                  <c:v>60.866341676576191</c:v>
                </c:pt>
                <c:pt idx="3085">
                  <c:v>60.861465283450805</c:v>
                </c:pt>
                <c:pt idx="3086">
                  <c:v>60.857271673464027</c:v>
                </c:pt>
                <c:pt idx="3087">
                  <c:v>60.853126519054818</c:v>
                </c:pt>
                <c:pt idx="3088">
                  <c:v>60.848245720876932</c:v>
                </c:pt>
                <c:pt idx="3089">
                  <c:v>60.843369327751539</c:v>
                </c:pt>
                <c:pt idx="3090">
                  <c:v>60.839224173342338</c:v>
                </c:pt>
                <c:pt idx="3091">
                  <c:v>60.835030563355559</c:v>
                </c:pt>
                <c:pt idx="3092">
                  <c:v>60.830149765177659</c:v>
                </c:pt>
                <c:pt idx="3093">
                  <c:v>60.826004610768464</c:v>
                </c:pt>
                <c:pt idx="3094">
                  <c:v>60.821811000781672</c:v>
                </c:pt>
                <c:pt idx="3095">
                  <c:v>60.816934607656286</c:v>
                </c:pt>
                <c:pt idx="3096">
                  <c:v>60.812102265055969</c:v>
                </c:pt>
                <c:pt idx="3097">
                  <c:v>60.807225871930576</c:v>
                </c:pt>
                <c:pt idx="3098">
                  <c:v>60.803032261943798</c:v>
                </c:pt>
                <c:pt idx="3099">
                  <c:v>60.798887107534597</c:v>
                </c:pt>
                <c:pt idx="3100">
                  <c:v>60.794006309356696</c:v>
                </c:pt>
                <c:pt idx="3101">
                  <c:v>60.78912991623131</c:v>
                </c:pt>
                <c:pt idx="3102">
                  <c:v>60.784253523105932</c:v>
                </c:pt>
                <c:pt idx="3103">
                  <c:v>60.779425585558123</c:v>
                </c:pt>
                <c:pt idx="3104">
                  <c:v>60.77522757051883</c:v>
                </c:pt>
                <c:pt idx="3105">
                  <c:v>60.771033960532051</c:v>
                </c:pt>
                <c:pt idx="3106">
                  <c:v>60.766206022984235</c:v>
                </c:pt>
                <c:pt idx="3107">
                  <c:v>60.760646846720256</c:v>
                </c:pt>
                <c:pt idx="3108">
                  <c:v>60.756448831680956</c:v>
                </c:pt>
                <c:pt idx="3109">
                  <c:v>60.75157243855557</c:v>
                </c:pt>
                <c:pt idx="3110">
                  <c:v>60.746696045430177</c:v>
                </c:pt>
                <c:pt idx="3111">
                  <c:v>60.741868107882368</c:v>
                </c:pt>
                <c:pt idx="3112">
                  <c:v>60.737670092843082</c:v>
                </c:pt>
                <c:pt idx="3113">
                  <c:v>60.732793699717703</c:v>
                </c:pt>
                <c:pt idx="3114">
                  <c:v>60.728648545308488</c:v>
                </c:pt>
                <c:pt idx="3115">
                  <c:v>60.723089369044501</c:v>
                </c:pt>
                <c:pt idx="3116">
                  <c:v>60.718891354005216</c:v>
                </c:pt>
                <c:pt idx="3117">
                  <c:v>60.71401496087983</c:v>
                </c:pt>
                <c:pt idx="3118">
                  <c:v>60.709187023332021</c:v>
                </c:pt>
                <c:pt idx="3119">
                  <c:v>60.704310630206628</c:v>
                </c:pt>
                <c:pt idx="3120">
                  <c:v>60.699429832028734</c:v>
                </c:pt>
                <c:pt idx="3121">
                  <c:v>60.694553438903348</c:v>
                </c:pt>
                <c:pt idx="3122">
                  <c:v>60.68967704577797</c:v>
                </c:pt>
                <c:pt idx="3123">
                  <c:v>60.685531891368754</c:v>
                </c:pt>
                <c:pt idx="3124">
                  <c:v>60.68065109319086</c:v>
                </c:pt>
                <c:pt idx="3125">
                  <c:v>60.675774700065475</c:v>
                </c:pt>
                <c:pt idx="3126">
                  <c:v>60.670898306940089</c:v>
                </c:pt>
                <c:pt idx="3127">
                  <c:v>60.666753152530887</c:v>
                </c:pt>
                <c:pt idx="3128">
                  <c:v>60.661189571214393</c:v>
                </c:pt>
                <c:pt idx="3129">
                  <c:v>60.656995961227601</c:v>
                </c:pt>
                <c:pt idx="3130">
                  <c:v>60.651436784963614</c:v>
                </c:pt>
                <c:pt idx="3131">
                  <c:v>60.646555986785721</c:v>
                </c:pt>
                <c:pt idx="3132">
                  <c:v>60.641728049237912</c:v>
                </c:pt>
                <c:pt idx="3133">
                  <c:v>60.636851656112519</c:v>
                </c:pt>
                <c:pt idx="3134">
                  <c:v>60.631975262987133</c:v>
                </c:pt>
                <c:pt idx="3135">
                  <c:v>60.62709446480924</c:v>
                </c:pt>
                <c:pt idx="3136">
                  <c:v>60.622218071683854</c:v>
                </c:pt>
                <c:pt idx="3137">
                  <c:v>60.617390134136045</c:v>
                </c:pt>
                <c:pt idx="3138">
                  <c:v>60.612513741010666</c:v>
                </c:pt>
                <c:pt idx="3139">
                  <c:v>60.606950159694172</c:v>
                </c:pt>
                <c:pt idx="3140">
                  <c:v>60.602756549707379</c:v>
                </c:pt>
                <c:pt idx="3141">
                  <c:v>60.597197373443386</c:v>
                </c:pt>
                <c:pt idx="3142">
                  <c:v>60.593052219034185</c:v>
                </c:pt>
                <c:pt idx="3143">
                  <c:v>60.587488637717676</c:v>
                </c:pt>
                <c:pt idx="3144">
                  <c:v>60.582612244592298</c:v>
                </c:pt>
                <c:pt idx="3145">
                  <c:v>60.577053068328304</c:v>
                </c:pt>
                <c:pt idx="3146">
                  <c:v>60.572855053289018</c:v>
                </c:pt>
                <c:pt idx="3147">
                  <c:v>60.567978660163625</c:v>
                </c:pt>
                <c:pt idx="3148">
                  <c:v>60.563150722615816</c:v>
                </c:pt>
                <c:pt idx="3149">
                  <c:v>60.55827432949043</c:v>
                </c:pt>
                <c:pt idx="3150">
                  <c:v>60.553393531312537</c:v>
                </c:pt>
                <c:pt idx="3151">
                  <c:v>60.548517138187158</c:v>
                </c:pt>
                <c:pt idx="3152">
                  <c:v>60.543640745061758</c:v>
                </c:pt>
                <c:pt idx="3153">
                  <c:v>60.538812807513963</c:v>
                </c:pt>
                <c:pt idx="3154">
                  <c:v>60.533932009336063</c:v>
                </c:pt>
                <c:pt idx="3155">
                  <c:v>60.528372833072076</c:v>
                </c:pt>
                <c:pt idx="3156">
                  <c:v>60.52349643994669</c:v>
                </c:pt>
                <c:pt idx="3157">
                  <c:v>60.519302829959905</c:v>
                </c:pt>
                <c:pt idx="3158">
                  <c:v>60.514470487359581</c:v>
                </c:pt>
                <c:pt idx="3159">
                  <c:v>60.508911311095595</c:v>
                </c:pt>
                <c:pt idx="3160">
                  <c:v>60.504034917970209</c:v>
                </c:pt>
                <c:pt idx="3161">
                  <c:v>60.499158524844823</c:v>
                </c:pt>
                <c:pt idx="3162">
                  <c:v>60.493594943528322</c:v>
                </c:pt>
                <c:pt idx="3163">
                  <c:v>60.488718550402943</c:v>
                </c:pt>
                <c:pt idx="3164">
                  <c:v>60.48384215727755</c:v>
                </c:pt>
                <c:pt idx="3165">
                  <c:v>60.479009814677234</c:v>
                </c:pt>
                <c:pt idx="3166">
                  <c:v>60.47340218283567</c:v>
                </c:pt>
                <c:pt idx="3167">
                  <c:v>60.468574245287854</c:v>
                </c:pt>
                <c:pt idx="3168">
                  <c:v>60.463015069023868</c:v>
                </c:pt>
                <c:pt idx="3169">
                  <c:v>60.458134270845967</c:v>
                </c:pt>
                <c:pt idx="3170">
                  <c:v>60.453257877720581</c:v>
                </c:pt>
                <c:pt idx="3171">
                  <c:v>60.449064267733796</c:v>
                </c:pt>
                <c:pt idx="3172">
                  <c:v>60.443500686417302</c:v>
                </c:pt>
                <c:pt idx="3173">
                  <c:v>60.438672748869493</c:v>
                </c:pt>
                <c:pt idx="3174">
                  <c:v>60.433796355744107</c:v>
                </c:pt>
                <c:pt idx="3175">
                  <c:v>60.428919962618714</c:v>
                </c:pt>
                <c:pt idx="3176">
                  <c:v>60.424039164440828</c:v>
                </c:pt>
                <c:pt idx="3177">
                  <c:v>60.418479988176834</c:v>
                </c:pt>
                <c:pt idx="3178">
                  <c:v>60.413603595051441</c:v>
                </c:pt>
                <c:pt idx="3179">
                  <c:v>60.408775657503647</c:v>
                </c:pt>
                <c:pt idx="3180">
                  <c:v>60.403212076187138</c:v>
                </c:pt>
                <c:pt idx="3181">
                  <c:v>60.398335683061752</c:v>
                </c:pt>
                <c:pt idx="3182">
                  <c:v>60.393459289936366</c:v>
                </c:pt>
                <c:pt idx="3183">
                  <c:v>60.387900113672373</c:v>
                </c:pt>
                <c:pt idx="3184">
                  <c:v>60.382336532355879</c:v>
                </c:pt>
                <c:pt idx="3185">
                  <c:v>60.377460139230486</c:v>
                </c:pt>
                <c:pt idx="3186">
                  <c:v>60.372583746105107</c:v>
                </c:pt>
                <c:pt idx="3187">
                  <c:v>60.367020164788606</c:v>
                </c:pt>
                <c:pt idx="3188">
                  <c:v>60.36214377166322</c:v>
                </c:pt>
                <c:pt idx="3189">
                  <c:v>60.356584595399234</c:v>
                </c:pt>
                <c:pt idx="3190">
                  <c:v>60.351708202273834</c:v>
                </c:pt>
                <c:pt idx="3191">
                  <c:v>60.346875859673524</c:v>
                </c:pt>
                <c:pt idx="3192">
                  <c:v>60.340585444693353</c:v>
                </c:pt>
                <c:pt idx="3193">
                  <c:v>60.335757507145544</c:v>
                </c:pt>
                <c:pt idx="3194">
                  <c:v>60.330876708967644</c:v>
                </c:pt>
                <c:pt idx="3195">
                  <c:v>60.325317532703657</c:v>
                </c:pt>
                <c:pt idx="3196">
                  <c:v>60.320441139578271</c:v>
                </c:pt>
                <c:pt idx="3197">
                  <c:v>60.314881963314271</c:v>
                </c:pt>
                <c:pt idx="3198">
                  <c:v>60.310001165136384</c:v>
                </c:pt>
                <c:pt idx="3199">
                  <c:v>60.303759205733783</c:v>
                </c:pt>
                <c:pt idx="3200">
                  <c:v>60.299565595746998</c:v>
                </c:pt>
                <c:pt idx="3201">
                  <c:v>60.294002014430504</c:v>
                </c:pt>
                <c:pt idx="3202">
                  <c:v>60.288442838166517</c:v>
                </c:pt>
                <c:pt idx="3203">
                  <c:v>60.283566445041124</c:v>
                </c:pt>
                <c:pt idx="3204">
                  <c:v>60.278690051915746</c:v>
                </c:pt>
                <c:pt idx="3205">
                  <c:v>60.273126470599244</c:v>
                </c:pt>
                <c:pt idx="3206">
                  <c:v>60.268298533051436</c:v>
                </c:pt>
                <c:pt idx="3207">
                  <c:v>60.262739356787435</c:v>
                </c:pt>
                <c:pt idx="3208">
                  <c:v>60.257180180523463</c:v>
                </c:pt>
                <c:pt idx="3209">
                  <c:v>60.251568143629378</c:v>
                </c:pt>
                <c:pt idx="3210">
                  <c:v>60.246008967365384</c:v>
                </c:pt>
                <c:pt idx="3211">
                  <c:v>60.241181029817575</c:v>
                </c:pt>
                <c:pt idx="3212">
                  <c:v>60.235617448501081</c:v>
                </c:pt>
                <c:pt idx="3213">
                  <c:v>60.230741055375695</c:v>
                </c:pt>
                <c:pt idx="3214">
                  <c:v>60.225181879111695</c:v>
                </c:pt>
                <c:pt idx="3215">
                  <c:v>60.219618297795201</c:v>
                </c:pt>
                <c:pt idx="3216">
                  <c:v>60.214059121531207</c:v>
                </c:pt>
                <c:pt idx="3217">
                  <c:v>60.209182728405821</c:v>
                </c:pt>
                <c:pt idx="3218">
                  <c:v>60.20289231342565</c:v>
                </c:pt>
                <c:pt idx="3219">
                  <c:v>60.198059970825334</c:v>
                </c:pt>
                <c:pt idx="3220">
                  <c:v>60.193183577699955</c:v>
                </c:pt>
                <c:pt idx="3221">
                  <c:v>60.187624401435954</c:v>
                </c:pt>
                <c:pt idx="3222">
                  <c:v>60.18206082011946</c:v>
                </c:pt>
                <c:pt idx="3223">
                  <c:v>60.17650164385546</c:v>
                </c:pt>
                <c:pt idx="3224">
                  <c:v>60.171625250730074</c:v>
                </c:pt>
                <c:pt idx="3225">
                  <c:v>60.165383291327487</c:v>
                </c:pt>
                <c:pt idx="3226">
                  <c:v>60.160502493149586</c:v>
                </c:pt>
                <c:pt idx="3227">
                  <c:v>60.1549433168856</c:v>
                </c:pt>
                <c:pt idx="3228">
                  <c:v>60.149384140621606</c:v>
                </c:pt>
                <c:pt idx="3229">
                  <c:v>60.14450334244372</c:v>
                </c:pt>
                <c:pt idx="3230">
                  <c:v>60.138944166179719</c:v>
                </c:pt>
                <c:pt idx="3231">
                  <c:v>60.133384989915719</c:v>
                </c:pt>
                <c:pt idx="3232">
                  <c:v>60.128508596790347</c:v>
                </c:pt>
                <c:pt idx="3233">
                  <c:v>60.122945015473846</c:v>
                </c:pt>
                <c:pt idx="3234">
                  <c:v>60.117385839209852</c:v>
                </c:pt>
                <c:pt idx="3235">
                  <c:v>60.111143879807251</c:v>
                </c:pt>
                <c:pt idx="3236">
                  <c:v>60.105580298490757</c:v>
                </c:pt>
                <c:pt idx="3237">
                  <c:v>60.099972666649194</c:v>
                </c:pt>
                <c:pt idx="3238">
                  <c:v>60.0944134903852</c:v>
                </c:pt>
                <c:pt idx="3239">
                  <c:v>60.088167125930099</c:v>
                </c:pt>
                <c:pt idx="3240">
                  <c:v>60.082607949666105</c:v>
                </c:pt>
                <c:pt idx="3241">
                  <c:v>60.077731556540719</c:v>
                </c:pt>
                <c:pt idx="3242">
                  <c:v>60.072172380276733</c:v>
                </c:pt>
                <c:pt idx="3243">
                  <c:v>60.066608798960225</c:v>
                </c:pt>
                <c:pt idx="3244">
                  <c:v>60.060366839557631</c:v>
                </c:pt>
                <c:pt idx="3245">
                  <c:v>60.054807663293637</c:v>
                </c:pt>
                <c:pt idx="3246">
                  <c:v>60.049244081977143</c:v>
                </c:pt>
                <c:pt idx="3247">
                  <c:v>60.044367688851757</c:v>
                </c:pt>
                <c:pt idx="3248">
                  <c:v>60.038125729449163</c:v>
                </c:pt>
                <c:pt idx="3249">
                  <c:v>60.032562148132662</c:v>
                </c:pt>
                <c:pt idx="3250">
                  <c:v>60.026954516291084</c:v>
                </c:pt>
                <c:pt idx="3251">
                  <c:v>60.020712556888498</c:v>
                </c:pt>
                <c:pt idx="3252">
                  <c:v>60.015148975572004</c:v>
                </c:pt>
                <c:pt idx="3253">
                  <c:v>60.009589799308003</c:v>
                </c:pt>
                <c:pt idx="3254">
                  <c:v>60.003347839905416</c:v>
                </c:pt>
                <c:pt idx="3255">
                  <c:v>59.99847144678003</c:v>
                </c:pt>
                <c:pt idx="3256">
                  <c:v>59.992225082324921</c:v>
                </c:pt>
                <c:pt idx="3257">
                  <c:v>59.987348689199536</c:v>
                </c:pt>
                <c:pt idx="3258">
                  <c:v>59.981106729796934</c:v>
                </c:pt>
                <c:pt idx="3259">
                  <c:v>59.975494692902856</c:v>
                </c:pt>
                <c:pt idx="3260">
                  <c:v>59.969252733500262</c:v>
                </c:pt>
                <c:pt idx="3261">
                  <c:v>59.964376340374876</c:v>
                </c:pt>
                <c:pt idx="3262">
                  <c:v>59.958812759058382</c:v>
                </c:pt>
                <c:pt idx="3263">
                  <c:v>59.952570799655781</c:v>
                </c:pt>
                <c:pt idx="3264">
                  <c:v>59.947011623391795</c:v>
                </c:pt>
                <c:pt idx="3265">
                  <c:v>59.9407652589367</c:v>
                </c:pt>
                <c:pt idx="3266">
                  <c:v>59.9352060826727</c:v>
                </c:pt>
                <c:pt idx="3267">
                  <c:v>59.928915667692522</c:v>
                </c:pt>
                <c:pt idx="3268">
                  <c:v>59.923356491428535</c:v>
                </c:pt>
                <c:pt idx="3269">
                  <c:v>59.917792910112041</c:v>
                </c:pt>
                <c:pt idx="3270">
                  <c:v>59.91155095070944</c:v>
                </c:pt>
                <c:pt idx="3271">
                  <c:v>59.905260535729269</c:v>
                </c:pt>
                <c:pt idx="3272">
                  <c:v>59.899696954412768</c:v>
                </c:pt>
                <c:pt idx="3273">
                  <c:v>59.894137778148782</c:v>
                </c:pt>
                <c:pt idx="3274">
                  <c:v>59.887213035607573</c:v>
                </c:pt>
                <c:pt idx="3275">
                  <c:v>59.881649454291079</c:v>
                </c:pt>
                <c:pt idx="3276">
                  <c:v>59.876090278027085</c:v>
                </c:pt>
                <c:pt idx="3277">
                  <c:v>59.869799863046907</c:v>
                </c:pt>
                <c:pt idx="3278">
                  <c:v>59.864236281730413</c:v>
                </c:pt>
                <c:pt idx="3279">
                  <c:v>59.858677105466427</c:v>
                </c:pt>
                <c:pt idx="3280">
                  <c:v>59.852435146063833</c:v>
                </c:pt>
                <c:pt idx="3281">
                  <c:v>59.846871564747332</c:v>
                </c:pt>
                <c:pt idx="3282">
                  <c:v>59.841312388483338</c:v>
                </c:pt>
                <c:pt idx="3283">
                  <c:v>59.835070429080751</c:v>
                </c:pt>
                <c:pt idx="3284">
                  <c:v>59.829458392186666</c:v>
                </c:pt>
                <c:pt idx="3285">
                  <c:v>59.823899215922673</c:v>
                </c:pt>
                <c:pt idx="3286">
                  <c:v>59.817657256520079</c:v>
                </c:pt>
                <c:pt idx="3287">
                  <c:v>59.811415297117478</c:v>
                </c:pt>
                <c:pt idx="3288">
                  <c:v>59.805120477084806</c:v>
                </c:pt>
                <c:pt idx="3289">
                  <c:v>59.79956130082082</c:v>
                </c:pt>
                <c:pt idx="3290">
                  <c:v>59.793319341418218</c:v>
                </c:pt>
                <c:pt idx="3291">
                  <c:v>59.78707297696311</c:v>
                </c:pt>
                <c:pt idx="3292">
                  <c:v>59.780782561982932</c:v>
                </c:pt>
                <c:pt idx="3293">
                  <c:v>59.774540602580338</c:v>
                </c:pt>
                <c:pt idx="3294">
                  <c:v>59.768977021263844</c:v>
                </c:pt>
                <c:pt idx="3295">
                  <c:v>59.763417844999857</c:v>
                </c:pt>
                <c:pt idx="3296">
                  <c:v>59.757175885597256</c:v>
                </c:pt>
                <c:pt idx="3297">
                  <c:v>59.750881065564585</c:v>
                </c:pt>
                <c:pt idx="3298">
                  <c:v>59.744639106161983</c:v>
                </c:pt>
                <c:pt idx="3299">
                  <c:v>59.739079929897997</c:v>
                </c:pt>
                <c:pt idx="3300">
                  <c:v>59.732833565442888</c:v>
                </c:pt>
                <c:pt idx="3301">
                  <c:v>59.727274389178902</c:v>
                </c:pt>
                <c:pt idx="3302">
                  <c:v>59.720301191060116</c:v>
                </c:pt>
                <c:pt idx="3303">
                  <c:v>59.714054826605008</c:v>
                </c:pt>
                <c:pt idx="3304">
                  <c:v>59.707812867202421</c:v>
                </c:pt>
                <c:pt idx="3305">
                  <c:v>59.701522452222243</c:v>
                </c:pt>
                <c:pt idx="3306">
                  <c:v>59.695276087767148</c:v>
                </c:pt>
                <c:pt idx="3307">
                  <c:v>59.689716911503155</c:v>
                </c:pt>
                <c:pt idx="3308">
                  <c:v>59.683474952100553</c:v>
                </c:pt>
                <c:pt idx="3309">
                  <c:v>59.677180132067882</c:v>
                </c:pt>
                <c:pt idx="3310">
                  <c:v>59.670255389526666</c:v>
                </c:pt>
                <c:pt idx="3311">
                  <c:v>59.664696213262687</c:v>
                </c:pt>
                <c:pt idx="3312">
                  <c:v>59.657718610091393</c:v>
                </c:pt>
                <c:pt idx="3313">
                  <c:v>59.652159433827414</c:v>
                </c:pt>
                <c:pt idx="3314">
                  <c:v>59.645917474424813</c:v>
                </c:pt>
                <c:pt idx="3315">
                  <c:v>59.639622654392127</c:v>
                </c:pt>
                <c:pt idx="3316">
                  <c:v>59.63338069498954</c:v>
                </c:pt>
                <c:pt idx="3317">
                  <c:v>59.627138735586939</c:v>
                </c:pt>
                <c:pt idx="3318">
                  <c:v>59.620843915554254</c:v>
                </c:pt>
                <c:pt idx="3319">
                  <c:v>59.615284739290267</c:v>
                </c:pt>
                <c:pt idx="3320">
                  <c:v>59.608359996749066</c:v>
                </c:pt>
                <c:pt idx="3321">
                  <c:v>59.601382393577786</c:v>
                </c:pt>
                <c:pt idx="3322">
                  <c:v>59.595823217313786</c:v>
                </c:pt>
                <c:pt idx="3323">
                  <c:v>59.589581257911199</c:v>
                </c:pt>
                <c:pt idx="3324">
                  <c:v>59.583286437878513</c:v>
                </c:pt>
                <c:pt idx="3325">
                  <c:v>59.577044478475912</c:v>
                </c:pt>
                <c:pt idx="3326">
                  <c:v>59.570802519073318</c:v>
                </c:pt>
                <c:pt idx="3327">
                  <c:v>59.564556154618224</c:v>
                </c:pt>
                <c:pt idx="3328">
                  <c:v>59.558265739638045</c:v>
                </c:pt>
                <c:pt idx="3329">
                  <c:v>59.551340997096844</c:v>
                </c:pt>
                <c:pt idx="3330">
                  <c:v>59.545046177064165</c:v>
                </c:pt>
                <c:pt idx="3331">
                  <c:v>59.538804217661564</c:v>
                </c:pt>
                <c:pt idx="3332">
                  <c:v>59.532562258258977</c:v>
                </c:pt>
                <c:pt idx="3333">
                  <c:v>59.526267438226292</c:v>
                </c:pt>
                <c:pt idx="3334">
                  <c:v>59.519342695685097</c:v>
                </c:pt>
                <c:pt idx="3335">
                  <c:v>59.513096331229988</c:v>
                </c:pt>
                <c:pt idx="3336">
                  <c:v>59.506805916249824</c:v>
                </c:pt>
                <c:pt idx="3337">
                  <c:v>59.500563956847223</c:v>
                </c:pt>
                <c:pt idx="3338">
                  <c:v>59.493586353675937</c:v>
                </c:pt>
                <c:pt idx="3339">
                  <c:v>59.487344394273336</c:v>
                </c:pt>
                <c:pt idx="3340">
                  <c:v>59.481102434870742</c:v>
                </c:pt>
                <c:pt idx="3341">
                  <c:v>59.479688413015957</c:v>
                </c:pt>
                <c:pt idx="3342">
                  <c:v>59.473442048560862</c:v>
                </c:pt>
                <c:pt idx="3343">
                  <c:v>59.467200089158261</c:v>
                </c:pt>
                <c:pt idx="3344">
                  <c:v>59.460226891039483</c:v>
                </c:pt>
                <c:pt idx="3345">
                  <c:v>59.453980526584374</c:v>
                </c:pt>
                <c:pt idx="3346">
                  <c:v>59.447690111604203</c:v>
                </c:pt>
                <c:pt idx="3347">
                  <c:v>59.440765369063001</c:v>
                </c:pt>
                <c:pt idx="3348">
                  <c:v>59.433787765891715</c:v>
                </c:pt>
                <c:pt idx="3349">
                  <c:v>59.427545806489121</c:v>
                </c:pt>
                <c:pt idx="3350">
                  <c:v>59.420568203317835</c:v>
                </c:pt>
                <c:pt idx="3351">
                  <c:v>59.414326243915248</c:v>
                </c:pt>
                <c:pt idx="3352">
                  <c:v>59.408084284512654</c:v>
                </c:pt>
                <c:pt idx="3353">
                  <c:v>59.401789464479961</c:v>
                </c:pt>
                <c:pt idx="3354">
                  <c:v>59.395547505077367</c:v>
                </c:pt>
                <c:pt idx="3355">
                  <c:v>59.388622762536166</c:v>
                </c:pt>
                <c:pt idx="3356">
                  <c:v>59.382327942503494</c:v>
                </c:pt>
                <c:pt idx="3357">
                  <c:v>59.376085983100893</c:v>
                </c:pt>
                <c:pt idx="3358">
                  <c:v>59.369844023698299</c:v>
                </c:pt>
                <c:pt idx="3359">
                  <c:v>59.364280442381798</c:v>
                </c:pt>
                <c:pt idx="3360">
                  <c:v>59.357307244263026</c:v>
                </c:pt>
                <c:pt idx="3361">
                  <c:v>59.351748067999026</c:v>
                </c:pt>
                <c:pt idx="3362">
                  <c:v>59.345501703543931</c:v>
                </c:pt>
                <c:pt idx="3363">
                  <c:v>59.339211288563753</c:v>
                </c:pt>
                <c:pt idx="3364">
                  <c:v>59.333652112299767</c:v>
                </c:pt>
                <c:pt idx="3365">
                  <c:v>59.328088530983258</c:v>
                </c:pt>
                <c:pt idx="3366">
                  <c:v>59.322529354719272</c:v>
                </c:pt>
                <c:pt idx="3367">
                  <c:v>59.316287395316678</c:v>
                </c:pt>
                <c:pt idx="3368">
                  <c:v>59.311411002191285</c:v>
                </c:pt>
                <c:pt idx="3369">
                  <c:v>59.305847420874791</c:v>
                </c:pt>
                <c:pt idx="3370">
                  <c:v>59.300288244610805</c:v>
                </c:pt>
                <c:pt idx="3371">
                  <c:v>59.295411851485412</c:v>
                </c:pt>
                <c:pt idx="3372">
                  <c:v>59.290531053307518</c:v>
                </c:pt>
                <c:pt idx="3373">
                  <c:v>59.284971877043532</c:v>
                </c:pt>
                <c:pt idx="3374">
                  <c:v>59.280095483918139</c:v>
                </c:pt>
                <c:pt idx="3375">
                  <c:v>59.275267546370337</c:v>
                </c:pt>
                <c:pt idx="3376">
                  <c:v>59.270386748192436</c:v>
                </c:pt>
                <c:pt idx="3377">
                  <c:v>59.26551035506705</c:v>
                </c:pt>
                <c:pt idx="3378">
                  <c:v>59.260633961941664</c:v>
                </c:pt>
                <c:pt idx="3379">
                  <c:v>59.255757568816279</c:v>
                </c:pt>
                <c:pt idx="3380">
                  <c:v>59.250925226215955</c:v>
                </c:pt>
                <c:pt idx="3381">
                  <c:v>59.246731616229177</c:v>
                </c:pt>
                <c:pt idx="3382">
                  <c:v>59.242586461819982</c:v>
                </c:pt>
                <c:pt idx="3383">
                  <c:v>59.237710068694582</c:v>
                </c:pt>
                <c:pt idx="3384">
                  <c:v>59.233512053655296</c:v>
                </c:pt>
                <c:pt idx="3385">
                  <c:v>59.22863566052991</c:v>
                </c:pt>
                <c:pt idx="3386">
                  <c:v>59.224490506120709</c:v>
                </c:pt>
                <c:pt idx="3387">
                  <c:v>59.220296896133924</c:v>
                </c:pt>
                <c:pt idx="3388">
                  <c:v>59.216147336672215</c:v>
                </c:pt>
                <c:pt idx="3389">
                  <c:v>59.211953726685429</c:v>
                </c:pt>
                <c:pt idx="3390">
                  <c:v>59.208491355414829</c:v>
                </c:pt>
                <c:pt idx="3391">
                  <c:v>59.20429774542805</c:v>
                </c:pt>
                <c:pt idx="3392">
                  <c:v>59.200152591018842</c:v>
                </c:pt>
                <c:pt idx="3393">
                  <c:v>59.196685814695734</c:v>
                </c:pt>
                <c:pt idx="3394">
                  <c:v>59.191809421570348</c:v>
                </c:pt>
                <c:pt idx="3395">
                  <c:v>59.188347050299747</c:v>
                </c:pt>
                <c:pt idx="3396">
                  <c:v>59.184836223451569</c:v>
                </c:pt>
                <c:pt idx="3397">
                  <c:v>59.180691069042361</c:v>
                </c:pt>
                <c:pt idx="3398">
                  <c:v>59.176493054003075</c:v>
                </c:pt>
                <c:pt idx="3399">
                  <c:v>59.173030682732474</c:v>
                </c:pt>
                <c:pt idx="3400">
                  <c:v>59.169568311461873</c:v>
                </c:pt>
                <c:pt idx="3401">
                  <c:v>59.165374701475088</c:v>
                </c:pt>
                <c:pt idx="3402">
                  <c:v>59.161229547065894</c:v>
                </c:pt>
                <c:pt idx="3403">
                  <c:v>59.157714315165201</c:v>
                </c:pt>
                <c:pt idx="3404">
                  <c:v>59.153569160756007</c:v>
                </c:pt>
                <c:pt idx="3405">
                  <c:v>59.150058333907815</c:v>
                </c:pt>
                <c:pt idx="3406">
                  <c:v>59.145913179498621</c:v>
                </c:pt>
                <c:pt idx="3407">
                  <c:v>59.14313359136662</c:v>
                </c:pt>
                <c:pt idx="3408">
                  <c:v>59.138935576327327</c:v>
                </c:pt>
                <c:pt idx="3409">
                  <c:v>59.135473205056734</c:v>
                </c:pt>
                <c:pt idx="3410">
                  <c:v>59.132010833786133</c:v>
                </c:pt>
                <c:pt idx="3411">
                  <c:v>59.127817223799347</c:v>
                </c:pt>
                <c:pt idx="3412">
                  <c:v>59.124354852528747</c:v>
                </c:pt>
                <c:pt idx="3413">
                  <c:v>59.120888076205638</c:v>
                </c:pt>
                <c:pt idx="3414">
                  <c:v>59.11737724935746</c:v>
                </c:pt>
                <c:pt idx="3415">
                  <c:v>59.11391487808686</c:v>
                </c:pt>
                <c:pt idx="3416">
                  <c:v>59.110452506816266</c:v>
                </c:pt>
                <c:pt idx="3417">
                  <c:v>59.10625889682948</c:v>
                </c:pt>
                <c:pt idx="3418">
                  <c:v>59.10347490364498</c:v>
                </c:pt>
                <c:pt idx="3419">
                  <c:v>59.100012532374386</c:v>
                </c:pt>
                <c:pt idx="3420">
                  <c:v>59.095818922387593</c:v>
                </c:pt>
                <c:pt idx="3421">
                  <c:v>59.092356551116993</c:v>
                </c:pt>
                <c:pt idx="3422">
                  <c:v>59.088894179846392</c:v>
                </c:pt>
                <c:pt idx="3423">
                  <c:v>59.084696164807113</c:v>
                </c:pt>
                <c:pt idx="3424">
                  <c:v>59.081916576675113</c:v>
                </c:pt>
                <c:pt idx="3425">
                  <c:v>59.078454205404512</c:v>
                </c:pt>
                <c:pt idx="3426">
                  <c:v>59.074991834133911</c:v>
                </c:pt>
                <c:pt idx="3427">
                  <c:v>59.072212246001918</c:v>
                </c:pt>
                <c:pt idx="3428">
                  <c:v>59.06801863601514</c:v>
                </c:pt>
                <c:pt idx="3429">
                  <c:v>59.065234642830625</c:v>
                </c:pt>
                <c:pt idx="3430">
                  <c:v>59.061041032843839</c:v>
                </c:pt>
                <c:pt idx="3431">
                  <c:v>59.057578661573253</c:v>
                </c:pt>
                <c:pt idx="3432">
                  <c:v>59.054116290302645</c:v>
                </c:pt>
                <c:pt idx="3433">
                  <c:v>59.050653919032044</c:v>
                </c:pt>
                <c:pt idx="3434">
                  <c:v>59.047138687131358</c:v>
                </c:pt>
                <c:pt idx="3435">
                  <c:v>59.044359098999372</c:v>
                </c:pt>
                <c:pt idx="3436">
                  <c:v>59.040896727728772</c:v>
                </c:pt>
                <c:pt idx="3437">
                  <c:v>59.037434356458157</c:v>
                </c:pt>
                <c:pt idx="3438">
                  <c:v>59.033923529609986</c:v>
                </c:pt>
                <c:pt idx="3439">
                  <c:v>59.030456753286877</c:v>
                </c:pt>
                <c:pt idx="3440">
                  <c:v>59.026994382016277</c:v>
                </c:pt>
                <c:pt idx="3441">
                  <c:v>59.024214793884276</c:v>
                </c:pt>
                <c:pt idx="3442">
                  <c:v>59.020021183897498</c:v>
                </c:pt>
                <c:pt idx="3443">
                  <c:v>59.017241595765512</c:v>
                </c:pt>
                <c:pt idx="3444">
                  <c:v>59.013779224494904</c:v>
                </c:pt>
                <c:pt idx="3445">
                  <c:v>59.010312448171796</c:v>
                </c:pt>
                <c:pt idx="3446">
                  <c:v>59.006801621323618</c:v>
                </c:pt>
                <c:pt idx="3447">
                  <c:v>59.003339250053031</c:v>
                </c:pt>
                <c:pt idx="3448">
                  <c:v>59.000559661921031</c:v>
                </c:pt>
                <c:pt idx="3449">
                  <c:v>58.996414507511822</c:v>
                </c:pt>
                <c:pt idx="3450">
                  <c:v>58.993634919379822</c:v>
                </c:pt>
                <c:pt idx="3451">
                  <c:v>58.990119687479137</c:v>
                </c:pt>
                <c:pt idx="3452">
                  <c:v>58.986657316208536</c:v>
                </c:pt>
                <c:pt idx="3453">
                  <c:v>58.983877728076536</c:v>
                </c:pt>
                <c:pt idx="3454">
                  <c:v>58.980415356805949</c:v>
                </c:pt>
                <c:pt idx="3455">
                  <c:v>58.976904529957771</c:v>
                </c:pt>
                <c:pt idx="3456">
                  <c:v>58.973437753634663</c:v>
                </c:pt>
                <c:pt idx="3457">
                  <c:v>58.970658165502662</c:v>
                </c:pt>
                <c:pt idx="3458">
                  <c:v>58.967195794232069</c:v>
                </c:pt>
                <c:pt idx="3459">
                  <c:v>58.963733422961468</c:v>
                </c:pt>
                <c:pt idx="3460">
                  <c:v>58.960905379251891</c:v>
                </c:pt>
                <c:pt idx="3461">
                  <c:v>58.95744300798129</c:v>
                </c:pt>
                <c:pt idx="3462">
                  <c:v>58.954659014796796</c:v>
                </c:pt>
                <c:pt idx="3463">
                  <c:v>58.951196643526181</c:v>
                </c:pt>
                <c:pt idx="3464">
                  <c:v>58.947734272255587</c:v>
                </c:pt>
                <c:pt idx="3465">
                  <c:v>58.94422344540741</c:v>
                </c:pt>
                <c:pt idx="3466">
                  <c:v>58.941443857275409</c:v>
                </c:pt>
                <c:pt idx="3467">
                  <c:v>58.937981486004823</c:v>
                </c:pt>
                <c:pt idx="3468">
                  <c:v>58.934514709681714</c:v>
                </c:pt>
                <c:pt idx="3469">
                  <c:v>58.931003882833522</c:v>
                </c:pt>
                <c:pt idx="3470">
                  <c:v>58.927541511562929</c:v>
                </c:pt>
                <c:pt idx="3471">
                  <c:v>58.924761923430935</c:v>
                </c:pt>
                <c:pt idx="3472">
                  <c:v>58.921299552160328</c:v>
                </c:pt>
                <c:pt idx="3473">
                  <c:v>58.918515558975834</c:v>
                </c:pt>
                <c:pt idx="3474">
                  <c:v>58.915053187705233</c:v>
                </c:pt>
                <c:pt idx="3475">
                  <c:v>58.911542360857055</c:v>
                </c:pt>
                <c:pt idx="3476">
                  <c:v>58.908079989586454</c:v>
                </c:pt>
                <c:pt idx="3477">
                  <c:v>58.905300401454454</c:v>
                </c:pt>
                <c:pt idx="3478">
                  <c:v>58.901106791467669</c:v>
                </c:pt>
                <c:pt idx="3479">
                  <c:v>58.899054036999345</c:v>
                </c:pt>
                <c:pt idx="3480">
                  <c:v>58.895543210151175</c:v>
                </c:pt>
                <c:pt idx="3481">
                  <c:v>58.892080838880574</c:v>
                </c:pt>
                <c:pt idx="3482">
                  <c:v>58.889301250748588</c:v>
                </c:pt>
                <c:pt idx="3483">
                  <c:v>58.885107640761802</c:v>
                </c:pt>
                <c:pt idx="3484">
                  <c:v>58.882323647577287</c:v>
                </c:pt>
                <c:pt idx="3485">
                  <c:v>58.879544059445287</c:v>
                </c:pt>
                <c:pt idx="3486">
                  <c:v>58.8760816881747</c:v>
                </c:pt>
                <c:pt idx="3487">
                  <c:v>58.8733021000427</c:v>
                </c:pt>
                <c:pt idx="3488">
                  <c:v>58.869839728772099</c:v>
                </c:pt>
                <c:pt idx="3489">
                  <c:v>58.866377357501506</c:v>
                </c:pt>
                <c:pt idx="3490">
                  <c:v>58.86286212560082</c:v>
                </c:pt>
                <c:pt idx="3491">
                  <c:v>58.86008253746882</c:v>
                </c:pt>
                <c:pt idx="3492">
                  <c:v>58.85730294933682</c:v>
                </c:pt>
                <c:pt idx="3493">
                  <c:v>58.853840578066233</c:v>
                </c:pt>
                <c:pt idx="3494">
                  <c:v>58.850378206795625</c:v>
                </c:pt>
                <c:pt idx="3495">
                  <c:v>58.846867379947447</c:v>
                </c:pt>
                <c:pt idx="3496">
                  <c:v>58.844083386762946</c:v>
                </c:pt>
                <c:pt idx="3497">
                  <c:v>58.841303798630946</c:v>
                </c:pt>
                <c:pt idx="3498">
                  <c:v>58.837158644221752</c:v>
                </c:pt>
                <c:pt idx="3499">
                  <c:v>58.834379056089752</c:v>
                </c:pt>
                <c:pt idx="3500">
                  <c:v>58.831599467957751</c:v>
                </c:pt>
                <c:pt idx="3501">
                  <c:v>58.828088641109574</c:v>
                </c:pt>
                <c:pt idx="3502">
                  <c:v>58.82530464792508</c:v>
                </c:pt>
                <c:pt idx="3503">
                  <c:v>58.821842276654479</c:v>
                </c:pt>
                <c:pt idx="3504">
                  <c:v>58.818379905383871</c:v>
                </c:pt>
                <c:pt idx="3505">
                  <c:v>58.815600317251885</c:v>
                </c:pt>
                <c:pt idx="3506">
                  <c:v>58.812089490403693</c:v>
                </c:pt>
                <c:pt idx="3507">
                  <c:v>58.809309902271707</c:v>
                </c:pt>
                <c:pt idx="3508">
                  <c:v>58.805843125948591</c:v>
                </c:pt>
                <c:pt idx="3509">
                  <c:v>58.802380754677998</c:v>
                </c:pt>
                <c:pt idx="3510">
                  <c:v>58.799601166545997</c:v>
                </c:pt>
                <c:pt idx="3511">
                  <c:v>58.796821578414011</c:v>
                </c:pt>
                <c:pt idx="3512">
                  <c:v>58.793359207143403</c:v>
                </c:pt>
                <c:pt idx="3513">
                  <c:v>58.789848380295226</c:v>
                </c:pt>
                <c:pt idx="3514">
                  <c:v>58.786381603972117</c:v>
                </c:pt>
                <c:pt idx="3515">
                  <c:v>58.782919232701516</c:v>
                </c:pt>
                <c:pt idx="3516">
                  <c:v>58.780139644569516</c:v>
                </c:pt>
                <c:pt idx="3517">
                  <c:v>58.77736005643753</c:v>
                </c:pt>
                <c:pt idx="3518">
                  <c:v>58.773849229589352</c:v>
                </c:pt>
                <c:pt idx="3519">
                  <c:v>58.770382453266244</c:v>
                </c:pt>
                <c:pt idx="3520">
                  <c:v>58.767602865134243</c:v>
                </c:pt>
                <c:pt idx="3521">
                  <c:v>58.764823277002257</c:v>
                </c:pt>
                <c:pt idx="3522">
                  <c:v>58.761360905731649</c:v>
                </c:pt>
                <c:pt idx="3523">
                  <c:v>58.758581317599656</c:v>
                </c:pt>
                <c:pt idx="3524">
                  <c:v>58.755070490751478</c:v>
                </c:pt>
                <c:pt idx="3525">
                  <c:v>58.752290902619485</c:v>
                </c:pt>
                <c:pt idx="3526">
                  <c:v>58.748824126296377</c:v>
                </c:pt>
                <c:pt idx="3527">
                  <c:v>58.745361755025776</c:v>
                </c:pt>
                <c:pt idx="3528">
                  <c:v>58.742582166893776</c:v>
                </c:pt>
                <c:pt idx="3529">
                  <c:v>58.739119795623182</c:v>
                </c:pt>
                <c:pt idx="3530">
                  <c:v>58.735608968774997</c:v>
                </c:pt>
                <c:pt idx="3531">
                  <c:v>58.733507758729104</c:v>
                </c:pt>
                <c:pt idx="3532">
                  <c:v>58.730045387458503</c:v>
                </c:pt>
                <c:pt idx="3533">
                  <c:v>58.726583016187902</c:v>
                </c:pt>
                <c:pt idx="3534">
                  <c:v>58.723803428055909</c:v>
                </c:pt>
                <c:pt idx="3535">
                  <c:v>58.719609818069131</c:v>
                </c:pt>
                <c:pt idx="3536">
                  <c:v>58.717561468653308</c:v>
                </c:pt>
                <c:pt idx="3537">
                  <c:v>58.713363453614022</c:v>
                </c:pt>
                <c:pt idx="3538">
                  <c:v>58.710583865482036</c:v>
                </c:pt>
                <c:pt idx="3539">
                  <c:v>58.707121494211421</c:v>
                </c:pt>
                <c:pt idx="3540">
                  <c:v>58.70361066736325</c:v>
                </c:pt>
                <c:pt idx="3541">
                  <c:v>58.700831079231257</c:v>
                </c:pt>
                <c:pt idx="3542">
                  <c:v>58.696685924822049</c:v>
                </c:pt>
                <c:pt idx="3543">
                  <c:v>58.693901931637541</c:v>
                </c:pt>
                <c:pt idx="3544">
                  <c:v>58.691122343505548</c:v>
                </c:pt>
                <c:pt idx="3545">
                  <c:v>58.687611516657363</c:v>
                </c:pt>
                <c:pt idx="3546">
                  <c:v>58.684831928525377</c:v>
                </c:pt>
                <c:pt idx="3547">
                  <c:v>58.681369557254776</c:v>
                </c:pt>
                <c:pt idx="3548">
                  <c:v>58.677907185984175</c:v>
                </c:pt>
                <c:pt idx="3549">
                  <c:v>58.675123192799674</c:v>
                </c:pt>
                <c:pt idx="3550">
                  <c:v>58.671660821529073</c:v>
                </c:pt>
                <c:pt idx="3551">
                  <c:v>58.668881233397073</c:v>
                </c:pt>
                <c:pt idx="3552">
                  <c:v>58.665370406548895</c:v>
                </c:pt>
                <c:pt idx="3553">
                  <c:v>58.662590818416902</c:v>
                </c:pt>
                <c:pt idx="3554">
                  <c:v>58.659128447146308</c:v>
                </c:pt>
                <c:pt idx="3555">
                  <c:v>58.6563444539618</c:v>
                </c:pt>
                <c:pt idx="3556">
                  <c:v>58.6528820826912</c:v>
                </c:pt>
                <c:pt idx="3557">
                  <c:v>58.650102494559214</c:v>
                </c:pt>
                <c:pt idx="3558">
                  <c:v>58.647322906427213</c:v>
                </c:pt>
                <c:pt idx="3559">
                  <c:v>58.643812079579035</c:v>
                </c:pt>
                <c:pt idx="3560">
                  <c:v>58.640349708308428</c:v>
                </c:pt>
                <c:pt idx="3561">
                  <c:v>58.636882931985333</c:v>
                </c:pt>
                <c:pt idx="3562">
                  <c:v>58.634103343853333</c:v>
                </c:pt>
                <c:pt idx="3563">
                  <c:v>58.630592517005155</c:v>
                </c:pt>
                <c:pt idx="3564">
                  <c:v>58.627812928873155</c:v>
                </c:pt>
                <c:pt idx="3565">
                  <c:v>58.625033340741155</c:v>
                </c:pt>
                <c:pt idx="3566">
                  <c:v>58.620883781279446</c:v>
                </c:pt>
                <c:pt idx="3567">
                  <c:v>58.61810419314746</c:v>
                </c:pt>
                <c:pt idx="3568">
                  <c:v>58.614593366299275</c:v>
                </c:pt>
                <c:pt idx="3569">
                  <c:v>58.611813778167281</c:v>
                </c:pt>
                <c:pt idx="3570">
                  <c:v>58.609034190035281</c:v>
                </c:pt>
                <c:pt idx="3571">
                  <c:v>58.605571818764687</c:v>
                </c:pt>
                <c:pt idx="3572">
                  <c:v>58.60278782558018</c:v>
                </c:pt>
                <c:pt idx="3573">
                  <c:v>58.599325454309579</c:v>
                </c:pt>
                <c:pt idx="3574">
                  <c:v>58.596545866177593</c:v>
                </c:pt>
                <c:pt idx="3575">
                  <c:v>58.593766278045592</c:v>
                </c:pt>
                <c:pt idx="3576">
                  <c:v>58.590303906774992</c:v>
                </c:pt>
                <c:pt idx="3577">
                  <c:v>58.586110296788206</c:v>
                </c:pt>
                <c:pt idx="3578">
                  <c:v>58.583326303603705</c:v>
                </c:pt>
                <c:pt idx="3579">
                  <c:v>58.580546715471705</c:v>
                </c:pt>
                <c:pt idx="3580">
                  <c:v>58.577084344201104</c:v>
                </c:pt>
                <c:pt idx="3581">
                  <c:v>58.573573517352926</c:v>
                </c:pt>
                <c:pt idx="3582">
                  <c:v>58.570793929220933</c:v>
                </c:pt>
                <c:pt idx="3583">
                  <c:v>58.567331557950332</c:v>
                </c:pt>
                <c:pt idx="3584">
                  <c:v>58.564547564765824</c:v>
                </c:pt>
                <c:pt idx="3585">
                  <c:v>58.561085193495238</c:v>
                </c:pt>
                <c:pt idx="3586">
                  <c:v>58.558305605363238</c:v>
                </c:pt>
                <c:pt idx="3587">
                  <c:v>58.55479477851506</c:v>
                </c:pt>
                <c:pt idx="3588">
                  <c:v>58.551332407244459</c:v>
                </c:pt>
                <c:pt idx="3589">
                  <c:v>58.548552819112459</c:v>
                </c:pt>
                <c:pt idx="3590">
                  <c:v>58.545086042789357</c:v>
                </c:pt>
                <c:pt idx="3591">
                  <c:v>58.541623671518757</c:v>
                </c:pt>
                <c:pt idx="3592">
                  <c:v>58.538795627809179</c:v>
                </c:pt>
                <c:pt idx="3593">
                  <c:v>58.535333256538578</c:v>
                </c:pt>
                <c:pt idx="3594">
                  <c:v>58.531870885267978</c:v>
                </c:pt>
                <c:pt idx="3595">
                  <c:v>58.529091297135984</c:v>
                </c:pt>
                <c:pt idx="3596">
                  <c:v>58.526307303951484</c:v>
                </c:pt>
                <c:pt idx="3597">
                  <c:v>58.522844932680883</c:v>
                </c:pt>
                <c:pt idx="3598">
                  <c:v>58.52006534454889</c:v>
                </c:pt>
                <c:pt idx="3599">
                  <c:v>58.516554517700705</c:v>
                </c:pt>
                <c:pt idx="3600">
                  <c:v>58.513774929568712</c:v>
                </c:pt>
                <c:pt idx="3601">
                  <c:v>58.510312558298111</c:v>
                </c:pt>
                <c:pt idx="3602">
                  <c:v>58.506845781975002</c:v>
                </c:pt>
                <c:pt idx="3603">
                  <c:v>58.504066193843016</c:v>
                </c:pt>
                <c:pt idx="3604">
                  <c:v>58.500555366994838</c:v>
                </c:pt>
                <c:pt idx="3605">
                  <c:v>58.497775778862838</c:v>
                </c:pt>
                <c:pt idx="3606">
                  <c:v>58.494313407592237</c:v>
                </c:pt>
                <c:pt idx="3607">
                  <c:v>58.490846631269129</c:v>
                </c:pt>
                <c:pt idx="3608">
                  <c:v>58.488067043137129</c:v>
                </c:pt>
                <c:pt idx="3609">
                  <c:v>58.484556216288958</c:v>
                </c:pt>
                <c:pt idx="3610">
                  <c:v>58.481776628156958</c:v>
                </c:pt>
                <c:pt idx="3611">
                  <c:v>58.478997040024964</c:v>
                </c:pt>
                <c:pt idx="3612">
                  <c:v>58.475534668754371</c:v>
                </c:pt>
                <c:pt idx="3613">
                  <c:v>58.472067892431248</c:v>
                </c:pt>
                <c:pt idx="3614">
                  <c:v>58.468605521160661</c:v>
                </c:pt>
                <c:pt idx="3615">
                  <c:v>58.465825933028661</c:v>
                </c:pt>
                <c:pt idx="3616">
                  <c:v>58.462997889319084</c:v>
                </c:pt>
                <c:pt idx="3617">
                  <c:v>58.45953551804849</c:v>
                </c:pt>
                <c:pt idx="3618">
                  <c:v>58.45675592991649</c:v>
                </c:pt>
                <c:pt idx="3619">
                  <c:v>58.453289153593381</c:v>
                </c:pt>
                <c:pt idx="3620">
                  <c:v>58.450509565461388</c:v>
                </c:pt>
                <c:pt idx="3621">
                  <c:v>58.44704719419078</c:v>
                </c:pt>
                <c:pt idx="3622">
                  <c:v>58.443536367342602</c:v>
                </c:pt>
                <c:pt idx="3623">
                  <c:v>58.440756779210616</c:v>
                </c:pt>
                <c:pt idx="3624">
                  <c:v>58.437977191078616</c:v>
                </c:pt>
                <c:pt idx="3625">
                  <c:v>58.433827631616907</c:v>
                </c:pt>
                <c:pt idx="3626">
                  <c:v>58.431048043484914</c:v>
                </c:pt>
                <c:pt idx="3627">
                  <c:v>58.428268455352921</c:v>
                </c:pt>
                <c:pt idx="3628">
                  <c:v>58.424757628504736</c:v>
                </c:pt>
                <c:pt idx="3629">
                  <c:v>58.421295257234135</c:v>
                </c:pt>
                <c:pt idx="3630">
                  <c:v>58.418515669102135</c:v>
                </c:pt>
                <c:pt idx="3631">
                  <c:v>58.415731675917641</c:v>
                </c:pt>
                <c:pt idx="3632">
                  <c:v>58.41226930464704</c:v>
                </c:pt>
                <c:pt idx="3633">
                  <c:v>58.40948971651504</c:v>
                </c:pt>
                <c:pt idx="3634">
                  <c:v>58.405978889666862</c:v>
                </c:pt>
                <c:pt idx="3635">
                  <c:v>58.403199301534862</c:v>
                </c:pt>
                <c:pt idx="3636">
                  <c:v>58.399736930264275</c:v>
                </c:pt>
                <c:pt idx="3637">
                  <c:v>58.396270153941167</c:v>
                </c:pt>
                <c:pt idx="3638">
                  <c:v>58.392807782670573</c:v>
                </c:pt>
                <c:pt idx="3639">
                  <c:v>58.389979738960989</c:v>
                </c:pt>
                <c:pt idx="3640">
                  <c:v>58.38651736769039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2713-49A8-840C-4B44505B7F3E}"/>
            </c:ext>
          </c:extLst>
        </c:ser>
        <c:ser>
          <c:idx val="1"/>
          <c:order val="3"/>
          <c:tx>
            <c:strRef>
              <c:f>'TG (2)'!$L$1</c:f>
              <c:strCache>
                <c:ptCount val="1"/>
                <c:pt idx="0">
                  <c:v>P300</c:v>
                </c:pt>
              </c:strCache>
            </c:strRef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xVal>
            <c:numRef>
              <c:f>'TG (2)'!$O$2:$O$3642</c:f>
              <c:numCache>
                <c:formatCode>General</c:formatCode>
                <c:ptCount val="3641"/>
                <c:pt idx="0">
                  <c:v>26.574999999999999</c:v>
                </c:pt>
                <c:pt idx="1">
                  <c:v>26.594000000000001</c:v>
                </c:pt>
                <c:pt idx="2">
                  <c:v>26.619</c:v>
                </c:pt>
                <c:pt idx="3">
                  <c:v>26.663</c:v>
                </c:pt>
                <c:pt idx="4">
                  <c:v>26.722000000000001</c:v>
                </c:pt>
                <c:pt idx="5">
                  <c:v>26.759</c:v>
                </c:pt>
                <c:pt idx="6">
                  <c:v>26.795999999999999</c:v>
                </c:pt>
                <c:pt idx="7">
                  <c:v>26.835000000000001</c:v>
                </c:pt>
                <c:pt idx="8">
                  <c:v>26.859000000000002</c:v>
                </c:pt>
                <c:pt idx="9">
                  <c:v>26.87</c:v>
                </c:pt>
                <c:pt idx="10">
                  <c:v>26.873999999999999</c:v>
                </c:pt>
                <c:pt idx="11">
                  <c:v>26.884</c:v>
                </c:pt>
                <c:pt idx="12">
                  <c:v>26.911999999999999</c:v>
                </c:pt>
                <c:pt idx="13">
                  <c:v>26.946999999999999</c:v>
                </c:pt>
                <c:pt idx="14">
                  <c:v>26.969000000000001</c:v>
                </c:pt>
                <c:pt idx="15">
                  <c:v>27</c:v>
                </c:pt>
                <c:pt idx="16">
                  <c:v>27.024000000000001</c:v>
                </c:pt>
                <c:pt idx="17">
                  <c:v>27.050999999999998</c:v>
                </c:pt>
                <c:pt idx="18">
                  <c:v>27.081</c:v>
                </c:pt>
                <c:pt idx="19">
                  <c:v>27.111000000000001</c:v>
                </c:pt>
                <c:pt idx="20">
                  <c:v>27.138000000000002</c:v>
                </c:pt>
                <c:pt idx="21">
                  <c:v>27.169</c:v>
                </c:pt>
                <c:pt idx="22">
                  <c:v>27.21</c:v>
                </c:pt>
                <c:pt idx="23">
                  <c:v>27.251999999999999</c:v>
                </c:pt>
                <c:pt idx="24">
                  <c:v>27.295000000000002</c:v>
                </c:pt>
                <c:pt idx="25">
                  <c:v>27.326000000000001</c:v>
                </c:pt>
                <c:pt idx="26">
                  <c:v>27.364000000000001</c:v>
                </c:pt>
                <c:pt idx="27">
                  <c:v>27.404</c:v>
                </c:pt>
                <c:pt idx="28">
                  <c:v>27.434000000000001</c:v>
                </c:pt>
                <c:pt idx="29">
                  <c:v>27.465</c:v>
                </c:pt>
                <c:pt idx="30">
                  <c:v>27.486999999999998</c:v>
                </c:pt>
                <c:pt idx="31">
                  <c:v>27.513999999999999</c:v>
                </c:pt>
                <c:pt idx="32">
                  <c:v>27.547999999999998</c:v>
                </c:pt>
                <c:pt idx="33">
                  <c:v>27.584</c:v>
                </c:pt>
                <c:pt idx="34">
                  <c:v>27.623000000000001</c:v>
                </c:pt>
                <c:pt idx="35">
                  <c:v>27.655000000000001</c:v>
                </c:pt>
                <c:pt idx="36">
                  <c:v>27.672000000000001</c:v>
                </c:pt>
                <c:pt idx="37">
                  <c:v>27.687999999999999</c:v>
                </c:pt>
                <c:pt idx="38">
                  <c:v>27.702000000000002</c:v>
                </c:pt>
                <c:pt idx="39">
                  <c:v>27.704000000000001</c:v>
                </c:pt>
                <c:pt idx="40">
                  <c:v>27.71</c:v>
                </c:pt>
                <c:pt idx="41">
                  <c:v>27.72</c:v>
                </c:pt>
                <c:pt idx="42">
                  <c:v>27.72</c:v>
                </c:pt>
                <c:pt idx="43">
                  <c:v>27.72</c:v>
                </c:pt>
                <c:pt idx="44">
                  <c:v>27.725000000000001</c:v>
                </c:pt>
                <c:pt idx="45">
                  <c:v>27.734000000000002</c:v>
                </c:pt>
                <c:pt idx="46">
                  <c:v>27.765999999999998</c:v>
                </c:pt>
                <c:pt idx="47">
                  <c:v>27.800999999999998</c:v>
                </c:pt>
                <c:pt idx="48">
                  <c:v>27.835000000000001</c:v>
                </c:pt>
                <c:pt idx="49">
                  <c:v>27.861999999999998</c:v>
                </c:pt>
                <c:pt idx="50">
                  <c:v>27.888999999999999</c:v>
                </c:pt>
                <c:pt idx="51">
                  <c:v>27.911000000000001</c:v>
                </c:pt>
                <c:pt idx="52">
                  <c:v>27.928999999999998</c:v>
                </c:pt>
                <c:pt idx="53">
                  <c:v>27.942</c:v>
                </c:pt>
                <c:pt idx="54">
                  <c:v>27.94</c:v>
                </c:pt>
                <c:pt idx="55">
                  <c:v>27.945</c:v>
                </c:pt>
                <c:pt idx="56">
                  <c:v>27.959</c:v>
                </c:pt>
                <c:pt idx="57">
                  <c:v>27.98</c:v>
                </c:pt>
                <c:pt idx="58">
                  <c:v>27.995000000000001</c:v>
                </c:pt>
                <c:pt idx="59">
                  <c:v>28.006</c:v>
                </c:pt>
                <c:pt idx="60">
                  <c:v>28.01</c:v>
                </c:pt>
                <c:pt idx="61">
                  <c:v>28.024999999999999</c:v>
                </c:pt>
                <c:pt idx="62">
                  <c:v>28.033000000000001</c:v>
                </c:pt>
                <c:pt idx="63">
                  <c:v>28.033000000000001</c:v>
                </c:pt>
                <c:pt idx="64">
                  <c:v>28.036000000000001</c:v>
                </c:pt>
                <c:pt idx="65">
                  <c:v>28.033999999999999</c:v>
                </c:pt>
                <c:pt idx="66">
                  <c:v>28.036999999999999</c:v>
                </c:pt>
                <c:pt idx="67">
                  <c:v>28.047999999999998</c:v>
                </c:pt>
                <c:pt idx="68">
                  <c:v>28.062999999999999</c:v>
                </c:pt>
                <c:pt idx="69">
                  <c:v>28.065000000000001</c:v>
                </c:pt>
                <c:pt idx="70">
                  <c:v>28.071999999999999</c:v>
                </c:pt>
                <c:pt idx="71">
                  <c:v>28.073</c:v>
                </c:pt>
                <c:pt idx="72">
                  <c:v>28.073</c:v>
                </c:pt>
                <c:pt idx="73">
                  <c:v>28.094000000000001</c:v>
                </c:pt>
                <c:pt idx="74">
                  <c:v>28.111000000000001</c:v>
                </c:pt>
                <c:pt idx="75">
                  <c:v>28.123000000000001</c:v>
                </c:pt>
                <c:pt idx="76">
                  <c:v>28.132000000000001</c:v>
                </c:pt>
                <c:pt idx="77">
                  <c:v>28.143000000000001</c:v>
                </c:pt>
                <c:pt idx="78">
                  <c:v>28.148</c:v>
                </c:pt>
                <c:pt idx="79">
                  <c:v>28.145</c:v>
                </c:pt>
                <c:pt idx="80">
                  <c:v>28.140999999999998</c:v>
                </c:pt>
                <c:pt idx="81">
                  <c:v>28.148</c:v>
                </c:pt>
                <c:pt idx="82">
                  <c:v>28.155999999999999</c:v>
                </c:pt>
                <c:pt idx="83">
                  <c:v>28.175999999999998</c:v>
                </c:pt>
                <c:pt idx="84">
                  <c:v>28.198</c:v>
                </c:pt>
                <c:pt idx="85">
                  <c:v>28.213000000000001</c:v>
                </c:pt>
                <c:pt idx="86">
                  <c:v>28.228000000000002</c:v>
                </c:pt>
                <c:pt idx="87">
                  <c:v>28.238</c:v>
                </c:pt>
                <c:pt idx="88">
                  <c:v>28.247</c:v>
                </c:pt>
                <c:pt idx="89">
                  <c:v>28.268999999999998</c:v>
                </c:pt>
                <c:pt idx="90">
                  <c:v>28.285</c:v>
                </c:pt>
                <c:pt idx="91">
                  <c:v>28.302</c:v>
                </c:pt>
                <c:pt idx="92">
                  <c:v>28.318000000000001</c:v>
                </c:pt>
                <c:pt idx="93">
                  <c:v>28.331</c:v>
                </c:pt>
                <c:pt idx="94">
                  <c:v>28.350999999999999</c:v>
                </c:pt>
                <c:pt idx="95">
                  <c:v>28.363</c:v>
                </c:pt>
                <c:pt idx="96">
                  <c:v>28.36</c:v>
                </c:pt>
                <c:pt idx="97">
                  <c:v>28.366</c:v>
                </c:pt>
                <c:pt idx="98">
                  <c:v>28.36</c:v>
                </c:pt>
                <c:pt idx="99">
                  <c:v>28.359000000000002</c:v>
                </c:pt>
                <c:pt idx="100">
                  <c:v>28.363</c:v>
                </c:pt>
                <c:pt idx="101">
                  <c:v>28.361000000000001</c:v>
                </c:pt>
                <c:pt idx="102">
                  <c:v>28.369</c:v>
                </c:pt>
                <c:pt idx="103">
                  <c:v>28.376000000000001</c:v>
                </c:pt>
                <c:pt idx="104">
                  <c:v>28.385000000000002</c:v>
                </c:pt>
                <c:pt idx="105">
                  <c:v>28.385000000000002</c:v>
                </c:pt>
                <c:pt idx="106">
                  <c:v>28.38</c:v>
                </c:pt>
                <c:pt idx="107">
                  <c:v>28.382999999999999</c:v>
                </c:pt>
                <c:pt idx="108">
                  <c:v>28.376999999999999</c:v>
                </c:pt>
                <c:pt idx="109">
                  <c:v>28.358000000000001</c:v>
                </c:pt>
                <c:pt idx="110">
                  <c:v>28.353999999999999</c:v>
                </c:pt>
                <c:pt idx="111">
                  <c:v>28.356999999999999</c:v>
                </c:pt>
                <c:pt idx="112">
                  <c:v>28.378</c:v>
                </c:pt>
                <c:pt idx="113">
                  <c:v>28.423999999999999</c:v>
                </c:pt>
                <c:pt idx="114">
                  <c:v>28.518000000000001</c:v>
                </c:pt>
                <c:pt idx="115">
                  <c:v>28.695</c:v>
                </c:pt>
                <c:pt idx="116">
                  <c:v>28.782</c:v>
                </c:pt>
                <c:pt idx="117">
                  <c:v>28.948</c:v>
                </c:pt>
                <c:pt idx="118">
                  <c:v>29.247</c:v>
                </c:pt>
                <c:pt idx="119">
                  <c:v>29.687000000000001</c:v>
                </c:pt>
                <c:pt idx="120">
                  <c:v>29.754999999999999</c:v>
                </c:pt>
                <c:pt idx="121">
                  <c:v>29.965</c:v>
                </c:pt>
                <c:pt idx="122">
                  <c:v>30.010999999999999</c:v>
                </c:pt>
                <c:pt idx="123">
                  <c:v>30.125</c:v>
                </c:pt>
                <c:pt idx="124">
                  <c:v>30.234999999999999</c:v>
                </c:pt>
                <c:pt idx="125">
                  <c:v>30.585000000000001</c:v>
                </c:pt>
                <c:pt idx="126">
                  <c:v>30.835000000000001</c:v>
                </c:pt>
                <c:pt idx="127">
                  <c:v>30.978000000000002</c:v>
                </c:pt>
                <c:pt idx="128">
                  <c:v>31</c:v>
                </c:pt>
                <c:pt idx="129">
                  <c:v>31.105</c:v>
                </c:pt>
                <c:pt idx="130">
                  <c:v>31.082999999999998</c:v>
                </c:pt>
                <c:pt idx="131">
                  <c:v>31.166</c:v>
                </c:pt>
                <c:pt idx="132">
                  <c:v>31.117999999999999</c:v>
                </c:pt>
                <c:pt idx="133">
                  <c:v>31.268000000000001</c:v>
                </c:pt>
                <c:pt idx="134">
                  <c:v>31.440999999999999</c:v>
                </c:pt>
                <c:pt idx="135">
                  <c:v>31.300999999999998</c:v>
                </c:pt>
                <c:pt idx="136">
                  <c:v>31.405000000000001</c:v>
                </c:pt>
                <c:pt idx="137">
                  <c:v>31.353999999999999</c:v>
                </c:pt>
                <c:pt idx="138">
                  <c:v>31.420999999999999</c:v>
                </c:pt>
                <c:pt idx="139">
                  <c:v>31.667999999999999</c:v>
                </c:pt>
                <c:pt idx="140">
                  <c:v>31.654</c:v>
                </c:pt>
                <c:pt idx="141">
                  <c:v>31.766999999999999</c:v>
                </c:pt>
                <c:pt idx="142">
                  <c:v>32.106999999999999</c:v>
                </c:pt>
                <c:pt idx="143">
                  <c:v>32.204000000000001</c:v>
                </c:pt>
                <c:pt idx="144">
                  <c:v>32.209000000000003</c:v>
                </c:pt>
                <c:pt idx="145">
                  <c:v>32.36</c:v>
                </c:pt>
                <c:pt idx="146">
                  <c:v>32.283999999999999</c:v>
                </c:pt>
                <c:pt idx="147">
                  <c:v>32.256</c:v>
                </c:pt>
                <c:pt idx="148">
                  <c:v>32.161999999999999</c:v>
                </c:pt>
                <c:pt idx="149">
                  <c:v>32.335999999999999</c:v>
                </c:pt>
                <c:pt idx="150">
                  <c:v>32.14</c:v>
                </c:pt>
                <c:pt idx="151">
                  <c:v>31.93</c:v>
                </c:pt>
                <c:pt idx="152">
                  <c:v>31.940999999999999</c:v>
                </c:pt>
                <c:pt idx="153">
                  <c:v>31.838999999999999</c:v>
                </c:pt>
                <c:pt idx="154">
                  <c:v>31.75</c:v>
                </c:pt>
                <c:pt idx="155">
                  <c:v>31.768000000000001</c:v>
                </c:pt>
                <c:pt idx="156">
                  <c:v>32.018000000000001</c:v>
                </c:pt>
                <c:pt idx="157">
                  <c:v>32.014000000000003</c:v>
                </c:pt>
                <c:pt idx="158">
                  <c:v>31.817</c:v>
                </c:pt>
                <c:pt idx="159">
                  <c:v>31.916</c:v>
                </c:pt>
                <c:pt idx="160">
                  <c:v>31.81</c:v>
                </c:pt>
                <c:pt idx="161">
                  <c:v>31.783000000000001</c:v>
                </c:pt>
                <c:pt idx="162">
                  <c:v>31.863</c:v>
                </c:pt>
                <c:pt idx="163">
                  <c:v>31.923999999999999</c:v>
                </c:pt>
                <c:pt idx="164">
                  <c:v>32.073</c:v>
                </c:pt>
                <c:pt idx="165">
                  <c:v>32.097000000000001</c:v>
                </c:pt>
                <c:pt idx="166">
                  <c:v>32.133000000000003</c:v>
                </c:pt>
                <c:pt idx="167">
                  <c:v>32.106999999999999</c:v>
                </c:pt>
                <c:pt idx="168">
                  <c:v>32.231999999999999</c:v>
                </c:pt>
                <c:pt idx="169">
                  <c:v>32.021999999999998</c:v>
                </c:pt>
                <c:pt idx="170">
                  <c:v>31.907</c:v>
                </c:pt>
                <c:pt idx="171">
                  <c:v>31.984999999999999</c:v>
                </c:pt>
                <c:pt idx="172">
                  <c:v>32.093000000000004</c:v>
                </c:pt>
                <c:pt idx="173">
                  <c:v>32.125999999999998</c:v>
                </c:pt>
                <c:pt idx="174">
                  <c:v>32.107999999999997</c:v>
                </c:pt>
                <c:pt idx="175">
                  <c:v>32.085000000000001</c:v>
                </c:pt>
                <c:pt idx="176">
                  <c:v>31.986000000000001</c:v>
                </c:pt>
                <c:pt idx="177">
                  <c:v>31.974</c:v>
                </c:pt>
                <c:pt idx="178">
                  <c:v>32.158999999999999</c:v>
                </c:pt>
                <c:pt idx="179">
                  <c:v>32.511000000000003</c:v>
                </c:pt>
                <c:pt idx="180">
                  <c:v>32.762</c:v>
                </c:pt>
                <c:pt idx="181">
                  <c:v>32.591000000000001</c:v>
                </c:pt>
                <c:pt idx="182">
                  <c:v>32.683</c:v>
                </c:pt>
                <c:pt idx="183">
                  <c:v>32.546999999999997</c:v>
                </c:pt>
                <c:pt idx="184">
                  <c:v>32.481000000000002</c:v>
                </c:pt>
                <c:pt idx="185">
                  <c:v>32.582000000000001</c:v>
                </c:pt>
                <c:pt idx="186">
                  <c:v>32.652999999999999</c:v>
                </c:pt>
                <c:pt idx="187">
                  <c:v>32.793999999999997</c:v>
                </c:pt>
                <c:pt idx="188">
                  <c:v>32.878</c:v>
                </c:pt>
                <c:pt idx="189">
                  <c:v>32.86</c:v>
                </c:pt>
                <c:pt idx="190">
                  <c:v>32.804000000000002</c:v>
                </c:pt>
                <c:pt idx="191">
                  <c:v>32.747999999999998</c:v>
                </c:pt>
                <c:pt idx="192">
                  <c:v>32.869999999999997</c:v>
                </c:pt>
                <c:pt idx="193">
                  <c:v>33.03</c:v>
                </c:pt>
                <c:pt idx="194">
                  <c:v>33.201000000000001</c:v>
                </c:pt>
                <c:pt idx="195">
                  <c:v>33.15</c:v>
                </c:pt>
                <c:pt idx="196">
                  <c:v>33.472999999999999</c:v>
                </c:pt>
                <c:pt idx="197">
                  <c:v>33.421999999999997</c:v>
                </c:pt>
                <c:pt idx="198">
                  <c:v>33.445</c:v>
                </c:pt>
                <c:pt idx="199">
                  <c:v>33.558999999999997</c:v>
                </c:pt>
                <c:pt idx="200">
                  <c:v>33.947000000000003</c:v>
                </c:pt>
                <c:pt idx="201">
                  <c:v>34.283000000000001</c:v>
                </c:pt>
                <c:pt idx="202">
                  <c:v>34.040999999999997</c:v>
                </c:pt>
                <c:pt idx="203">
                  <c:v>34.1</c:v>
                </c:pt>
                <c:pt idx="204">
                  <c:v>34.134</c:v>
                </c:pt>
                <c:pt idx="205">
                  <c:v>34.134</c:v>
                </c:pt>
                <c:pt idx="206">
                  <c:v>34.118000000000002</c:v>
                </c:pt>
                <c:pt idx="207">
                  <c:v>34.232999999999997</c:v>
                </c:pt>
                <c:pt idx="208">
                  <c:v>34.36</c:v>
                </c:pt>
                <c:pt idx="209">
                  <c:v>34.545000000000002</c:v>
                </c:pt>
                <c:pt idx="210">
                  <c:v>34.621000000000002</c:v>
                </c:pt>
                <c:pt idx="211">
                  <c:v>34.715000000000003</c:v>
                </c:pt>
                <c:pt idx="212">
                  <c:v>34.853000000000002</c:v>
                </c:pt>
                <c:pt idx="213">
                  <c:v>34.921999999999997</c:v>
                </c:pt>
                <c:pt idx="214">
                  <c:v>35.04</c:v>
                </c:pt>
                <c:pt idx="215">
                  <c:v>35.215000000000003</c:v>
                </c:pt>
                <c:pt idx="216">
                  <c:v>35.197000000000003</c:v>
                </c:pt>
                <c:pt idx="217">
                  <c:v>35.191000000000003</c:v>
                </c:pt>
                <c:pt idx="218">
                  <c:v>35.563000000000002</c:v>
                </c:pt>
                <c:pt idx="219">
                  <c:v>35.581000000000003</c:v>
                </c:pt>
                <c:pt idx="220">
                  <c:v>35.694000000000003</c:v>
                </c:pt>
                <c:pt idx="221">
                  <c:v>35.902000000000001</c:v>
                </c:pt>
                <c:pt idx="222">
                  <c:v>36.128999999999998</c:v>
                </c:pt>
                <c:pt idx="223">
                  <c:v>36.540999999999997</c:v>
                </c:pt>
                <c:pt idx="224">
                  <c:v>36.51</c:v>
                </c:pt>
                <c:pt idx="225">
                  <c:v>36.57</c:v>
                </c:pt>
                <c:pt idx="226">
                  <c:v>36.725000000000001</c:v>
                </c:pt>
                <c:pt idx="227">
                  <c:v>36.796999999999997</c:v>
                </c:pt>
                <c:pt idx="228">
                  <c:v>36.802999999999997</c:v>
                </c:pt>
                <c:pt idx="229">
                  <c:v>37.048999999999999</c:v>
                </c:pt>
                <c:pt idx="230">
                  <c:v>37.331000000000003</c:v>
                </c:pt>
                <c:pt idx="231">
                  <c:v>37.429000000000002</c:v>
                </c:pt>
                <c:pt idx="232">
                  <c:v>37.515000000000001</c:v>
                </c:pt>
                <c:pt idx="233">
                  <c:v>37.854999999999997</c:v>
                </c:pt>
                <c:pt idx="234">
                  <c:v>38.085000000000001</c:v>
                </c:pt>
                <c:pt idx="235">
                  <c:v>38.215000000000003</c:v>
                </c:pt>
                <c:pt idx="236">
                  <c:v>38.325000000000003</c:v>
                </c:pt>
                <c:pt idx="237">
                  <c:v>38.39</c:v>
                </c:pt>
                <c:pt idx="238">
                  <c:v>38.543999999999997</c:v>
                </c:pt>
                <c:pt idx="239">
                  <c:v>38.685000000000002</c:v>
                </c:pt>
                <c:pt idx="240">
                  <c:v>38.828000000000003</c:v>
                </c:pt>
                <c:pt idx="241">
                  <c:v>39.015999999999998</c:v>
                </c:pt>
                <c:pt idx="242">
                  <c:v>39.311999999999998</c:v>
                </c:pt>
                <c:pt idx="243">
                  <c:v>39.307000000000002</c:v>
                </c:pt>
                <c:pt idx="244">
                  <c:v>39.679000000000002</c:v>
                </c:pt>
                <c:pt idx="245">
                  <c:v>40.027999999999999</c:v>
                </c:pt>
                <c:pt idx="246">
                  <c:v>40.435000000000002</c:v>
                </c:pt>
                <c:pt idx="247">
                  <c:v>40.488</c:v>
                </c:pt>
                <c:pt idx="248">
                  <c:v>40.554000000000002</c:v>
                </c:pt>
                <c:pt idx="249">
                  <c:v>40.674999999999997</c:v>
                </c:pt>
                <c:pt idx="250">
                  <c:v>40.896000000000001</c:v>
                </c:pt>
                <c:pt idx="251">
                  <c:v>41.024000000000001</c:v>
                </c:pt>
                <c:pt idx="252">
                  <c:v>41.011000000000003</c:v>
                </c:pt>
                <c:pt idx="253">
                  <c:v>41.241</c:v>
                </c:pt>
                <c:pt idx="254">
                  <c:v>41.537999999999997</c:v>
                </c:pt>
                <c:pt idx="255">
                  <c:v>41.723999999999997</c:v>
                </c:pt>
                <c:pt idx="256">
                  <c:v>41.895000000000003</c:v>
                </c:pt>
                <c:pt idx="257">
                  <c:v>42.058</c:v>
                </c:pt>
                <c:pt idx="258">
                  <c:v>42.313000000000002</c:v>
                </c:pt>
                <c:pt idx="259">
                  <c:v>42.616</c:v>
                </c:pt>
                <c:pt idx="260">
                  <c:v>42.796999999999997</c:v>
                </c:pt>
                <c:pt idx="261">
                  <c:v>42.731999999999999</c:v>
                </c:pt>
                <c:pt idx="262">
                  <c:v>42.74</c:v>
                </c:pt>
                <c:pt idx="263">
                  <c:v>42.883000000000003</c:v>
                </c:pt>
                <c:pt idx="264">
                  <c:v>43.037999999999997</c:v>
                </c:pt>
                <c:pt idx="265">
                  <c:v>43.252000000000002</c:v>
                </c:pt>
                <c:pt idx="266">
                  <c:v>43.414999999999999</c:v>
                </c:pt>
                <c:pt idx="267">
                  <c:v>43.716000000000001</c:v>
                </c:pt>
                <c:pt idx="268">
                  <c:v>43.667000000000002</c:v>
                </c:pt>
                <c:pt idx="269">
                  <c:v>43.682000000000002</c:v>
                </c:pt>
                <c:pt idx="270">
                  <c:v>43.77</c:v>
                </c:pt>
                <c:pt idx="271">
                  <c:v>43.966000000000001</c:v>
                </c:pt>
                <c:pt idx="272">
                  <c:v>44.06</c:v>
                </c:pt>
                <c:pt idx="273">
                  <c:v>44.290999999999997</c:v>
                </c:pt>
                <c:pt idx="274">
                  <c:v>44.497999999999998</c:v>
                </c:pt>
                <c:pt idx="275">
                  <c:v>44.713000000000001</c:v>
                </c:pt>
                <c:pt idx="276">
                  <c:v>45.24</c:v>
                </c:pt>
                <c:pt idx="277">
                  <c:v>45.488999999999997</c:v>
                </c:pt>
                <c:pt idx="278">
                  <c:v>45.655000000000001</c:v>
                </c:pt>
                <c:pt idx="279">
                  <c:v>45.55</c:v>
                </c:pt>
                <c:pt idx="280">
                  <c:v>45.767000000000003</c:v>
                </c:pt>
                <c:pt idx="281">
                  <c:v>45.923999999999999</c:v>
                </c:pt>
                <c:pt idx="282">
                  <c:v>46.502000000000002</c:v>
                </c:pt>
                <c:pt idx="283">
                  <c:v>46.804000000000002</c:v>
                </c:pt>
                <c:pt idx="284">
                  <c:v>46.645000000000003</c:v>
                </c:pt>
                <c:pt idx="285">
                  <c:v>46.579000000000001</c:v>
                </c:pt>
                <c:pt idx="286">
                  <c:v>46.628</c:v>
                </c:pt>
                <c:pt idx="287">
                  <c:v>46.722999999999999</c:v>
                </c:pt>
                <c:pt idx="288">
                  <c:v>46.984999999999999</c:v>
                </c:pt>
                <c:pt idx="289">
                  <c:v>47.158999999999999</c:v>
                </c:pt>
                <c:pt idx="290">
                  <c:v>47.476999999999997</c:v>
                </c:pt>
                <c:pt idx="291">
                  <c:v>47.755000000000003</c:v>
                </c:pt>
                <c:pt idx="292">
                  <c:v>47.843000000000004</c:v>
                </c:pt>
                <c:pt idx="293">
                  <c:v>48.024000000000001</c:v>
                </c:pt>
                <c:pt idx="294">
                  <c:v>48.25</c:v>
                </c:pt>
                <c:pt idx="295">
                  <c:v>48.551000000000002</c:v>
                </c:pt>
                <c:pt idx="296">
                  <c:v>48.689</c:v>
                </c:pt>
                <c:pt idx="297">
                  <c:v>48.771999999999998</c:v>
                </c:pt>
                <c:pt idx="298">
                  <c:v>49.033000000000001</c:v>
                </c:pt>
                <c:pt idx="299">
                  <c:v>49.122</c:v>
                </c:pt>
                <c:pt idx="300">
                  <c:v>49.317999999999998</c:v>
                </c:pt>
                <c:pt idx="301">
                  <c:v>49.445</c:v>
                </c:pt>
                <c:pt idx="302">
                  <c:v>49.759</c:v>
                </c:pt>
                <c:pt idx="303">
                  <c:v>50.183</c:v>
                </c:pt>
                <c:pt idx="304">
                  <c:v>50.570999999999998</c:v>
                </c:pt>
                <c:pt idx="305">
                  <c:v>50.912999999999997</c:v>
                </c:pt>
                <c:pt idx="306">
                  <c:v>51.078000000000003</c:v>
                </c:pt>
                <c:pt idx="307">
                  <c:v>51.204000000000001</c:v>
                </c:pt>
                <c:pt idx="308">
                  <c:v>51.316000000000003</c:v>
                </c:pt>
                <c:pt idx="309">
                  <c:v>51.447000000000003</c:v>
                </c:pt>
                <c:pt idx="310">
                  <c:v>51.673000000000002</c:v>
                </c:pt>
                <c:pt idx="311">
                  <c:v>51.923000000000002</c:v>
                </c:pt>
                <c:pt idx="312">
                  <c:v>52.11</c:v>
                </c:pt>
                <c:pt idx="313">
                  <c:v>52.320999999999998</c:v>
                </c:pt>
                <c:pt idx="314">
                  <c:v>52.719000000000001</c:v>
                </c:pt>
                <c:pt idx="315">
                  <c:v>52.801000000000002</c:v>
                </c:pt>
                <c:pt idx="316">
                  <c:v>53.017000000000003</c:v>
                </c:pt>
                <c:pt idx="317">
                  <c:v>53.256999999999998</c:v>
                </c:pt>
                <c:pt idx="318">
                  <c:v>53.561</c:v>
                </c:pt>
                <c:pt idx="319">
                  <c:v>53.817</c:v>
                </c:pt>
                <c:pt idx="320">
                  <c:v>54.048000000000002</c:v>
                </c:pt>
                <c:pt idx="321">
                  <c:v>54.317</c:v>
                </c:pt>
                <c:pt idx="322">
                  <c:v>54.584000000000003</c:v>
                </c:pt>
                <c:pt idx="323">
                  <c:v>54.645000000000003</c:v>
                </c:pt>
                <c:pt idx="324">
                  <c:v>54.786000000000001</c:v>
                </c:pt>
                <c:pt idx="325">
                  <c:v>55.100999999999999</c:v>
                </c:pt>
                <c:pt idx="326">
                  <c:v>55.478000000000002</c:v>
                </c:pt>
                <c:pt idx="327">
                  <c:v>55.68</c:v>
                </c:pt>
                <c:pt idx="328">
                  <c:v>55.850999999999999</c:v>
                </c:pt>
                <c:pt idx="329">
                  <c:v>56.109000000000002</c:v>
                </c:pt>
                <c:pt idx="330">
                  <c:v>56.383000000000003</c:v>
                </c:pt>
                <c:pt idx="331">
                  <c:v>56.685000000000002</c:v>
                </c:pt>
                <c:pt idx="332">
                  <c:v>57.295999999999999</c:v>
                </c:pt>
                <c:pt idx="333">
                  <c:v>57.491</c:v>
                </c:pt>
                <c:pt idx="334">
                  <c:v>57.628999999999998</c:v>
                </c:pt>
                <c:pt idx="335">
                  <c:v>57.832000000000001</c:v>
                </c:pt>
                <c:pt idx="336">
                  <c:v>57.896000000000001</c:v>
                </c:pt>
                <c:pt idx="337">
                  <c:v>58.048000000000002</c:v>
                </c:pt>
                <c:pt idx="338">
                  <c:v>58.375999999999998</c:v>
                </c:pt>
                <c:pt idx="339">
                  <c:v>58.561</c:v>
                </c:pt>
                <c:pt idx="340">
                  <c:v>58.834000000000003</c:v>
                </c:pt>
                <c:pt idx="341">
                  <c:v>59.131999999999998</c:v>
                </c:pt>
                <c:pt idx="342">
                  <c:v>59.359000000000002</c:v>
                </c:pt>
                <c:pt idx="343">
                  <c:v>59.478000000000002</c:v>
                </c:pt>
                <c:pt idx="344">
                  <c:v>59.796999999999997</c:v>
                </c:pt>
                <c:pt idx="345">
                  <c:v>59.95</c:v>
                </c:pt>
                <c:pt idx="346">
                  <c:v>60.012999999999998</c:v>
                </c:pt>
                <c:pt idx="347">
                  <c:v>60.313000000000002</c:v>
                </c:pt>
                <c:pt idx="348">
                  <c:v>60.619</c:v>
                </c:pt>
                <c:pt idx="349">
                  <c:v>60.838000000000001</c:v>
                </c:pt>
                <c:pt idx="350">
                  <c:v>61.048999999999999</c:v>
                </c:pt>
                <c:pt idx="351">
                  <c:v>61.241</c:v>
                </c:pt>
                <c:pt idx="352">
                  <c:v>61.442999999999998</c:v>
                </c:pt>
                <c:pt idx="353">
                  <c:v>61.732999999999997</c:v>
                </c:pt>
                <c:pt idx="354">
                  <c:v>61.95</c:v>
                </c:pt>
                <c:pt idx="355">
                  <c:v>62.21</c:v>
                </c:pt>
                <c:pt idx="356">
                  <c:v>62.307000000000002</c:v>
                </c:pt>
                <c:pt idx="357">
                  <c:v>62.454999999999998</c:v>
                </c:pt>
                <c:pt idx="358">
                  <c:v>62.679000000000002</c:v>
                </c:pt>
                <c:pt idx="359">
                  <c:v>63.25</c:v>
                </c:pt>
                <c:pt idx="360">
                  <c:v>63.533000000000001</c:v>
                </c:pt>
                <c:pt idx="361">
                  <c:v>63.698</c:v>
                </c:pt>
                <c:pt idx="362">
                  <c:v>64.161000000000001</c:v>
                </c:pt>
                <c:pt idx="363">
                  <c:v>64.611000000000004</c:v>
                </c:pt>
                <c:pt idx="364">
                  <c:v>65.212999999999994</c:v>
                </c:pt>
                <c:pt idx="365">
                  <c:v>65.254000000000005</c:v>
                </c:pt>
                <c:pt idx="366">
                  <c:v>65.025999999999996</c:v>
                </c:pt>
                <c:pt idx="367">
                  <c:v>65.114000000000004</c:v>
                </c:pt>
                <c:pt idx="368">
                  <c:v>65.305000000000007</c:v>
                </c:pt>
                <c:pt idx="369">
                  <c:v>65.47</c:v>
                </c:pt>
                <c:pt idx="370">
                  <c:v>65.623000000000005</c:v>
                </c:pt>
                <c:pt idx="371">
                  <c:v>65.912999999999997</c:v>
                </c:pt>
                <c:pt idx="372">
                  <c:v>66.132999999999996</c:v>
                </c:pt>
                <c:pt idx="373">
                  <c:v>66.358000000000004</c:v>
                </c:pt>
                <c:pt idx="374">
                  <c:v>66.61</c:v>
                </c:pt>
                <c:pt idx="375">
                  <c:v>66.962999999999994</c:v>
                </c:pt>
                <c:pt idx="376">
                  <c:v>67.376000000000005</c:v>
                </c:pt>
                <c:pt idx="377">
                  <c:v>67.522000000000006</c:v>
                </c:pt>
                <c:pt idx="378">
                  <c:v>67.787000000000006</c:v>
                </c:pt>
                <c:pt idx="379">
                  <c:v>68.11</c:v>
                </c:pt>
                <c:pt idx="380">
                  <c:v>68.298000000000002</c:v>
                </c:pt>
                <c:pt idx="381">
                  <c:v>68.590999999999994</c:v>
                </c:pt>
                <c:pt idx="382">
                  <c:v>68.802000000000007</c:v>
                </c:pt>
                <c:pt idx="383">
                  <c:v>69.009</c:v>
                </c:pt>
                <c:pt idx="384">
                  <c:v>69.314999999999998</c:v>
                </c:pt>
                <c:pt idx="385">
                  <c:v>69.66</c:v>
                </c:pt>
                <c:pt idx="386">
                  <c:v>69.921000000000006</c:v>
                </c:pt>
                <c:pt idx="387">
                  <c:v>70.265000000000001</c:v>
                </c:pt>
                <c:pt idx="388">
                  <c:v>70.486999999999995</c:v>
                </c:pt>
                <c:pt idx="389">
                  <c:v>70.650999999999996</c:v>
                </c:pt>
                <c:pt idx="390">
                  <c:v>71.033000000000001</c:v>
                </c:pt>
                <c:pt idx="391">
                  <c:v>71.174999999999997</c:v>
                </c:pt>
                <c:pt idx="392">
                  <c:v>71.454999999999998</c:v>
                </c:pt>
                <c:pt idx="393">
                  <c:v>71.692999999999998</c:v>
                </c:pt>
                <c:pt idx="394">
                  <c:v>72.222999999999999</c:v>
                </c:pt>
                <c:pt idx="395">
                  <c:v>72.430999999999997</c:v>
                </c:pt>
                <c:pt idx="396">
                  <c:v>72.831999999999994</c:v>
                </c:pt>
                <c:pt idx="397">
                  <c:v>72.948999999999998</c:v>
                </c:pt>
                <c:pt idx="398">
                  <c:v>73.227999999999994</c:v>
                </c:pt>
                <c:pt idx="399">
                  <c:v>73.715000000000003</c:v>
                </c:pt>
                <c:pt idx="400">
                  <c:v>73.885999999999996</c:v>
                </c:pt>
                <c:pt idx="401">
                  <c:v>74.021000000000001</c:v>
                </c:pt>
                <c:pt idx="402">
                  <c:v>74.150000000000006</c:v>
                </c:pt>
                <c:pt idx="403">
                  <c:v>74.695999999999998</c:v>
                </c:pt>
                <c:pt idx="404">
                  <c:v>74.730999999999995</c:v>
                </c:pt>
                <c:pt idx="405">
                  <c:v>74.953999999999994</c:v>
                </c:pt>
                <c:pt idx="406">
                  <c:v>75.384</c:v>
                </c:pt>
                <c:pt idx="407">
                  <c:v>75.777000000000001</c:v>
                </c:pt>
                <c:pt idx="408">
                  <c:v>76.228999999999999</c:v>
                </c:pt>
                <c:pt idx="409">
                  <c:v>76.355000000000004</c:v>
                </c:pt>
                <c:pt idx="410">
                  <c:v>76.447000000000003</c:v>
                </c:pt>
                <c:pt idx="411">
                  <c:v>76.474999999999994</c:v>
                </c:pt>
                <c:pt idx="412">
                  <c:v>76.852000000000004</c:v>
                </c:pt>
                <c:pt idx="413">
                  <c:v>77.191999999999993</c:v>
                </c:pt>
                <c:pt idx="414">
                  <c:v>77.62</c:v>
                </c:pt>
                <c:pt idx="415">
                  <c:v>78.120999999999995</c:v>
                </c:pt>
                <c:pt idx="416">
                  <c:v>78.168000000000006</c:v>
                </c:pt>
                <c:pt idx="417">
                  <c:v>78.361999999999995</c:v>
                </c:pt>
                <c:pt idx="418">
                  <c:v>78.677999999999997</c:v>
                </c:pt>
                <c:pt idx="419">
                  <c:v>78.748999999999995</c:v>
                </c:pt>
                <c:pt idx="420">
                  <c:v>79.009</c:v>
                </c:pt>
                <c:pt idx="421">
                  <c:v>79.403999999999996</c:v>
                </c:pt>
                <c:pt idx="422">
                  <c:v>79.733000000000004</c:v>
                </c:pt>
                <c:pt idx="423">
                  <c:v>79.988</c:v>
                </c:pt>
                <c:pt idx="424">
                  <c:v>80.436999999999998</c:v>
                </c:pt>
                <c:pt idx="425">
                  <c:v>80.641999999999996</c:v>
                </c:pt>
                <c:pt idx="426">
                  <c:v>80.748000000000005</c:v>
                </c:pt>
                <c:pt idx="427">
                  <c:v>81.016999999999996</c:v>
                </c:pt>
                <c:pt idx="428">
                  <c:v>81.075999999999993</c:v>
                </c:pt>
                <c:pt idx="429">
                  <c:v>81.364999999999995</c:v>
                </c:pt>
                <c:pt idx="430">
                  <c:v>81.894999999999996</c:v>
                </c:pt>
                <c:pt idx="431">
                  <c:v>82.143000000000001</c:v>
                </c:pt>
                <c:pt idx="432">
                  <c:v>82.712999999999994</c:v>
                </c:pt>
                <c:pt idx="433">
                  <c:v>82.694999999999993</c:v>
                </c:pt>
                <c:pt idx="434">
                  <c:v>83.063000000000002</c:v>
                </c:pt>
                <c:pt idx="435">
                  <c:v>83.293999999999997</c:v>
                </c:pt>
                <c:pt idx="436">
                  <c:v>83.335999999999999</c:v>
                </c:pt>
                <c:pt idx="437">
                  <c:v>83.566000000000003</c:v>
                </c:pt>
                <c:pt idx="438">
                  <c:v>83.897999999999996</c:v>
                </c:pt>
                <c:pt idx="439">
                  <c:v>84.643000000000001</c:v>
                </c:pt>
                <c:pt idx="440">
                  <c:v>84.888000000000005</c:v>
                </c:pt>
                <c:pt idx="441">
                  <c:v>85.156999999999996</c:v>
                </c:pt>
                <c:pt idx="442">
                  <c:v>85.480999999999995</c:v>
                </c:pt>
                <c:pt idx="443">
                  <c:v>85.61</c:v>
                </c:pt>
                <c:pt idx="444">
                  <c:v>85.775999999999996</c:v>
                </c:pt>
                <c:pt idx="445">
                  <c:v>86.438000000000002</c:v>
                </c:pt>
                <c:pt idx="446">
                  <c:v>86.653000000000006</c:v>
                </c:pt>
                <c:pt idx="447">
                  <c:v>86.667000000000002</c:v>
                </c:pt>
                <c:pt idx="448">
                  <c:v>86.783000000000001</c:v>
                </c:pt>
                <c:pt idx="449">
                  <c:v>87.058000000000007</c:v>
                </c:pt>
                <c:pt idx="450">
                  <c:v>87.388999999999996</c:v>
                </c:pt>
                <c:pt idx="451">
                  <c:v>87.614000000000004</c:v>
                </c:pt>
                <c:pt idx="452">
                  <c:v>88.07</c:v>
                </c:pt>
                <c:pt idx="453">
                  <c:v>88.207999999999998</c:v>
                </c:pt>
                <c:pt idx="454">
                  <c:v>88.292000000000002</c:v>
                </c:pt>
                <c:pt idx="455">
                  <c:v>88.668999999999997</c:v>
                </c:pt>
                <c:pt idx="456">
                  <c:v>88.876999999999995</c:v>
                </c:pt>
                <c:pt idx="457">
                  <c:v>89.328999999999994</c:v>
                </c:pt>
                <c:pt idx="458">
                  <c:v>89.51</c:v>
                </c:pt>
                <c:pt idx="459">
                  <c:v>89.921999999999997</c:v>
                </c:pt>
                <c:pt idx="460">
                  <c:v>90.05</c:v>
                </c:pt>
                <c:pt idx="461">
                  <c:v>90.203000000000003</c:v>
                </c:pt>
                <c:pt idx="462">
                  <c:v>90.387</c:v>
                </c:pt>
                <c:pt idx="463">
                  <c:v>90.876999999999995</c:v>
                </c:pt>
                <c:pt idx="464">
                  <c:v>91.134</c:v>
                </c:pt>
                <c:pt idx="465">
                  <c:v>91.364000000000004</c:v>
                </c:pt>
                <c:pt idx="466">
                  <c:v>91.504999999999995</c:v>
                </c:pt>
                <c:pt idx="467">
                  <c:v>91.77</c:v>
                </c:pt>
                <c:pt idx="468">
                  <c:v>92.087999999999994</c:v>
                </c:pt>
                <c:pt idx="469">
                  <c:v>92.804000000000002</c:v>
                </c:pt>
                <c:pt idx="470">
                  <c:v>92.855000000000004</c:v>
                </c:pt>
                <c:pt idx="471">
                  <c:v>93.322000000000003</c:v>
                </c:pt>
                <c:pt idx="472">
                  <c:v>93.540999999999997</c:v>
                </c:pt>
                <c:pt idx="473">
                  <c:v>93.941999999999993</c:v>
                </c:pt>
                <c:pt idx="474">
                  <c:v>94.242000000000004</c:v>
                </c:pt>
                <c:pt idx="475">
                  <c:v>94.614999999999995</c:v>
                </c:pt>
                <c:pt idx="476">
                  <c:v>94.65</c:v>
                </c:pt>
                <c:pt idx="477">
                  <c:v>94.981999999999999</c:v>
                </c:pt>
                <c:pt idx="478">
                  <c:v>95.19</c:v>
                </c:pt>
                <c:pt idx="479">
                  <c:v>95.724999999999994</c:v>
                </c:pt>
                <c:pt idx="480">
                  <c:v>95.938999999999993</c:v>
                </c:pt>
                <c:pt idx="481">
                  <c:v>96.094999999999999</c:v>
                </c:pt>
                <c:pt idx="482">
                  <c:v>96.465000000000003</c:v>
                </c:pt>
                <c:pt idx="483">
                  <c:v>96.736000000000004</c:v>
                </c:pt>
                <c:pt idx="484">
                  <c:v>96.825999999999993</c:v>
                </c:pt>
                <c:pt idx="485">
                  <c:v>97.078999999999994</c:v>
                </c:pt>
                <c:pt idx="486">
                  <c:v>97.24</c:v>
                </c:pt>
                <c:pt idx="487">
                  <c:v>97.463999999999999</c:v>
                </c:pt>
                <c:pt idx="488">
                  <c:v>97.745000000000005</c:v>
                </c:pt>
                <c:pt idx="489">
                  <c:v>98.120999999999995</c:v>
                </c:pt>
                <c:pt idx="490">
                  <c:v>98.858000000000004</c:v>
                </c:pt>
                <c:pt idx="491">
                  <c:v>99.275999999999996</c:v>
                </c:pt>
                <c:pt idx="492">
                  <c:v>99.638000000000005</c:v>
                </c:pt>
                <c:pt idx="493">
                  <c:v>99.873999999999995</c:v>
                </c:pt>
                <c:pt idx="494">
                  <c:v>100.214</c:v>
                </c:pt>
                <c:pt idx="495">
                  <c:v>100.52</c:v>
                </c:pt>
                <c:pt idx="496">
                  <c:v>100.976</c:v>
                </c:pt>
                <c:pt idx="497">
                  <c:v>101.069</c:v>
                </c:pt>
                <c:pt idx="498">
                  <c:v>101.202</c:v>
                </c:pt>
                <c:pt idx="499">
                  <c:v>101.73399999999999</c:v>
                </c:pt>
                <c:pt idx="500">
                  <c:v>101.88</c:v>
                </c:pt>
                <c:pt idx="501">
                  <c:v>102.117</c:v>
                </c:pt>
                <c:pt idx="502">
                  <c:v>102.34699999999999</c:v>
                </c:pt>
                <c:pt idx="503">
                  <c:v>102.60899999999999</c:v>
                </c:pt>
                <c:pt idx="504">
                  <c:v>102.806</c:v>
                </c:pt>
                <c:pt idx="505">
                  <c:v>103.27200000000001</c:v>
                </c:pt>
                <c:pt idx="506">
                  <c:v>103.48</c:v>
                </c:pt>
                <c:pt idx="507">
                  <c:v>103.68</c:v>
                </c:pt>
                <c:pt idx="508">
                  <c:v>104.29</c:v>
                </c:pt>
                <c:pt idx="509">
                  <c:v>104.59699999999999</c:v>
                </c:pt>
                <c:pt idx="510">
                  <c:v>104.645</c:v>
                </c:pt>
                <c:pt idx="511">
                  <c:v>104.983</c:v>
                </c:pt>
                <c:pt idx="512">
                  <c:v>105.43300000000001</c:v>
                </c:pt>
                <c:pt idx="513">
                  <c:v>105.67400000000001</c:v>
                </c:pt>
                <c:pt idx="514">
                  <c:v>105.803</c:v>
                </c:pt>
                <c:pt idx="515">
                  <c:v>106.075</c:v>
                </c:pt>
                <c:pt idx="516">
                  <c:v>106.196</c:v>
                </c:pt>
                <c:pt idx="517">
                  <c:v>106.35899999999999</c:v>
                </c:pt>
                <c:pt idx="518">
                  <c:v>106.545</c:v>
                </c:pt>
                <c:pt idx="519">
                  <c:v>107.169</c:v>
                </c:pt>
                <c:pt idx="520">
                  <c:v>107.42700000000001</c:v>
                </c:pt>
                <c:pt idx="521">
                  <c:v>107.52200000000001</c:v>
                </c:pt>
                <c:pt idx="522">
                  <c:v>107.88800000000001</c:v>
                </c:pt>
                <c:pt idx="523">
                  <c:v>108.126</c:v>
                </c:pt>
                <c:pt idx="524">
                  <c:v>108.416</c:v>
                </c:pt>
                <c:pt idx="525">
                  <c:v>108.89</c:v>
                </c:pt>
                <c:pt idx="526">
                  <c:v>109.627</c:v>
                </c:pt>
                <c:pt idx="527">
                  <c:v>110.24299999999999</c:v>
                </c:pt>
                <c:pt idx="528">
                  <c:v>110.19</c:v>
                </c:pt>
                <c:pt idx="529">
                  <c:v>110.208</c:v>
                </c:pt>
                <c:pt idx="530">
                  <c:v>110.285</c:v>
                </c:pt>
                <c:pt idx="531">
                  <c:v>110.22499999999999</c:v>
                </c:pt>
                <c:pt idx="532">
                  <c:v>110.366</c:v>
                </c:pt>
                <c:pt idx="533">
                  <c:v>110.646</c:v>
                </c:pt>
                <c:pt idx="534">
                  <c:v>110.819</c:v>
                </c:pt>
                <c:pt idx="535">
                  <c:v>111.04300000000001</c:v>
                </c:pt>
                <c:pt idx="536">
                  <c:v>111.44</c:v>
                </c:pt>
                <c:pt idx="537">
                  <c:v>111.892</c:v>
                </c:pt>
                <c:pt idx="538">
                  <c:v>112.004</c:v>
                </c:pt>
                <c:pt idx="539">
                  <c:v>112.26600000000001</c:v>
                </c:pt>
                <c:pt idx="540">
                  <c:v>112.495</c:v>
                </c:pt>
                <c:pt idx="541">
                  <c:v>112.76</c:v>
                </c:pt>
                <c:pt idx="542">
                  <c:v>113.148</c:v>
                </c:pt>
                <c:pt idx="543">
                  <c:v>113.69799999999999</c:v>
                </c:pt>
                <c:pt idx="544">
                  <c:v>114.304</c:v>
                </c:pt>
                <c:pt idx="545">
                  <c:v>114.196</c:v>
                </c:pt>
                <c:pt idx="546">
                  <c:v>114.67400000000001</c:v>
                </c:pt>
                <c:pt idx="547">
                  <c:v>114.75700000000001</c:v>
                </c:pt>
                <c:pt idx="548">
                  <c:v>115.139</c:v>
                </c:pt>
                <c:pt idx="549">
                  <c:v>115.446</c:v>
                </c:pt>
                <c:pt idx="550">
                  <c:v>116.005</c:v>
                </c:pt>
                <c:pt idx="551">
                  <c:v>116.261</c:v>
                </c:pt>
                <c:pt idx="552">
                  <c:v>116.447</c:v>
                </c:pt>
                <c:pt idx="553">
                  <c:v>116.54</c:v>
                </c:pt>
                <c:pt idx="554">
                  <c:v>117.05200000000001</c:v>
                </c:pt>
                <c:pt idx="555">
                  <c:v>117.001</c:v>
                </c:pt>
                <c:pt idx="556">
                  <c:v>117.30500000000001</c:v>
                </c:pt>
                <c:pt idx="557">
                  <c:v>117.611</c:v>
                </c:pt>
                <c:pt idx="558">
                  <c:v>117.762</c:v>
                </c:pt>
                <c:pt idx="559">
                  <c:v>118.236</c:v>
                </c:pt>
                <c:pt idx="560">
                  <c:v>118.39100000000001</c:v>
                </c:pt>
                <c:pt idx="561">
                  <c:v>118.464</c:v>
                </c:pt>
                <c:pt idx="562">
                  <c:v>118.93600000000001</c:v>
                </c:pt>
                <c:pt idx="563">
                  <c:v>119.182</c:v>
                </c:pt>
                <c:pt idx="564">
                  <c:v>119.593</c:v>
                </c:pt>
                <c:pt idx="565">
                  <c:v>120.148</c:v>
                </c:pt>
                <c:pt idx="566">
                  <c:v>120.268</c:v>
                </c:pt>
                <c:pt idx="567">
                  <c:v>120.55800000000001</c:v>
                </c:pt>
                <c:pt idx="568">
                  <c:v>120.99</c:v>
                </c:pt>
                <c:pt idx="569">
                  <c:v>121.381</c:v>
                </c:pt>
                <c:pt idx="570">
                  <c:v>121.762</c:v>
                </c:pt>
                <c:pt idx="571">
                  <c:v>121.96599999999999</c:v>
                </c:pt>
                <c:pt idx="572">
                  <c:v>122.143</c:v>
                </c:pt>
                <c:pt idx="573">
                  <c:v>122.554</c:v>
                </c:pt>
                <c:pt idx="574">
                  <c:v>123.01600000000001</c:v>
                </c:pt>
                <c:pt idx="575">
                  <c:v>123.364</c:v>
                </c:pt>
                <c:pt idx="576">
                  <c:v>123.312</c:v>
                </c:pt>
                <c:pt idx="577">
                  <c:v>123.36499999999999</c:v>
                </c:pt>
                <c:pt idx="578">
                  <c:v>123.73699999999999</c:v>
                </c:pt>
                <c:pt idx="579">
                  <c:v>123.911</c:v>
                </c:pt>
                <c:pt idx="580">
                  <c:v>124.25</c:v>
                </c:pt>
                <c:pt idx="581">
                  <c:v>124.721</c:v>
                </c:pt>
                <c:pt idx="582">
                  <c:v>125.05500000000001</c:v>
                </c:pt>
                <c:pt idx="583">
                  <c:v>125.063</c:v>
                </c:pt>
                <c:pt idx="584">
                  <c:v>125.255</c:v>
                </c:pt>
                <c:pt idx="585">
                  <c:v>125.648</c:v>
                </c:pt>
                <c:pt idx="586">
                  <c:v>125.864</c:v>
                </c:pt>
                <c:pt idx="587">
                  <c:v>126.093</c:v>
                </c:pt>
                <c:pt idx="588">
                  <c:v>126.389</c:v>
                </c:pt>
                <c:pt idx="589">
                  <c:v>126.68</c:v>
                </c:pt>
                <c:pt idx="590">
                  <c:v>126.80800000000001</c:v>
                </c:pt>
                <c:pt idx="591">
                  <c:v>127.163</c:v>
                </c:pt>
                <c:pt idx="592">
                  <c:v>127.422</c:v>
                </c:pt>
                <c:pt idx="593">
                  <c:v>127.81</c:v>
                </c:pt>
                <c:pt idx="594">
                  <c:v>128.12799999999999</c:v>
                </c:pt>
                <c:pt idx="595">
                  <c:v>128.547</c:v>
                </c:pt>
                <c:pt idx="596">
                  <c:v>128.62700000000001</c:v>
                </c:pt>
                <c:pt idx="597">
                  <c:v>128.90799999999999</c:v>
                </c:pt>
                <c:pt idx="598">
                  <c:v>129.256</c:v>
                </c:pt>
                <c:pt idx="599">
                  <c:v>129.59100000000001</c:v>
                </c:pt>
                <c:pt idx="600">
                  <c:v>129.91800000000001</c:v>
                </c:pt>
                <c:pt idx="601">
                  <c:v>130.11000000000001</c:v>
                </c:pt>
                <c:pt idx="602">
                  <c:v>130.53700000000001</c:v>
                </c:pt>
                <c:pt idx="603">
                  <c:v>130.79300000000001</c:v>
                </c:pt>
                <c:pt idx="604">
                  <c:v>131.18799999999999</c:v>
                </c:pt>
                <c:pt idx="605">
                  <c:v>131.49600000000001</c:v>
                </c:pt>
                <c:pt idx="606">
                  <c:v>131.864</c:v>
                </c:pt>
                <c:pt idx="607">
                  <c:v>132.43700000000001</c:v>
                </c:pt>
                <c:pt idx="608">
                  <c:v>133.24199999999999</c:v>
                </c:pt>
                <c:pt idx="609">
                  <c:v>133.828</c:v>
                </c:pt>
                <c:pt idx="610">
                  <c:v>133.57</c:v>
                </c:pt>
                <c:pt idx="611">
                  <c:v>133.58099999999999</c:v>
                </c:pt>
                <c:pt idx="612">
                  <c:v>133.84100000000001</c:v>
                </c:pt>
                <c:pt idx="613">
                  <c:v>133.816</c:v>
                </c:pt>
                <c:pt idx="614">
                  <c:v>133.92500000000001</c:v>
                </c:pt>
                <c:pt idx="615">
                  <c:v>134.14699999999999</c:v>
                </c:pt>
                <c:pt idx="616">
                  <c:v>134.53100000000001</c:v>
                </c:pt>
                <c:pt idx="617">
                  <c:v>134.68899999999999</c:v>
                </c:pt>
                <c:pt idx="618">
                  <c:v>135.21199999999999</c:v>
                </c:pt>
                <c:pt idx="619">
                  <c:v>135.357</c:v>
                </c:pt>
                <c:pt idx="620">
                  <c:v>135.68</c:v>
                </c:pt>
                <c:pt idx="621">
                  <c:v>135.869</c:v>
                </c:pt>
                <c:pt idx="622">
                  <c:v>136.27099999999999</c:v>
                </c:pt>
                <c:pt idx="623">
                  <c:v>136.637</c:v>
                </c:pt>
                <c:pt idx="624">
                  <c:v>137.00200000000001</c:v>
                </c:pt>
                <c:pt idx="625">
                  <c:v>137.12</c:v>
                </c:pt>
                <c:pt idx="626">
                  <c:v>137.56100000000001</c:v>
                </c:pt>
                <c:pt idx="627">
                  <c:v>137.916</c:v>
                </c:pt>
                <c:pt idx="628">
                  <c:v>138.63</c:v>
                </c:pt>
                <c:pt idx="629">
                  <c:v>138.88999999999999</c:v>
                </c:pt>
                <c:pt idx="630">
                  <c:v>138.999</c:v>
                </c:pt>
                <c:pt idx="631">
                  <c:v>139.32900000000001</c:v>
                </c:pt>
                <c:pt idx="632">
                  <c:v>139.58099999999999</c:v>
                </c:pt>
                <c:pt idx="633">
                  <c:v>139.864</c:v>
                </c:pt>
                <c:pt idx="634">
                  <c:v>140.251</c:v>
                </c:pt>
                <c:pt idx="635">
                  <c:v>140.708</c:v>
                </c:pt>
                <c:pt idx="636">
                  <c:v>140.71</c:v>
                </c:pt>
                <c:pt idx="637">
                  <c:v>140.78700000000001</c:v>
                </c:pt>
                <c:pt idx="638">
                  <c:v>140.97300000000001</c:v>
                </c:pt>
                <c:pt idx="639">
                  <c:v>141.43299999999999</c:v>
                </c:pt>
                <c:pt idx="640">
                  <c:v>142.251</c:v>
                </c:pt>
                <c:pt idx="641">
                  <c:v>142.374</c:v>
                </c:pt>
                <c:pt idx="642">
                  <c:v>142.84200000000001</c:v>
                </c:pt>
                <c:pt idx="643">
                  <c:v>142.93100000000001</c:v>
                </c:pt>
                <c:pt idx="644">
                  <c:v>143.11600000000001</c:v>
                </c:pt>
                <c:pt idx="645">
                  <c:v>143.46299999999999</c:v>
                </c:pt>
                <c:pt idx="646">
                  <c:v>143.75899999999999</c:v>
                </c:pt>
                <c:pt idx="647">
                  <c:v>144.316</c:v>
                </c:pt>
                <c:pt idx="648">
                  <c:v>144.386</c:v>
                </c:pt>
                <c:pt idx="649">
                  <c:v>144.57300000000001</c:v>
                </c:pt>
                <c:pt idx="650">
                  <c:v>144.84700000000001</c:v>
                </c:pt>
                <c:pt idx="651">
                  <c:v>144.98400000000001</c:v>
                </c:pt>
                <c:pt idx="652">
                  <c:v>145.29599999999999</c:v>
                </c:pt>
                <c:pt idx="653">
                  <c:v>145.81899999999999</c:v>
                </c:pt>
                <c:pt idx="654">
                  <c:v>146.255</c:v>
                </c:pt>
                <c:pt idx="655">
                  <c:v>146.58500000000001</c:v>
                </c:pt>
                <c:pt idx="656">
                  <c:v>146.70099999999999</c:v>
                </c:pt>
                <c:pt idx="657">
                  <c:v>146.87</c:v>
                </c:pt>
                <c:pt idx="658">
                  <c:v>147.28800000000001</c:v>
                </c:pt>
                <c:pt idx="659">
                  <c:v>147.47200000000001</c:v>
                </c:pt>
                <c:pt idx="660">
                  <c:v>147.62299999999999</c:v>
                </c:pt>
                <c:pt idx="661">
                  <c:v>148.298</c:v>
                </c:pt>
                <c:pt idx="662">
                  <c:v>148.52500000000001</c:v>
                </c:pt>
                <c:pt idx="663">
                  <c:v>148.58000000000001</c:v>
                </c:pt>
                <c:pt idx="664">
                  <c:v>148.762</c:v>
                </c:pt>
                <c:pt idx="665">
                  <c:v>149.09399999999999</c:v>
                </c:pt>
                <c:pt idx="666">
                  <c:v>149.44300000000001</c:v>
                </c:pt>
                <c:pt idx="667">
                  <c:v>149.96799999999999</c:v>
                </c:pt>
                <c:pt idx="668">
                  <c:v>150.33199999999999</c:v>
                </c:pt>
                <c:pt idx="669">
                  <c:v>150.32900000000001</c:v>
                </c:pt>
                <c:pt idx="670">
                  <c:v>150.43199999999999</c:v>
                </c:pt>
                <c:pt idx="671">
                  <c:v>150.727</c:v>
                </c:pt>
                <c:pt idx="672">
                  <c:v>150.90299999999999</c:v>
                </c:pt>
                <c:pt idx="673">
                  <c:v>151.44800000000001</c:v>
                </c:pt>
                <c:pt idx="674">
                  <c:v>151.74</c:v>
                </c:pt>
                <c:pt idx="675">
                  <c:v>151.816</c:v>
                </c:pt>
                <c:pt idx="676">
                  <c:v>152.19300000000001</c:v>
                </c:pt>
                <c:pt idx="677">
                  <c:v>152.762</c:v>
                </c:pt>
                <c:pt idx="678">
                  <c:v>153.06100000000001</c:v>
                </c:pt>
                <c:pt idx="679">
                  <c:v>153.255</c:v>
                </c:pt>
                <c:pt idx="680">
                  <c:v>153.679</c:v>
                </c:pt>
                <c:pt idx="681">
                  <c:v>153.90600000000001</c:v>
                </c:pt>
                <c:pt idx="682">
                  <c:v>154.24299999999999</c:v>
                </c:pt>
                <c:pt idx="683">
                  <c:v>154.381</c:v>
                </c:pt>
                <c:pt idx="684">
                  <c:v>154.655</c:v>
                </c:pt>
                <c:pt idx="685">
                  <c:v>155.05099999999999</c:v>
                </c:pt>
                <c:pt idx="686">
                  <c:v>155.31700000000001</c:v>
                </c:pt>
                <c:pt idx="687">
                  <c:v>155.541</c:v>
                </c:pt>
                <c:pt idx="688">
                  <c:v>155.71199999999999</c:v>
                </c:pt>
                <c:pt idx="689">
                  <c:v>156.28399999999999</c:v>
                </c:pt>
                <c:pt idx="690">
                  <c:v>156.94</c:v>
                </c:pt>
                <c:pt idx="691">
                  <c:v>156.95699999999999</c:v>
                </c:pt>
                <c:pt idx="692">
                  <c:v>157.00700000000001</c:v>
                </c:pt>
                <c:pt idx="693">
                  <c:v>157.11600000000001</c:v>
                </c:pt>
                <c:pt idx="694">
                  <c:v>157.541</c:v>
                </c:pt>
                <c:pt idx="695">
                  <c:v>157.57499999999999</c:v>
                </c:pt>
                <c:pt idx="696">
                  <c:v>157.928</c:v>
                </c:pt>
                <c:pt idx="697">
                  <c:v>158.149</c:v>
                </c:pt>
                <c:pt idx="698">
                  <c:v>158.34800000000001</c:v>
                </c:pt>
                <c:pt idx="699">
                  <c:v>158.90299999999999</c:v>
                </c:pt>
                <c:pt idx="700">
                  <c:v>158.988</c:v>
                </c:pt>
                <c:pt idx="701">
                  <c:v>159.476</c:v>
                </c:pt>
                <c:pt idx="702">
                  <c:v>159.83099999999999</c:v>
                </c:pt>
                <c:pt idx="703">
                  <c:v>159.98699999999999</c:v>
                </c:pt>
                <c:pt idx="704">
                  <c:v>160.10900000000001</c:v>
                </c:pt>
                <c:pt idx="705">
                  <c:v>160.57</c:v>
                </c:pt>
                <c:pt idx="706">
                  <c:v>160.90799999999999</c:v>
                </c:pt>
                <c:pt idx="707">
                  <c:v>161.07</c:v>
                </c:pt>
                <c:pt idx="708">
                  <c:v>161.32900000000001</c:v>
                </c:pt>
                <c:pt idx="709">
                  <c:v>161.47300000000001</c:v>
                </c:pt>
                <c:pt idx="710">
                  <c:v>162.03</c:v>
                </c:pt>
                <c:pt idx="711">
                  <c:v>162.59399999999999</c:v>
                </c:pt>
                <c:pt idx="712">
                  <c:v>163.03100000000001</c:v>
                </c:pt>
                <c:pt idx="713">
                  <c:v>163.16200000000001</c:v>
                </c:pt>
                <c:pt idx="714">
                  <c:v>163.42500000000001</c:v>
                </c:pt>
                <c:pt idx="715">
                  <c:v>163.70500000000001</c:v>
                </c:pt>
                <c:pt idx="716">
                  <c:v>164.16900000000001</c:v>
                </c:pt>
                <c:pt idx="717">
                  <c:v>164.21299999999999</c:v>
                </c:pt>
                <c:pt idx="718">
                  <c:v>164.435</c:v>
                </c:pt>
                <c:pt idx="719">
                  <c:v>164.75899999999999</c:v>
                </c:pt>
                <c:pt idx="720">
                  <c:v>164.892</c:v>
                </c:pt>
                <c:pt idx="721">
                  <c:v>165.49299999999999</c:v>
                </c:pt>
                <c:pt idx="722">
                  <c:v>165.89099999999999</c:v>
                </c:pt>
                <c:pt idx="723">
                  <c:v>166.483</c:v>
                </c:pt>
                <c:pt idx="724">
                  <c:v>166.369</c:v>
                </c:pt>
                <c:pt idx="725">
                  <c:v>166.614</c:v>
                </c:pt>
                <c:pt idx="726">
                  <c:v>167.161</c:v>
                </c:pt>
                <c:pt idx="727">
                  <c:v>167.85</c:v>
                </c:pt>
                <c:pt idx="728">
                  <c:v>168.19200000000001</c:v>
                </c:pt>
                <c:pt idx="729">
                  <c:v>168.559</c:v>
                </c:pt>
                <c:pt idx="730">
                  <c:v>168.79300000000001</c:v>
                </c:pt>
                <c:pt idx="731">
                  <c:v>168.76499999999999</c:v>
                </c:pt>
                <c:pt idx="732">
                  <c:v>169.16900000000001</c:v>
                </c:pt>
                <c:pt idx="733">
                  <c:v>169.654</c:v>
                </c:pt>
                <c:pt idx="734">
                  <c:v>169.96799999999999</c:v>
                </c:pt>
                <c:pt idx="735">
                  <c:v>170.143</c:v>
                </c:pt>
                <c:pt idx="736">
                  <c:v>170.40100000000001</c:v>
                </c:pt>
                <c:pt idx="737">
                  <c:v>170.74299999999999</c:v>
                </c:pt>
                <c:pt idx="738">
                  <c:v>170.91200000000001</c:v>
                </c:pt>
                <c:pt idx="739">
                  <c:v>171.339</c:v>
                </c:pt>
                <c:pt idx="740">
                  <c:v>171.601</c:v>
                </c:pt>
                <c:pt idx="741">
                  <c:v>171.87899999999999</c:v>
                </c:pt>
                <c:pt idx="742">
                  <c:v>172.07300000000001</c:v>
                </c:pt>
                <c:pt idx="743">
                  <c:v>172.239</c:v>
                </c:pt>
                <c:pt idx="744">
                  <c:v>172.59899999999999</c:v>
                </c:pt>
                <c:pt idx="745">
                  <c:v>172.98500000000001</c:v>
                </c:pt>
                <c:pt idx="746">
                  <c:v>173.23599999999999</c:v>
                </c:pt>
                <c:pt idx="747">
                  <c:v>173.57499999999999</c:v>
                </c:pt>
                <c:pt idx="748">
                  <c:v>174.054</c:v>
                </c:pt>
                <c:pt idx="749">
                  <c:v>174.179</c:v>
                </c:pt>
                <c:pt idx="750">
                  <c:v>174.554</c:v>
                </c:pt>
                <c:pt idx="751">
                  <c:v>174.74700000000001</c:v>
                </c:pt>
                <c:pt idx="752">
                  <c:v>175.03800000000001</c:v>
                </c:pt>
                <c:pt idx="753">
                  <c:v>175.39500000000001</c:v>
                </c:pt>
                <c:pt idx="754">
                  <c:v>175.59700000000001</c:v>
                </c:pt>
                <c:pt idx="755">
                  <c:v>175.887</c:v>
                </c:pt>
                <c:pt idx="756">
                  <c:v>176.25200000000001</c:v>
                </c:pt>
                <c:pt idx="757">
                  <c:v>176.66</c:v>
                </c:pt>
                <c:pt idx="758">
                  <c:v>176.76900000000001</c:v>
                </c:pt>
                <c:pt idx="759">
                  <c:v>176.91399999999999</c:v>
                </c:pt>
                <c:pt idx="760">
                  <c:v>177.15600000000001</c:v>
                </c:pt>
                <c:pt idx="761">
                  <c:v>177.59299999999999</c:v>
                </c:pt>
                <c:pt idx="762">
                  <c:v>177.97499999999999</c:v>
                </c:pt>
                <c:pt idx="763">
                  <c:v>178.13399999999999</c:v>
                </c:pt>
                <c:pt idx="764">
                  <c:v>178.292</c:v>
                </c:pt>
                <c:pt idx="765">
                  <c:v>178.70500000000001</c:v>
                </c:pt>
                <c:pt idx="766">
                  <c:v>179.184</c:v>
                </c:pt>
                <c:pt idx="767">
                  <c:v>179.614</c:v>
                </c:pt>
                <c:pt idx="768">
                  <c:v>179.58099999999999</c:v>
                </c:pt>
                <c:pt idx="769">
                  <c:v>179.96299999999999</c:v>
                </c:pt>
                <c:pt idx="770">
                  <c:v>180.28899999999999</c:v>
                </c:pt>
                <c:pt idx="771">
                  <c:v>181.11799999999999</c:v>
                </c:pt>
                <c:pt idx="772">
                  <c:v>181.577</c:v>
                </c:pt>
                <c:pt idx="773">
                  <c:v>181.40600000000001</c:v>
                </c:pt>
                <c:pt idx="774">
                  <c:v>181.363</c:v>
                </c:pt>
                <c:pt idx="775">
                  <c:v>181.72</c:v>
                </c:pt>
                <c:pt idx="776">
                  <c:v>181.83600000000001</c:v>
                </c:pt>
                <c:pt idx="777">
                  <c:v>181.97</c:v>
                </c:pt>
                <c:pt idx="778">
                  <c:v>182.22800000000001</c:v>
                </c:pt>
                <c:pt idx="779">
                  <c:v>182.40700000000001</c:v>
                </c:pt>
                <c:pt idx="780">
                  <c:v>182.649</c:v>
                </c:pt>
                <c:pt idx="781">
                  <c:v>182.99799999999999</c:v>
                </c:pt>
                <c:pt idx="782">
                  <c:v>183.61199999999999</c:v>
                </c:pt>
                <c:pt idx="783">
                  <c:v>184.01900000000001</c:v>
                </c:pt>
                <c:pt idx="784">
                  <c:v>184.28200000000001</c:v>
                </c:pt>
                <c:pt idx="785">
                  <c:v>184.40199999999999</c:v>
                </c:pt>
                <c:pt idx="786">
                  <c:v>184.54599999999999</c:v>
                </c:pt>
                <c:pt idx="787">
                  <c:v>185.148</c:v>
                </c:pt>
                <c:pt idx="788">
                  <c:v>185.37</c:v>
                </c:pt>
                <c:pt idx="789">
                  <c:v>185.67699999999999</c:v>
                </c:pt>
                <c:pt idx="790">
                  <c:v>185.786</c:v>
                </c:pt>
                <c:pt idx="791">
                  <c:v>186.19800000000001</c:v>
                </c:pt>
                <c:pt idx="792">
                  <c:v>186.57</c:v>
                </c:pt>
                <c:pt idx="793">
                  <c:v>186.863</c:v>
                </c:pt>
                <c:pt idx="794">
                  <c:v>187.16300000000001</c:v>
                </c:pt>
                <c:pt idx="795">
                  <c:v>187.41</c:v>
                </c:pt>
                <c:pt idx="796">
                  <c:v>187.74799999999999</c:v>
                </c:pt>
                <c:pt idx="797">
                  <c:v>188.02099999999999</c:v>
                </c:pt>
                <c:pt idx="798">
                  <c:v>188.04599999999999</c:v>
                </c:pt>
                <c:pt idx="799">
                  <c:v>188.45099999999999</c:v>
                </c:pt>
                <c:pt idx="800">
                  <c:v>188.786</c:v>
                </c:pt>
                <c:pt idx="801">
                  <c:v>189.071</c:v>
                </c:pt>
                <c:pt idx="802">
                  <c:v>189.22499999999999</c:v>
                </c:pt>
                <c:pt idx="803">
                  <c:v>189.73400000000001</c:v>
                </c:pt>
                <c:pt idx="804">
                  <c:v>190.40100000000001</c:v>
                </c:pt>
                <c:pt idx="805">
                  <c:v>190.9</c:v>
                </c:pt>
                <c:pt idx="806">
                  <c:v>191.126</c:v>
                </c:pt>
                <c:pt idx="807">
                  <c:v>191.58799999999999</c:v>
                </c:pt>
                <c:pt idx="808">
                  <c:v>191.62</c:v>
                </c:pt>
                <c:pt idx="809">
                  <c:v>191.989</c:v>
                </c:pt>
                <c:pt idx="810">
                  <c:v>192.32</c:v>
                </c:pt>
                <c:pt idx="811">
                  <c:v>192.309</c:v>
                </c:pt>
                <c:pt idx="812">
                  <c:v>192.61699999999999</c:v>
                </c:pt>
                <c:pt idx="813">
                  <c:v>192.654</c:v>
                </c:pt>
                <c:pt idx="814">
                  <c:v>193.364</c:v>
                </c:pt>
                <c:pt idx="815">
                  <c:v>193.953</c:v>
                </c:pt>
                <c:pt idx="816">
                  <c:v>194.369</c:v>
                </c:pt>
                <c:pt idx="817">
                  <c:v>194.46</c:v>
                </c:pt>
                <c:pt idx="818">
                  <c:v>194.73400000000001</c:v>
                </c:pt>
                <c:pt idx="819">
                  <c:v>194.98500000000001</c:v>
                </c:pt>
                <c:pt idx="820">
                  <c:v>195.30699999999999</c:v>
                </c:pt>
                <c:pt idx="821">
                  <c:v>195.42500000000001</c:v>
                </c:pt>
                <c:pt idx="822">
                  <c:v>195.839</c:v>
                </c:pt>
                <c:pt idx="823">
                  <c:v>196.13399999999999</c:v>
                </c:pt>
                <c:pt idx="824">
                  <c:v>196.47900000000001</c:v>
                </c:pt>
                <c:pt idx="825">
                  <c:v>196.608</c:v>
                </c:pt>
                <c:pt idx="826">
                  <c:v>197.078</c:v>
                </c:pt>
                <c:pt idx="827">
                  <c:v>197.315</c:v>
                </c:pt>
                <c:pt idx="828">
                  <c:v>197.36099999999999</c:v>
                </c:pt>
                <c:pt idx="829">
                  <c:v>197.495</c:v>
                </c:pt>
                <c:pt idx="830">
                  <c:v>197.65799999999999</c:v>
                </c:pt>
                <c:pt idx="831">
                  <c:v>198.05699999999999</c:v>
                </c:pt>
                <c:pt idx="832">
                  <c:v>198.58500000000001</c:v>
                </c:pt>
                <c:pt idx="833">
                  <c:v>198.755</c:v>
                </c:pt>
                <c:pt idx="834">
                  <c:v>198.857</c:v>
                </c:pt>
                <c:pt idx="835">
                  <c:v>199.16</c:v>
                </c:pt>
                <c:pt idx="836">
                  <c:v>199.47499999999999</c:v>
                </c:pt>
                <c:pt idx="837">
                  <c:v>199.714</c:v>
                </c:pt>
                <c:pt idx="838">
                  <c:v>199.86</c:v>
                </c:pt>
                <c:pt idx="839">
                  <c:v>200.28399999999999</c:v>
                </c:pt>
                <c:pt idx="840">
                  <c:v>200.524</c:v>
                </c:pt>
                <c:pt idx="841">
                  <c:v>200.79900000000001</c:v>
                </c:pt>
                <c:pt idx="842">
                  <c:v>201.36600000000001</c:v>
                </c:pt>
                <c:pt idx="843">
                  <c:v>201.739</c:v>
                </c:pt>
                <c:pt idx="844">
                  <c:v>201.81200000000001</c:v>
                </c:pt>
                <c:pt idx="845">
                  <c:v>201.958</c:v>
                </c:pt>
                <c:pt idx="846">
                  <c:v>202.25299999999999</c:v>
                </c:pt>
                <c:pt idx="847">
                  <c:v>202.47499999999999</c:v>
                </c:pt>
                <c:pt idx="848">
                  <c:v>202.899</c:v>
                </c:pt>
                <c:pt idx="849">
                  <c:v>202.989</c:v>
                </c:pt>
                <c:pt idx="850">
                  <c:v>203.10499999999999</c:v>
                </c:pt>
                <c:pt idx="851">
                  <c:v>203.453</c:v>
                </c:pt>
                <c:pt idx="852">
                  <c:v>204.11500000000001</c:v>
                </c:pt>
                <c:pt idx="853">
                  <c:v>204.697</c:v>
                </c:pt>
                <c:pt idx="854">
                  <c:v>205.22900000000001</c:v>
                </c:pt>
                <c:pt idx="855">
                  <c:v>205.02099999999999</c:v>
                </c:pt>
                <c:pt idx="856">
                  <c:v>205.279</c:v>
                </c:pt>
                <c:pt idx="857">
                  <c:v>205.12</c:v>
                </c:pt>
                <c:pt idx="858">
                  <c:v>205.273</c:v>
                </c:pt>
                <c:pt idx="859">
                  <c:v>205.453</c:v>
                </c:pt>
                <c:pt idx="860">
                  <c:v>205.84200000000001</c:v>
                </c:pt>
                <c:pt idx="861">
                  <c:v>206.07599999999999</c:v>
                </c:pt>
                <c:pt idx="862">
                  <c:v>206.48699999999999</c:v>
                </c:pt>
                <c:pt idx="863">
                  <c:v>206.804</c:v>
                </c:pt>
                <c:pt idx="864">
                  <c:v>207.13300000000001</c:v>
                </c:pt>
                <c:pt idx="865">
                  <c:v>207.11199999999999</c:v>
                </c:pt>
                <c:pt idx="866">
                  <c:v>207.35400000000001</c:v>
                </c:pt>
                <c:pt idx="867">
                  <c:v>207.87200000000001</c:v>
                </c:pt>
                <c:pt idx="868">
                  <c:v>208.06899999999999</c:v>
                </c:pt>
                <c:pt idx="869">
                  <c:v>208.34700000000001</c:v>
                </c:pt>
                <c:pt idx="870">
                  <c:v>208.447</c:v>
                </c:pt>
                <c:pt idx="871">
                  <c:v>208.976</c:v>
                </c:pt>
                <c:pt idx="872">
                  <c:v>209.08600000000001</c:v>
                </c:pt>
                <c:pt idx="873">
                  <c:v>209.4</c:v>
                </c:pt>
                <c:pt idx="874">
                  <c:v>209.68299999999999</c:v>
                </c:pt>
                <c:pt idx="875">
                  <c:v>209.9</c:v>
                </c:pt>
                <c:pt idx="876">
                  <c:v>210.245</c:v>
                </c:pt>
                <c:pt idx="877">
                  <c:v>210.41499999999999</c:v>
                </c:pt>
                <c:pt idx="878">
                  <c:v>210.63300000000001</c:v>
                </c:pt>
                <c:pt idx="879">
                  <c:v>211.024</c:v>
                </c:pt>
                <c:pt idx="880">
                  <c:v>211.19800000000001</c:v>
                </c:pt>
                <c:pt idx="881">
                  <c:v>211.3</c:v>
                </c:pt>
                <c:pt idx="882">
                  <c:v>211.655</c:v>
                </c:pt>
                <c:pt idx="883">
                  <c:v>211.88300000000001</c:v>
                </c:pt>
                <c:pt idx="884">
                  <c:v>212.21</c:v>
                </c:pt>
                <c:pt idx="885">
                  <c:v>212.62700000000001</c:v>
                </c:pt>
                <c:pt idx="886">
                  <c:v>212.666</c:v>
                </c:pt>
                <c:pt idx="887">
                  <c:v>212.923</c:v>
                </c:pt>
                <c:pt idx="888">
                  <c:v>213.07300000000001</c:v>
                </c:pt>
                <c:pt idx="889">
                  <c:v>213.68899999999999</c:v>
                </c:pt>
                <c:pt idx="890">
                  <c:v>214.178</c:v>
                </c:pt>
                <c:pt idx="891">
                  <c:v>214.60400000000001</c:v>
                </c:pt>
                <c:pt idx="892">
                  <c:v>214.26599999999999</c:v>
                </c:pt>
                <c:pt idx="893">
                  <c:v>214.44399999999999</c:v>
                </c:pt>
                <c:pt idx="894">
                  <c:v>214.685</c:v>
                </c:pt>
                <c:pt idx="895">
                  <c:v>214.96600000000001</c:v>
                </c:pt>
                <c:pt idx="896">
                  <c:v>215.197</c:v>
                </c:pt>
                <c:pt idx="897">
                  <c:v>215.65</c:v>
                </c:pt>
                <c:pt idx="898">
                  <c:v>215.98500000000001</c:v>
                </c:pt>
                <c:pt idx="899">
                  <c:v>216.21700000000001</c:v>
                </c:pt>
                <c:pt idx="900">
                  <c:v>216.57499999999999</c:v>
                </c:pt>
                <c:pt idx="901">
                  <c:v>217.00800000000001</c:v>
                </c:pt>
                <c:pt idx="902">
                  <c:v>217.20599999999999</c:v>
                </c:pt>
                <c:pt idx="903">
                  <c:v>217.48</c:v>
                </c:pt>
                <c:pt idx="904">
                  <c:v>217.85400000000001</c:v>
                </c:pt>
                <c:pt idx="905">
                  <c:v>217.95400000000001</c:v>
                </c:pt>
                <c:pt idx="906">
                  <c:v>218.24299999999999</c:v>
                </c:pt>
                <c:pt idx="907">
                  <c:v>218.672</c:v>
                </c:pt>
                <c:pt idx="908">
                  <c:v>218.643</c:v>
                </c:pt>
                <c:pt idx="909">
                  <c:v>218.953</c:v>
                </c:pt>
                <c:pt idx="910">
                  <c:v>219.21199999999999</c:v>
                </c:pt>
                <c:pt idx="911">
                  <c:v>219.53800000000001</c:v>
                </c:pt>
                <c:pt idx="912">
                  <c:v>219.815</c:v>
                </c:pt>
                <c:pt idx="913">
                  <c:v>220.13800000000001</c:v>
                </c:pt>
                <c:pt idx="914">
                  <c:v>220.38800000000001</c:v>
                </c:pt>
                <c:pt idx="915">
                  <c:v>220.90600000000001</c:v>
                </c:pt>
                <c:pt idx="916">
                  <c:v>221.16</c:v>
                </c:pt>
                <c:pt idx="917">
                  <c:v>221.50800000000001</c:v>
                </c:pt>
                <c:pt idx="918">
                  <c:v>221.78800000000001</c:v>
                </c:pt>
                <c:pt idx="919">
                  <c:v>222.334</c:v>
                </c:pt>
                <c:pt idx="920">
                  <c:v>222.23699999999999</c:v>
                </c:pt>
                <c:pt idx="921">
                  <c:v>222.10400000000001</c:v>
                </c:pt>
                <c:pt idx="922">
                  <c:v>222.423</c:v>
                </c:pt>
                <c:pt idx="923">
                  <c:v>222.63499999999999</c:v>
                </c:pt>
                <c:pt idx="924">
                  <c:v>222.87200000000001</c:v>
                </c:pt>
                <c:pt idx="925">
                  <c:v>223.12299999999999</c:v>
                </c:pt>
                <c:pt idx="926">
                  <c:v>223.69</c:v>
                </c:pt>
                <c:pt idx="927">
                  <c:v>224.035</c:v>
                </c:pt>
                <c:pt idx="928">
                  <c:v>224.535</c:v>
                </c:pt>
                <c:pt idx="929">
                  <c:v>224.55799999999999</c:v>
                </c:pt>
                <c:pt idx="930">
                  <c:v>224.673</c:v>
                </c:pt>
                <c:pt idx="931">
                  <c:v>225.05199999999999</c:v>
                </c:pt>
                <c:pt idx="932">
                  <c:v>225.14599999999999</c:v>
                </c:pt>
                <c:pt idx="933">
                  <c:v>225.46299999999999</c:v>
                </c:pt>
                <c:pt idx="934">
                  <c:v>225.97399999999999</c:v>
                </c:pt>
                <c:pt idx="935">
                  <c:v>226.53200000000001</c:v>
                </c:pt>
                <c:pt idx="936">
                  <c:v>226.44200000000001</c:v>
                </c:pt>
                <c:pt idx="937">
                  <c:v>226.58699999999999</c:v>
                </c:pt>
                <c:pt idx="938">
                  <c:v>226.89</c:v>
                </c:pt>
                <c:pt idx="939">
                  <c:v>226.917</c:v>
                </c:pt>
                <c:pt idx="940">
                  <c:v>227.15</c:v>
                </c:pt>
                <c:pt idx="941">
                  <c:v>227.21700000000001</c:v>
                </c:pt>
                <c:pt idx="942">
                  <c:v>227.44200000000001</c:v>
                </c:pt>
                <c:pt idx="943">
                  <c:v>227.76599999999999</c:v>
                </c:pt>
                <c:pt idx="944">
                  <c:v>227.97200000000001</c:v>
                </c:pt>
                <c:pt idx="945">
                  <c:v>228.12799999999999</c:v>
                </c:pt>
                <c:pt idx="946">
                  <c:v>228.59899999999999</c:v>
                </c:pt>
                <c:pt idx="947">
                  <c:v>229.22300000000001</c:v>
                </c:pt>
                <c:pt idx="948">
                  <c:v>229.43700000000001</c:v>
                </c:pt>
                <c:pt idx="949">
                  <c:v>229.83099999999999</c:v>
                </c:pt>
                <c:pt idx="950">
                  <c:v>230.048</c:v>
                </c:pt>
                <c:pt idx="951">
                  <c:v>229.83199999999999</c:v>
                </c:pt>
                <c:pt idx="952">
                  <c:v>229.851</c:v>
                </c:pt>
                <c:pt idx="953">
                  <c:v>230.05699999999999</c:v>
                </c:pt>
                <c:pt idx="954">
                  <c:v>230.685</c:v>
                </c:pt>
                <c:pt idx="955">
                  <c:v>230.99100000000001</c:v>
                </c:pt>
                <c:pt idx="956">
                  <c:v>231.619</c:v>
                </c:pt>
                <c:pt idx="957">
                  <c:v>231.86500000000001</c:v>
                </c:pt>
                <c:pt idx="958">
                  <c:v>232.19</c:v>
                </c:pt>
                <c:pt idx="959">
                  <c:v>232.209</c:v>
                </c:pt>
                <c:pt idx="960">
                  <c:v>232.37700000000001</c:v>
                </c:pt>
                <c:pt idx="961">
                  <c:v>232.52600000000001</c:v>
                </c:pt>
                <c:pt idx="962">
                  <c:v>232.64599999999999</c:v>
                </c:pt>
                <c:pt idx="963">
                  <c:v>233.03800000000001</c:v>
                </c:pt>
                <c:pt idx="964">
                  <c:v>233.351</c:v>
                </c:pt>
                <c:pt idx="965">
                  <c:v>233.898</c:v>
                </c:pt>
                <c:pt idx="966">
                  <c:v>233.89099999999999</c:v>
                </c:pt>
                <c:pt idx="967">
                  <c:v>234.28200000000001</c:v>
                </c:pt>
                <c:pt idx="968">
                  <c:v>234.67699999999999</c:v>
                </c:pt>
                <c:pt idx="969">
                  <c:v>234.96299999999999</c:v>
                </c:pt>
                <c:pt idx="970">
                  <c:v>235.15600000000001</c:v>
                </c:pt>
                <c:pt idx="971">
                  <c:v>235.53800000000001</c:v>
                </c:pt>
                <c:pt idx="972">
                  <c:v>235.613</c:v>
                </c:pt>
                <c:pt idx="973">
                  <c:v>235.85900000000001</c:v>
                </c:pt>
                <c:pt idx="974">
                  <c:v>236.309</c:v>
                </c:pt>
                <c:pt idx="975">
                  <c:v>236.71600000000001</c:v>
                </c:pt>
                <c:pt idx="976">
                  <c:v>236.92099999999999</c:v>
                </c:pt>
                <c:pt idx="977">
                  <c:v>237.17099999999999</c:v>
                </c:pt>
                <c:pt idx="978">
                  <c:v>237.35900000000001</c:v>
                </c:pt>
                <c:pt idx="979">
                  <c:v>237.52600000000001</c:v>
                </c:pt>
                <c:pt idx="980">
                  <c:v>237.68</c:v>
                </c:pt>
                <c:pt idx="981">
                  <c:v>237.864</c:v>
                </c:pt>
                <c:pt idx="982">
                  <c:v>238.44200000000001</c:v>
                </c:pt>
                <c:pt idx="983">
                  <c:v>238.77</c:v>
                </c:pt>
                <c:pt idx="984">
                  <c:v>239.10900000000001</c:v>
                </c:pt>
                <c:pt idx="985">
                  <c:v>239.26</c:v>
                </c:pt>
                <c:pt idx="986">
                  <c:v>239.72</c:v>
                </c:pt>
                <c:pt idx="987">
                  <c:v>239.97800000000001</c:v>
                </c:pt>
                <c:pt idx="988">
                  <c:v>240.208</c:v>
                </c:pt>
                <c:pt idx="989">
                  <c:v>240.62200000000001</c:v>
                </c:pt>
                <c:pt idx="990">
                  <c:v>240.672</c:v>
                </c:pt>
                <c:pt idx="991">
                  <c:v>240.93100000000001</c:v>
                </c:pt>
                <c:pt idx="992">
                  <c:v>241.12799999999999</c:v>
                </c:pt>
                <c:pt idx="993">
                  <c:v>241.5</c:v>
                </c:pt>
                <c:pt idx="994">
                  <c:v>241.94200000000001</c:v>
                </c:pt>
                <c:pt idx="995">
                  <c:v>242.10400000000001</c:v>
                </c:pt>
                <c:pt idx="996">
                  <c:v>242.364</c:v>
                </c:pt>
                <c:pt idx="997">
                  <c:v>242.58799999999999</c:v>
                </c:pt>
                <c:pt idx="998">
                  <c:v>242.83</c:v>
                </c:pt>
                <c:pt idx="999">
                  <c:v>243.125</c:v>
                </c:pt>
                <c:pt idx="1000">
                  <c:v>243.399</c:v>
                </c:pt>
                <c:pt idx="1001">
                  <c:v>243.345</c:v>
                </c:pt>
                <c:pt idx="1002">
                  <c:v>243.464</c:v>
                </c:pt>
                <c:pt idx="1003">
                  <c:v>243.679</c:v>
                </c:pt>
                <c:pt idx="1004">
                  <c:v>243.93899999999999</c:v>
                </c:pt>
                <c:pt idx="1005">
                  <c:v>244.078</c:v>
                </c:pt>
                <c:pt idx="1006">
                  <c:v>244.54400000000001</c:v>
                </c:pt>
                <c:pt idx="1007">
                  <c:v>244.68799999999999</c:v>
                </c:pt>
                <c:pt idx="1008">
                  <c:v>244.9</c:v>
                </c:pt>
                <c:pt idx="1009">
                  <c:v>245.45500000000001</c:v>
                </c:pt>
                <c:pt idx="1010">
                  <c:v>245.78899999999999</c:v>
                </c:pt>
                <c:pt idx="1011">
                  <c:v>246.023</c:v>
                </c:pt>
                <c:pt idx="1012">
                  <c:v>246.36099999999999</c:v>
                </c:pt>
                <c:pt idx="1013">
                  <c:v>246.67099999999999</c:v>
                </c:pt>
                <c:pt idx="1014">
                  <c:v>246.833</c:v>
                </c:pt>
                <c:pt idx="1015">
                  <c:v>247.44399999999999</c:v>
                </c:pt>
                <c:pt idx="1016">
                  <c:v>248.00899999999999</c:v>
                </c:pt>
                <c:pt idx="1017">
                  <c:v>248.267</c:v>
                </c:pt>
                <c:pt idx="1018">
                  <c:v>248.16</c:v>
                </c:pt>
                <c:pt idx="1019">
                  <c:v>248.62299999999999</c:v>
                </c:pt>
                <c:pt idx="1020">
                  <c:v>248.56200000000001</c:v>
                </c:pt>
                <c:pt idx="1021">
                  <c:v>248.667</c:v>
                </c:pt>
                <c:pt idx="1022">
                  <c:v>248.88200000000001</c:v>
                </c:pt>
                <c:pt idx="1023">
                  <c:v>249.13300000000001</c:v>
                </c:pt>
                <c:pt idx="1024">
                  <c:v>249.191</c:v>
                </c:pt>
                <c:pt idx="1025">
                  <c:v>249.601</c:v>
                </c:pt>
                <c:pt idx="1026">
                  <c:v>249.964</c:v>
                </c:pt>
                <c:pt idx="1027">
                  <c:v>250.238</c:v>
                </c:pt>
                <c:pt idx="1028">
                  <c:v>250.148</c:v>
                </c:pt>
                <c:pt idx="1029">
                  <c:v>250.54400000000001</c:v>
                </c:pt>
                <c:pt idx="1030">
                  <c:v>250.85300000000001</c:v>
                </c:pt>
                <c:pt idx="1031">
                  <c:v>250.94200000000001</c:v>
                </c:pt>
                <c:pt idx="1032">
                  <c:v>251.358</c:v>
                </c:pt>
                <c:pt idx="1033">
                  <c:v>251.69399999999999</c:v>
                </c:pt>
                <c:pt idx="1034">
                  <c:v>252.08199999999999</c:v>
                </c:pt>
                <c:pt idx="1035">
                  <c:v>252.46899999999999</c:v>
                </c:pt>
                <c:pt idx="1036">
                  <c:v>252.846</c:v>
                </c:pt>
                <c:pt idx="1037">
                  <c:v>253.22900000000001</c:v>
                </c:pt>
                <c:pt idx="1038">
                  <c:v>253.26300000000001</c:v>
                </c:pt>
                <c:pt idx="1039">
                  <c:v>253.50299999999999</c:v>
                </c:pt>
                <c:pt idx="1040">
                  <c:v>253.55</c:v>
                </c:pt>
                <c:pt idx="1041">
                  <c:v>253.80500000000001</c:v>
                </c:pt>
                <c:pt idx="1042">
                  <c:v>254.17500000000001</c:v>
                </c:pt>
                <c:pt idx="1043">
                  <c:v>254.27</c:v>
                </c:pt>
                <c:pt idx="1044">
                  <c:v>254.501</c:v>
                </c:pt>
                <c:pt idx="1045">
                  <c:v>254.74799999999999</c:v>
                </c:pt>
                <c:pt idx="1046">
                  <c:v>254.88800000000001</c:v>
                </c:pt>
                <c:pt idx="1047">
                  <c:v>255.20699999999999</c:v>
                </c:pt>
                <c:pt idx="1048">
                  <c:v>255.69</c:v>
                </c:pt>
                <c:pt idx="1049">
                  <c:v>255.90899999999999</c:v>
                </c:pt>
                <c:pt idx="1050">
                  <c:v>256.24799999999999</c:v>
                </c:pt>
                <c:pt idx="1051">
                  <c:v>256.64400000000001</c:v>
                </c:pt>
                <c:pt idx="1052">
                  <c:v>256.69600000000003</c:v>
                </c:pt>
                <c:pt idx="1053">
                  <c:v>256.976</c:v>
                </c:pt>
                <c:pt idx="1054">
                  <c:v>257.63600000000002</c:v>
                </c:pt>
                <c:pt idx="1055">
                  <c:v>257.77</c:v>
                </c:pt>
                <c:pt idx="1056">
                  <c:v>258.154</c:v>
                </c:pt>
                <c:pt idx="1057">
                  <c:v>258.512</c:v>
                </c:pt>
                <c:pt idx="1058">
                  <c:v>258.548</c:v>
                </c:pt>
                <c:pt idx="1059">
                  <c:v>258.93900000000002</c:v>
                </c:pt>
                <c:pt idx="1060">
                  <c:v>259.57299999999998</c:v>
                </c:pt>
                <c:pt idx="1061">
                  <c:v>259.79199999999997</c:v>
                </c:pt>
                <c:pt idx="1062">
                  <c:v>259.79899999999998</c:v>
                </c:pt>
                <c:pt idx="1063">
                  <c:v>260.01600000000002</c:v>
                </c:pt>
                <c:pt idx="1064">
                  <c:v>260.24799999999999</c:v>
                </c:pt>
                <c:pt idx="1065">
                  <c:v>260.505</c:v>
                </c:pt>
                <c:pt idx="1066">
                  <c:v>260.73599999999999</c:v>
                </c:pt>
                <c:pt idx="1067">
                  <c:v>260.99299999999999</c:v>
                </c:pt>
                <c:pt idx="1068">
                  <c:v>261.37599999999998</c:v>
                </c:pt>
                <c:pt idx="1069">
                  <c:v>261.62400000000002</c:v>
                </c:pt>
                <c:pt idx="1070">
                  <c:v>262.08499999999998</c:v>
                </c:pt>
                <c:pt idx="1071">
                  <c:v>262.36500000000001</c:v>
                </c:pt>
                <c:pt idx="1072">
                  <c:v>262.584</c:v>
                </c:pt>
                <c:pt idx="1073">
                  <c:v>262.82600000000002</c:v>
                </c:pt>
                <c:pt idx="1074">
                  <c:v>262.99799999999999</c:v>
                </c:pt>
                <c:pt idx="1075">
                  <c:v>263.19900000000001</c:v>
                </c:pt>
                <c:pt idx="1076">
                  <c:v>263.62700000000001</c:v>
                </c:pt>
                <c:pt idx="1077">
                  <c:v>263.62099999999998</c:v>
                </c:pt>
                <c:pt idx="1078">
                  <c:v>263.88499999999999</c:v>
                </c:pt>
                <c:pt idx="1079">
                  <c:v>264.27100000000002</c:v>
                </c:pt>
                <c:pt idx="1080">
                  <c:v>264.762</c:v>
                </c:pt>
                <c:pt idx="1081">
                  <c:v>265.42700000000002</c:v>
                </c:pt>
                <c:pt idx="1082">
                  <c:v>265.63799999999998</c:v>
                </c:pt>
                <c:pt idx="1083">
                  <c:v>265.60000000000002</c:v>
                </c:pt>
                <c:pt idx="1084">
                  <c:v>265.83300000000003</c:v>
                </c:pt>
                <c:pt idx="1085">
                  <c:v>266.096</c:v>
                </c:pt>
                <c:pt idx="1086">
                  <c:v>266.11500000000001</c:v>
                </c:pt>
                <c:pt idx="1087">
                  <c:v>266.39600000000002</c:v>
                </c:pt>
                <c:pt idx="1088">
                  <c:v>266.64299999999997</c:v>
                </c:pt>
                <c:pt idx="1089">
                  <c:v>267.06</c:v>
                </c:pt>
                <c:pt idx="1090">
                  <c:v>267.065</c:v>
                </c:pt>
                <c:pt idx="1091">
                  <c:v>267.11799999999999</c:v>
                </c:pt>
                <c:pt idx="1092">
                  <c:v>267.23</c:v>
                </c:pt>
                <c:pt idx="1093">
                  <c:v>267.68700000000001</c:v>
                </c:pt>
                <c:pt idx="1094">
                  <c:v>268.12299999999999</c:v>
                </c:pt>
                <c:pt idx="1095">
                  <c:v>268.30200000000002</c:v>
                </c:pt>
                <c:pt idx="1096">
                  <c:v>268.35000000000002</c:v>
                </c:pt>
                <c:pt idx="1097">
                  <c:v>268.94600000000003</c:v>
                </c:pt>
                <c:pt idx="1098">
                  <c:v>269.45800000000003</c:v>
                </c:pt>
                <c:pt idx="1099">
                  <c:v>269.68400000000003</c:v>
                </c:pt>
                <c:pt idx="1100">
                  <c:v>269.71100000000001</c:v>
                </c:pt>
                <c:pt idx="1101">
                  <c:v>269.755</c:v>
                </c:pt>
                <c:pt idx="1102">
                  <c:v>270.16199999999998</c:v>
                </c:pt>
                <c:pt idx="1103">
                  <c:v>270.35399999999998</c:v>
                </c:pt>
                <c:pt idx="1104">
                  <c:v>270.38</c:v>
                </c:pt>
                <c:pt idx="1105">
                  <c:v>270.72399999999999</c:v>
                </c:pt>
                <c:pt idx="1106">
                  <c:v>270.911</c:v>
                </c:pt>
                <c:pt idx="1107">
                  <c:v>271.041</c:v>
                </c:pt>
                <c:pt idx="1108">
                  <c:v>271.18400000000003</c:v>
                </c:pt>
                <c:pt idx="1109">
                  <c:v>271.35000000000002</c:v>
                </c:pt>
                <c:pt idx="1110">
                  <c:v>271.55900000000003</c:v>
                </c:pt>
                <c:pt idx="1111">
                  <c:v>272.02100000000002</c:v>
                </c:pt>
                <c:pt idx="1112">
                  <c:v>272.60500000000002</c:v>
                </c:pt>
                <c:pt idx="1113">
                  <c:v>272.91899999999998</c:v>
                </c:pt>
                <c:pt idx="1114">
                  <c:v>273.09500000000003</c:v>
                </c:pt>
                <c:pt idx="1115">
                  <c:v>273.26100000000002</c:v>
                </c:pt>
                <c:pt idx="1116">
                  <c:v>273.74599999999998</c:v>
                </c:pt>
                <c:pt idx="1117">
                  <c:v>273.84100000000001</c:v>
                </c:pt>
                <c:pt idx="1118">
                  <c:v>274.09300000000002</c:v>
                </c:pt>
                <c:pt idx="1119">
                  <c:v>274.447</c:v>
                </c:pt>
                <c:pt idx="1120">
                  <c:v>274.70400000000001</c:v>
                </c:pt>
                <c:pt idx="1121">
                  <c:v>274.77800000000002</c:v>
                </c:pt>
                <c:pt idx="1122">
                  <c:v>275.34100000000001</c:v>
                </c:pt>
                <c:pt idx="1123">
                  <c:v>275.68599999999998</c:v>
                </c:pt>
                <c:pt idx="1124">
                  <c:v>275.995</c:v>
                </c:pt>
                <c:pt idx="1125">
                  <c:v>276.05900000000003</c:v>
                </c:pt>
                <c:pt idx="1126">
                  <c:v>276.40600000000001</c:v>
                </c:pt>
                <c:pt idx="1127">
                  <c:v>276.64499999999998</c:v>
                </c:pt>
                <c:pt idx="1128">
                  <c:v>276.94600000000003</c:v>
                </c:pt>
                <c:pt idx="1129">
                  <c:v>277.375</c:v>
                </c:pt>
                <c:pt idx="1130">
                  <c:v>277.61900000000003</c:v>
                </c:pt>
                <c:pt idx="1131">
                  <c:v>277.73899999999998</c:v>
                </c:pt>
                <c:pt idx="1132">
                  <c:v>277.95400000000001</c:v>
                </c:pt>
                <c:pt idx="1133">
                  <c:v>278.33600000000001</c:v>
                </c:pt>
                <c:pt idx="1134">
                  <c:v>278.83999999999997</c:v>
                </c:pt>
                <c:pt idx="1135">
                  <c:v>279.24799999999999</c:v>
                </c:pt>
                <c:pt idx="1136">
                  <c:v>279.58300000000003</c:v>
                </c:pt>
                <c:pt idx="1137">
                  <c:v>279.77199999999999</c:v>
                </c:pt>
                <c:pt idx="1138">
                  <c:v>279.82600000000002</c:v>
                </c:pt>
                <c:pt idx="1139">
                  <c:v>280.44400000000002</c:v>
                </c:pt>
                <c:pt idx="1140">
                  <c:v>280.72300000000001</c:v>
                </c:pt>
                <c:pt idx="1141">
                  <c:v>280.77199999999999</c:v>
                </c:pt>
                <c:pt idx="1142">
                  <c:v>280.892</c:v>
                </c:pt>
                <c:pt idx="1143">
                  <c:v>281.36200000000002</c:v>
                </c:pt>
                <c:pt idx="1144">
                  <c:v>281.51600000000002</c:v>
                </c:pt>
                <c:pt idx="1145">
                  <c:v>281.56099999999998</c:v>
                </c:pt>
                <c:pt idx="1146">
                  <c:v>281.72699999999998</c:v>
                </c:pt>
                <c:pt idx="1147">
                  <c:v>282.09300000000002</c:v>
                </c:pt>
                <c:pt idx="1148">
                  <c:v>282.72800000000001</c:v>
                </c:pt>
                <c:pt idx="1149">
                  <c:v>282.94200000000001</c:v>
                </c:pt>
                <c:pt idx="1150">
                  <c:v>283.06</c:v>
                </c:pt>
                <c:pt idx="1151">
                  <c:v>283.51799999999997</c:v>
                </c:pt>
                <c:pt idx="1152">
                  <c:v>283.60500000000002</c:v>
                </c:pt>
                <c:pt idx="1153">
                  <c:v>283.935</c:v>
                </c:pt>
                <c:pt idx="1154">
                  <c:v>284.166</c:v>
                </c:pt>
                <c:pt idx="1155">
                  <c:v>284.30900000000003</c:v>
                </c:pt>
                <c:pt idx="1156">
                  <c:v>284.471</c:v>
                </c:pt>
                <c:pt idx="1157">
                  <c:v>284.78300000000002</c:v>
                </c:pt>
                <c:pt idx="1158">
                  <c:v>285.096</c:v>
                </c:pt>
                <c:pt idx="1159">
                  <c:v>285.26100000000002</c:v>
                </c:pt>
                <c:pt idx="1160">
                  <c:v>285.71499999999997</c:v>
                </c:pt>
                <c:pt idx="1161">
                  <c:v>285.93700000000001</c:v>
                </c:pt>
                <c:pt idx="1162">
                  <c:v>285.98899999999998</c:v>
                </c:pt>
                <c:pt idx="1163">
                  <c:v>286.178</c:v>
                </c:pt>
                <c:pt idx="1164">
                  <c:v>286.61700000000002</c:v>
                </c:pt>
                <c:pt idx="1165">
                  <c:v>286.85399999999998</c:v>
                </c:pt>
                <c:pt idx="1166">
                  <c:v>287.11399999999998</c:v>
                </c:pt>
                <c:pt idx="1167">
                  <c:v>287.27999999999997</c:v>
                </c:pt>
                <c:pt idx="1168">
                  <c:v>287.49400000000003</c:v>
                </c:pt>
                <c:pt idx="1169">
                  <c:v>287.59899999999999</c:v>
                </c:pt>
                <c:pt idx="1170">
                  <c:v>287.649</c:v>
                </c:pt>
                <c:pt idx="1171">
                  <c:v>288.10399999999998</c:v>
                </c:pt>
                <c:pt idx="1172">
                  <c:v>288.45600000000002</c:v>
                </c:pt>
                <c:pt idx="1173">
                  <c:v>288.48</c:v>
                </c:pt>
                <c:pt idx="1174">
                  <c:v>288.69499999999999</c:v>
                </c:pt>
                <c:pt idx="1175">
                  <c:v>289.05099999999999</c:v>
                </c:pt>
                <c:pt idx="1176">
                  <c:v>289.52999999999997</c:v>
                </c:pt>
                <c:pt idx="1177">
                  <c:v>289.517</c:v>
                </c:pt>
                <c:pt idx="1178">
                  <c:v>290.06599999999997</c:v>
                </c:pt>
                <c:pt idx="1179">
                  <c:v>290.51100000000002</c:v>
                </c:pt>
                <c:pt idx="1180">
                  <c:v>290.709</c:v>
                </c:pt>
                <c:pt idx="1181">
                  <c:v>290.63799999999998</c:v>
                </c:pt>
                <c:pt idx="1182">
                  <c:v>290.79700000000003</c:v>
                </c:pt>
                <c:pt idx="1183">
                  <c:v>291.23500000000001</c:v>
                </c:pt>
                <c:pt idx="1184">
                  <c:v>291.23500000000001</c:v>
                </c:pt>
                <c:pt idx="1185">
                  <c:v>291.39699999999999</c:v>
                </c:pt>
                <c:pt idx="1186">
                  <c:v>291.63400000000001</c:v>
                </c:pt>
                <c:pt idx="1187">
                  <c:v>291.79899999999998</c:v>
                </c:pt>
                <c:pt idx="1188">
                  <c:v>292.26400000000001</c:v>
                </c:pt>
                <c:pt idx="1189">
                  <c:v>292.39499999999998</c:v>
                </c:pt>
                <c:pt idx="1190">
                  <c:v>293.012</c:v>
                </c:pt>
                <c:pt idx="1191">
                  <c:v>293.505</c:v>
                </c:pt>
                <c:pt idx="1192">
                  <c:v>293.48599999999999</c:v>
                </c:pt>
                <c:pt idx="1193">
                  <c:v>293.65199999999999</c:v>
                </c:pt>
                <c:pt idx="1194">
                  <c:v>294.07299999999998</c:v>
                </c:pt>
                <c:pt idx="1195">
                  <c:v>294.69799999999998</c:v>
                </c:pt>
                <c:pt idx="1196">
                  <c:v>294.92</c:v>
                </c:pt>
                <c:pt idx="1197">
                  <c:v>294.83499999999998</c:v>
                </c:pt>
                <c:pt idx="1198">
                  <c:v>294.94</c:v>
                </c:pt>
                <c:pt idx="1199">
                  <c:v>295.173</c:v>
                </c:pt>
                <c:pt idx="1200">
                  <c:v>295.67599999999999</c:v>
                </c:pt>
                <c:pt idx="1201">
                  <c:v>296.18700000000001</c:v>
                </c:pt>
                <c:pt idx="1202">
                  <c:v>296.13900000000001</c:v>
                </c:pt>
                <c:pt idx="1203">
                  <c:v>296.166</c:v>
                </c:pt>
                <c:pt idx="1204">
                  <c:v>296.46899999999999</c:v>
                </c:pt>
                <c:pt idx="1205">
                  <c:v>296.79399999999998</c:v>
                </c:pt>
                <c:pt idx="1206">
                  <c:v>297.03800000000001</c:v>
                </c:pt>
                <c:pt idx="1207">
                  <c:v>297.31599999999997</c:v>
                </c:pt>
                <c:pt idx="1208">
                  <c:v>297.89299999999997</c:v>
                </c:pt>
                <c:pt idx="1209">
                  <c:v>297.82400000000001</c:v>
                </c:pt>
                <c:pt idx="1210">
                  <c:v>298.54899999999998</c:v>
                </c:pt>
                <c:pt idx="1211">
                  <c:v>298.41199999999998</c:v>
                </c:pt>
                <c:pt idx="1212">
                  <c:v>298.64299999999997</c:v>
                </c:pt>
                <c:pt idx="1213">
                  <c:v>298.78100000000001</c:v>
                </c:pt>
                <c:pt idx="1214">
                  <c:v>299.12</c:v>
                </c:pt>
                <c:pt idx="1215">
                  <c:v>299.30599999999998</c:v>
                </c:pt>
                <c:pt idx="1216">
                  <c:v>299.68400000000003</c:v>
                </c:pt>
                <c:pt idx="1217">
                  <c:v>299.84500000000003</c:v>
                </c:pt>
                <c:pt idx="1218">
                  <c:v>300.10399999999998</c:v>
                </c:pt>
                <c:pt idx="1219">
                  <c:v>300.24799999999999</c:v>
                </c:pt>
                <c:pt idx="1220">
                  <c:v>300.45800000000003</c:v>
                </c:pt>
                <c:pt idx="1221">
                  <c:v>300.53500000000003</c:v>
                </c:pt>
                <c:pt idx="1222">
                  <c:v>301.03100000000001</c:v>
                </c:pt>
                <c:pt idx="1223">
                  <c:v>301.09100000000001</c:v>
                </c:pt>
                <c:pt idx="1224">
                  <c:v>301.09199999999998</c:v>
                </c:pt>
                <c:pt idx="1225">
                  <c:v>301.57100000000003</c:v>
                </c:pt>
                <c:pt idx="1226">
                  <c:v>301.72800000000001</c:v>
                </c:pt>
                <c:pt idx="1227">
                  <c:v>302.15199999999999</c:v>
                </c:pt>
                <c:pt idx="1228">
                  <c:v>302.47699999999998</c:v>
                </c:pt>
                <c:pt idx="1229">
                  <c:v>302.62299999999999</c:v>
                </c:pt>
                <c:pt idx="1230">
                  <c:v>302.77100000000002</c:v>
                </c:pt>
                <c:pt idx="1231">
                  <c:v>302.96600000000001</c:v>
                </c:pt>
                <c:pt idx="1232">
                  <c:v>303.35500000000002</c:v>
                </c:pt>
                <c:pt idx="1233">
                  <c:v>303.60700000000003</c:v>
                </c:pt>
                <c:pt idx="1234">
                  <c:v>304.06</c:v>
                </c:pt>
                <c:pt idx="1235">
                  <c:v>304.18200000000002</c:v>
                </c:pt>
                <c:pt idx="1236">
                  <c:v>304.46100000000001</c:v>
                </c:pt>
                <c:pt idx="1237">
                  <c:v>304.49700000000001</c:v>
                </c:pt>
                <c:pt idx="1238">
                  <c:v>304.67399999999998</c:v>
                </c:pt>
                <c:pt idx="1239">
                  <c:v>305.00099999999998</c:v>
                </c:pt>
                <c:pt idx="1240">
                  <c:v>305.18700000000001</c:v>
                </c:pt>
                <c:pt idx="1241">
                  <c:v>305.48700000000002</c:v>
                </c:pt>
                <c:pt idx="1242">
                  <c:v>305.84399999999999</c:v>
                </c:pt>
                <c:pt idx="1243">
                  <c:v>306.13499999999999</c:v>
                </c:pt>
                <c:pt idx="1244">
                  <c:v>306.48099999999999</c:v>
                </c:pt>
                <c:pt idx="1245">
                  <c:v>306.69299999999998</c:v>
                </c:pt>
                <c:pt idx="1246">
                  <c:v>307.32799999999997</c:v>
                </c:pt>
                <c:pt idx="1247">
                  <c:v>307.26400000000001</c:v>
                </c:pt>
                <c:pt idx="1248">
                  <c:v>307.46899999999999</c:v>
                </c:pt>
                <c:pt idx="1249">
                  <c:v>307.81599999999997</c:v>
                </c:pt>
                <c:pt idx="1250">
                  <c:v>307.983</c:v>
                </c:pt>
                <c:pt idx="1251">
                  <c:v>307.97000000000003</c:v>
                </c:pt>
                <c:pt idx="1252">
                  <c:v>308.113</c:v>
                </c:pt>
                <c:pt idx="1253">
                  <c:v>308.39</c:v>
                </c:pt>
                <c:pt idx="1254">
                  <c:v>308.96199999999999</c:v>
                </c:pt>
                <c:pt idx="1255">
                  <c:v>309.10700000000003</c:v>
                </c:pt>
                <c:pt idx="1256">
                  <c:v>309.21899999999999</c:v>
                </c:pt>
                <c:pt idx="1257">
                  <c:v>309.483</c:v>
                </c:pt>
                <c:pt idx="1258">
                  <c:v>310.17599999999999</c:v>
                </c:pt>
                <c:pt idx="1259">
                  <c:v>310.642</c:v>
                </c:pt>
                <c:pt idx="1260">
                  <c:v>311.19</c:v>
                </c:pt>
                <c:pt idx="1261">
                  <c:v>311.435</c:v>
                </c:pt>
                <c:pt idx="1262">
                  <c:v>311.82499999999999</c:v>
                </c:pt>
                <c:pt idx="1263">
                  <c:v>312.23</c:v>
                </c:pt>
                <c:pt idx="1264">
                  <c:v>312.31</c:v>
                </c:pt>
                <c:pt idx="1265">
                  <c:v>312.52100000000002</c:v>
                </c:pt>
                <c:pt idx="1266">
                  <c:v>312.303</c:v>
                </c:pt>
                <c:pt idx="1267">
                  <c:v>312.62099999999998</c:v>
                </c:pt>
                <c:pt idx="1268">
                  <c:v>312.774</c:v>
                </c:pt>
                <c:pt idx="1269">
                  <c:v>313.19200000000001</c:v>
                </c:pt>
                <c:pt idx="1270">
                  <c:v>313.60500000000002</c:v>
                </c:pt>
                <c:pt idx="1271">
                  <c:v>313.49799999999999</c:v>
                </c:pt>
                <c:pt idx="1272">
                  <c:v>313.88499999999999</c:v>
                </c:pt>
                <c:pt idx="1273">
                  <c:v>314.11200000000002</c:v>
                </c:pt>
                <c:pt idx="1274">
                  <c:v>314.33600000000001</c:v>
                </c:pt>
                <c:pt idx="1275">
                  <c:v>314.41199999999998</c:v>
                </c:pt>
                <c:pt idx="1276">
                  <c:v>315.00700000000001</c:v>
                </c:pt>
                <c:pt idx="1277">
                  <c:v>314.91000000000003</c:v>
                </c:pt>
                <c:pt idx="1278">
                  <c:v>314.99</c:v>
                </c:pt>
                <c:pt idx="1279">
                  <c:v>315.488</c:v>
                </c:pt>
                <c:pt idx="1280">
                  <c:v>315.94799999999998</c:v>
                </c:pt>
                <c:pt idx="1281">
                  <c:v>316.17599999999999</c:v>
                </c:pt>
                <c:pt idx="1282">
                  <c:v>316.20400000000001</c:v>
                </c:pt>
                <c:pt idx="1283">
                  <c:v>316.48099999999999</c:v>
                </c:pt>
                <c:pt idx="1284">
                  <c:v>316.67399999999998</c:v>
                </c:pt>
                <c:pt idx="1285">
                  <c:v>316.47000000000003</c:v>
                </c:pt>
                <c:pt idx="1286">
                  <c:v>316.96699999999998</c:v>
                </c:pt>
                <c:pt idx="1287">
                  <c:v>317.18299999999999</c:v>
                </c:pt>
                <c:pt idx="1288">
                  <c:v>317.69299999999998</c:v>
                </c:pt>
                <c:pt idx="1289">
                  <c:v>317.98899999999998</c:v>
                </c:pt>
                <c:pt idx="1290">
                  <c:v>318.10700000000003</c:v>
                </c:pt>
                <c:pt idx="1291">
                  <c:v>318.041</c:v>
                </c:pt>
                <c:pt idx="1292">
                  <c:v>318.35300000000001</c:v>
                </c:pt>
                <c:pt idx="1293">
                  <c:v>318.73500000000001</c:v>
                </c:pt>
                <c:pt idx="1294">
                  <c:v>319.08699999999999</c:v>
                </c:pt>
                <c:pt idx="1295">
                  <c:v>319.08</c:v>
                </c:pt>
                <c:pt idx="1296">
                  <c:v>319.34500000000003</c:v>
                </c:pt>
                <c:pt idx="1297">
                  <c:v>319.53500000000003</c:v>
                </c:pt>
                <c:pt idx="1298">
                  <c:v>319.79599999999999</c:v>
                </c:pt>
                <c:pt idx="1299">
                  <c:v>320.02300000000002</c:v>
                </c:pt>
                <c:pt idx="1300">
                  <c:v>320.28399999999999</c:v>
                </c:pt>
                <c:pt idx="1301">
                  <c:v>320.51400000000001</c:v>
                </c:pt>
                <c:pt idx="1302">
                  <c:v>320.83100000000002</c:v>
                </c:pt>
                <c:pt idx="1303">
                  <c:v>321.06299999999999</c:v>
                </c:pt>
                <c:pt idx="1304">
                  <c:v>321.10700000000003</c:v>
                </c:pt>
                <c:pt idx="1305">
                  <c:v>321.24200000000002</c:v>
                </c:pt>
                <c:pt idx="1306">
                  <c:v>321.40300000000002</c:v>
                </c:pt>
                <c:pt idx="1307">
                  <c:v>321.76100000000002</c:v>
                </c:pt>
                <c:pt idx="1308">
                  <c:v>321.99700000000001</c:v>
                </c:pt>
                <c:pt idx="1309">
                  <c:v>322.38200000000001</c:v>
                </c:pt>
                <c:pt idx="1310">
                  <c:v>322.55599999999998</c:v>
                </c:pt>
                <c:pt idx="1311">
                  <c:v>322.98500000000001</c:v>
                </c:pt>
                <c:pt idx="1312">
                  <c:v>323.31799999999998</c:v>
                </c:pt>
                <c:pt idx="1313">
                  <c:v>323.51499999999999</c:v>
                </c:pt>
                <c:pt idx="1314">
                  <c:v>323.875</c:v>
                </c:pt>
                <c:pt idx="1315">
                  <c:v>324.642</c:v>
                </c:pt>
                <c:pt idx="1316">
                  <c:v>324.98500000000001</c:v>
                </c:pt>
                <c:pt idx="1317">
                  <c:v>325.06400000000002</c:v>
                </c:pt>
                <c:pt idx="1318">
                  <c:v>325.13799999999998</c:v>
                </c:pt>
                <c:pt idx="1319">
                  <c:v>325.24</c:v>
                </c:pt>
                <c:pt idx="1320">
                  <c:v>325.423</c:v>
                </c:pt>
                <c:pt idx="1321">
                  <c:v>325.88200000000001</c:v>
                </c:pt>
                <c:pt idx="1322">
                  <c:v>326.29199999999997</c:v>
                </c:pt>
                <c:pt idx="1323">
                  <c:v>326.77600000000001</c:v>
                </c:pt>
                <c:pt idx="1324">
                  <c:v>326.89100000000002</c:v>
                </c:pt>
                <c:pt idx="1325">
                  <c:v>327.22199999999998</c:v>
                </c:pt>
                <c:pt idx="1326">
                  <c:v>327.214</c:v>
                </c:pt>
                <c:pt idx="1327">
                  <c:v>327.37599999999998</c:v>
                </c:pt>
                <c:pt idx="1328">
                  <c:v>327.8</c:v>
                </c:pt>
                <c:pt idx="1329">
                  <c:v>328.31299999999999</c:v>
                </c:pt>
                <c:pt idx="1330">
                  <c:v>328.51299999999998</c:v>
                </c:pt>
                <c:pt idx="1331">
                  <c:v>328.59800000000001</c:v>
                </c:pt>
                <c:pt idx="1332">
                  <c:v>328.86700000000002</c:v>
                </c:pt>
                <c:pt idx="1333">
                  <c:v>329.09800000000001</c:v>
                </c:pt>
                <c:pt idx="1334">
                  <c:v>329.142</c:v>
                </c:pt>
                <c:pt idx="1335">
                  <c:v>329.68400000000003</c:v>
                </c:pt>
                <c:pt idx="1336">
                  <c:v>330.36500000000001</c:v>
                </c:pt>
                <c:pt idx="1337">
                  <c:v>330.54300000000001</c:v>
                </c:pt>
                <c:pt idx="1338">
                  <c:v>330.53800000000001</c:v>
                </c:pt>
                <c:pt idx="1339">
                  <c:v>330.7</c:v>
                </c:pt>
                <c:pt idx="1340">
                  <c:v>330.815</c:v>
                </c:pt>
                <c:pt idx="1341">
                  <c:v>331.24</c:v>
                </c:pt>
                <c:pt idx="1342">
                  <c:v>331.52800000000002</c:v>
                </c:pt>
                <c:pt idx="1343">
                  <c:v>331.96800000000002</c:v>
                </c:pt>
                <c:pt idx="1344">
                  <c:v>332.14600000000002</c:v>
                </c:pt>
                <c:pt idx="1345">
                  <c:v>332.73899999999998</c:v>
                </c:pt>
                <c:pt idx="1346">
                  <c:v>333.255</c:v>
                </c:pt>
                <c:pt idx="1347">
                  <c:v>333.43799999999999</c:v>
                </c:pt>
                <c:pt idx="1348">
                  <c:v>333.43299999999999</c:v>
                </c:pt>
                <c:pt idx="1349">
                  <c:v>333.65</c:v>
                </c:pt>
                <c:pt idx="1350">
                  <c:v>333.78800000000001</c:v>
                </c:pt>
                <c:pt idx="1351">
                  <c:v>334.024</c:v>
                </c:pt>
                <c:pt idx="1352">
                  <c:v>334.54599999999999</c:v>
                </c:pt>
                <c:pt idx="1353">
                  <c:v>334.49799999999999</c:v>
                </c:pt>
                <c:pt idx="1354">
                  <c:v>334.64699999999999</c:v>
                </c:pt>
                <c:pt idx="1355">
                  <c:v>334.80399999999997</c:v>
                </c:pt>
                <c:pt idx="1356">
                  <c:v>334.98</c:v>
                </c:pt>
                <c:pt idx="1357">
                  <c:v>335.06599999999997</c:v>
                </c:pt>
                <c:pt idx="1358">
                  <c:v>335.327</c:v>
                </c:pt>
                <c:pt idx="1359">
                  <c:v>335.62299999999999</c:v>
                </c:pt>
                <c:pt idx="1360">
                  <c:v>336.06900000000002</c:v>
                </c:pt>
                <c:pt idx="1361">
                  <c:v>335.92099999999999</c:v>
                </c:pt>
                <c:pt idx="1362">
                  <c:v>336.28100000000001</c:v>
                </c:pt>
                <c:pt idx="1363">
                  <c:v>336.55599999999998</c:v>
                </c:pt>
                <c:pt idx="1364">
                  <c:v>336.59699999999998</c:v>
                </c:pt>
                <c:pt idx="1365">
                  <c:v>337.21600000000001</c:v>
                </c:pt>
                <c:pt idx="1366">
                  <c:v>337.64</c:v>
                </c:pt>
                <c:pt idx="1367">
                  <c:v>337.85</c:v>
                </c:pt>
                <c:pt idx="1368">
                  <c:v>338.35500000000002</c:v>
                </c:pt>
                <c:pt idx="1369">
                  <c:v>338.709</c:v>
                </c:pt>
                <c:pt idx="1370">
                  <c:v>338.55700000000002</c:v>
                </c:pt>
                <c:pt idx="1371">
                  <c:v>338.90899999999999</c:v>
                </c:pt>
                <c:pt idx="1372">
                  <c:v>339.34800000000001</c:v>
                </c:pt>
                <c:pt idx="1373">
                  <c:v>339.19799999999998</c:v>
                </c:pt>
                <c:pt idx="1374">
                  <c:v>339.42899999999997</c:v>
                </c:pt>
                <c:pt idx="1375">
                  <c:v>339.46499999999997</c:v>
                </c:pt>
                <c:pt idx="1376">
                  <c:v>339.892</c:v>
                </c:pt>
                <c:pt idx="1377">
                  <c:v>340.32900000000001</c:v>
                </c:pt>
                <c:pt idx="1378">
                  <c:v>340.35899999999998</c:v>
                </c:pt>
                <c:pt idx="1379">
                  <c:v>340.51400000000001</c:v>
                </c:pt>
                <c:pt idx="1380">
                  <c:v>340.88299999999998</c:v>
                </c:pt>
                <c:pt idx="1381">
                  <c:v>341.30700000000002</c:v>
                </c:pt>
                <c:pt idx="1382">
                  <c:v>341.19299999999998</c:v>
                </c:pt>
                <c:pt idx="1383">
                  <c:v>341.59100000000001</c:v>
                </c:pt>
                <c:pt idx="1384">
                  <c:v>342.29</c:v>
                </c:pt>
                <c:pt idx="1385">
                  <c:v>342.39100000000002</c:v>
                </c:pt>
                <c:pt idx="1386">
                  <c:v>342.36099999999999</c:v>
                </c:pt>
                <c:pt idx="1387">
                  <c:v>342.22500000000002</c:v>
                </c:pt>
                <c:pt idx="1388">
                  <c:v>342.37200000000001</c:v>
                </c:pt>
                <c:pt idx="1389">
                  <c:v>342.815</c:v>
                </c:pt>
                <c:pt idx="1390">
                  <c:v>343.04</c:v>
                </c:pt>
                <c:pt idx="1391">
                  <c:v>343.38299999999998</c:v>
                </c:pt>
                <c:pt idx="1392">
                  <c:v>343.70499999999998</c:v>
                </c:pt>
                <c:pt idx="1393">
                  <c:v>343.74799999999999</c:v>
                </c:pt>
                <c:pt idx="1394">
                  <c:v>343.99299999999999</c:v>
                </c:pt>
                <c:pt idx="1395">
                  <c:v>344.113</c:v>
                </c:pt>
                <c:pt idx="1396">
                  <c:v>344.488</c:v>
                </c:pt>
                <c:pt idx="1397">
                  <c:v>344.85300000000001</c:v>
                </c:pt>
                <c:pt idx="1398">
                  <c:v>345.33</c:v>
                </c:pt>
                <c:pt idx="1399">
                  <c:v>345.70499999999998</c:v>
                </c:pt>
                <c:pt idx="1400">
                  <c:v>345.88900000000001</c:v>
                </c:pt>
                <c:pt idx="1401">
                  <c:v>346.23700000000002</c:v>
                </c:pt>
                <c:pt idx="1402">
                  <c:v>346.65300000000002</c:v>
                </c:pt>
                <c:pt idx="1403">
                  <c:v>347.017</c:v>
                </c:pt>
                <c:pt idx="1404">
                  <c:v>347.42899999999997</c:v>
                </c:pt>
                <c:pt idx="1405">
                  <c:v>347.69400000000002</c:v>
                </c:pt>
                <c:pt idx="1406">
                  <c:v>348.21499999999997</c:v>
                </c:pt>
                <c:pt idx="1407">
                  <c:v>348.69400000000002</c:v>
                </c:pt>
                <c:pt idx="1408">
                  <c:v>349.35700000000003</c:v>
                </c:pt>
                <c:pt idx="1409">
                  <c:v>349.40300000000002</c:v>
                </c:pt>
                <c:pt idx="1410">
                  <c:v>349.17700000000002</c:v>
                </c:pt>
                <c:pt idx="1411">
                  <c:v>349.524</c:v>
                </c:pt>
                <c:pt idx="1412">
                  <c:v>349.57499999999999</c:v>
                </c:pt>
                <c:pt idx="1413">
                  <c:v>350.19900000000001</c:v>
                </c:pt>
                <c:pt idx="1414">
                  <c:v>350.11399999999998</c:v>
                </c:pt>
                <c:pt idx="1415">
                  <c:v>350.42399999999998</c:v>
                </c:pt>
                <c:pt idx="1416">
                  <c:v>350.59699999999998</c:v>
                </c:pt>
                <c:pt idx="1417">
                  <c:v>350.83699999999999</c:v>
                </c:pt>
                <c:pt idx="1418">
                  <c:v>351.142</c:v>
                </c:pt>
                <c:pt idx="1419">
                  <c:v>351.17099999999999</c:v>
                </c:pt>
                <c:pt idx="1420">
                  <c:v>351.27600000000001</c:v>
                </c:pt>
                <c:pt idx="1421">
                  <c:v>351.43599999999998</c:v>
                </c:pt>
                <c:pt idx="1422">
                  <c:v>352.22800000000001</c:v>
                </c:pt>
                <c:pt idx="1423">
                  <c:v>352.41399999999999</c:v>
                </c:pt>
                <c:pt idx="1424">
                  <c:v>353.04899999999998</c:v>
                </c:pt>
                <c:pt idx="1425">
                  <c:v>353.07499999999999</c:v>
                </c:pt>
                <c:pt idx="1426">
                  <c:v>353.351</c:v>
                </c:pt>
                <c:pt idx="1427">
                  <c:v>354.13299999999998</c:v>
                </c:pt>
                <c:pt idx="1428">
                  <c:v>354.44799999999998</c:v>
                </c:pt>
                <c:pt idx="1429">
                  <c:v>354.584</c:v>
                </c:pt>
                <c:pt idx="1430">
                  <c:v>354.19600000000003</c:v>
                </c:pt>
                <c:pt idx="1431">
                  <c:v>354.36099999999999</c:v>
                </c:pt>
                <c:pt idx="1432">
                  <c:v>354.56400000000002</c:v>
                </c:pt>
                <c:pt idx="1433">
                  <c:v>354.89800000000002</c:v>
                </c:pt>
                <c:pt idx="1434">
                  <c:v>354.952</c:v>
                </c:pt>
                <c:pt idx="1435">
                  <c:v>355.28899999999999</c:v>
                </c:pt>
                <c:pt idx="1436">
                  <c:v>355.92700000000002</c:v>
                </c:pt>
                <c:pt idx="1437">
                  <c:v>355.94900000000001</c:v>
                </c:pt>
                <c:pt idx="1438">
                  <c:v>356.113</c:v>
                </c:pt>
                <c:pt idx="1439">
                  <c:v>356.17899999999997</c:v>
                </c:pt>
                <c:pt idx="1440">
                  <c:v>356.79599999999999</c:v>
                </c:pt>
                <c:pt idx="1441">
                  <c:v>356.87099999999998</c:v>
                </c:pt>
                <c:pt idx="1442">
                  <c:v>357.37200000000001</c:v>
                </c:pt>
                <c:pt idx="1443">
                  <c:v>357.60599999999999</c:v>
                </c:pt>
                <c:pt idx="1444">
                  <c:v>357.73399999999998</c:v>
                </c:pt>
                <c:pt idx="1445">
                  <c:v>357.81400000000002</c:v>
                </c:pt>
                <c:pt idx="1446">
                  <c:v>358.30099999999999</c:v>
                </c:pt>
                <c:pt idx="1447">
                  <c:v>358.54</c:v>
                </c:pt>
                <c:pt idx="1448">
                  <c:v>358.75900000000001</c:v>
                </c:pt>
                <c:pt idx="1449">
                  <c:v>358.93099999999998</c:v>
                </c:pt>
                <c:pt idx="1450">
                  <c:v>359.29300000000001</c:v>
                </c:pt>
                <c:pt idx="1451">
                  <c:v>359.625</c:v>
                </c:pt>
                <c:pt idx="1452">
                  <c:v>359.55399999999997</c:v>
                </c:pt>
                <c:pt idx="1453">
                  <c:v>359.66</c:v>
                </c:pt>
                <c:pt idx="1454">
                  <c:v>359.96300000000002</c:v>
                </c:pt>
                <c:pt idx="1455">
                  <c:v>360.36399999999998</c:v>
                </c:pt>
                <c:pt idx="1456">
                  <c:v>360.45600000000002</c:v>
                </c:pt>
                <c:pt idx="1457">
                  <c:v>361.28899999999999</c:v>
                </c:pt>
                <c:pt idx="1458">
                  <c:v>361.363</c:v>
                </c:pt>
                <c:pt idx="1459">
                  <c:v>361.38</c:v>
                </c:pt>
                <c:pt idx="1460">
                  <c:v>361.47199999999998</c:v>
                </c:pt>
                <c:pt idx="1461">
                  <c:v>361.62299999999999</c:v>
                </c:pt>
                <c:pt idx="1462">
                  <c:v>362.08100000000002</c:v>
                </c:pt>
                <c:pt idx="1463">
                  <c:v>362.31200000000001</c:v>
                </c:pt>
                <c:pt idx="1464">
                  <c:v>362.96899999999999</c:v>
                </c:pt>
                <c:pt idx="1465">
                  <c:v>363.57900000000001</c:v>
                </c:pt>
                <c:pt idx="1466">
                  <c:v>363.73899999999998</c:v>
                </c:pt>
                <c:pt idx="1467">
                  <c:v>363.733</c:v>
                </c:pt>
                <c:pt idx="1468">
                  <c:v>363.87799999999999</c:v>
                </c:pt>
                <c:pt idx="1469">
                  <c:v>363.97300000000001</c:v>
                </c:pt>
                <c:pt idx="1470">
                  <c:v>364.19400000000002</c:v>
                </c:pt>
                <c:pt idx="1471">
                  <c:v>364.44099999999997</c:v>
                </c:pt>
                <c:pt idx="1472">
                  <c:v>364.66699999999997</c:v>
                </c:pt>
                <c:pt idx="1473">
                  <c:v>364.755</c:v>
                </c:pt>
                <c:pt idx="1474">
                  <c:v>365.12700000000001</c:v>
                </c:pt>
                <c:pt idx="1475">
                  <c:v>365.41</c:v>
                </c:pt>
                <c:pt idx="1476">
                  <c:v>365.43299999999999</c:v>
                </c:pt>
                <c:pt idx="1477">
                  <c:v>365.822</c:v>
                </c:pt>
                <c:pt idx="1478">
                  <c:v>366.27199999999999</c:v>
                </c:pt>
                <c:pt idx="1479">
                  <c:v>366.45299999999997</c:v>
                </c:pt>
                <c:pt idx="1480">
                  <c:v>366.63600000000002</c:v>
                </c:pt>
                <c:pt idx="1481">
                  <c:v>367.363</c:v>
                </c:pt>
                <c:pt idx="1482">
                  <c:v>368.09500000000003</c:v>
                </c:pt>
                <c:pt idx="1483">
                  <c:v>368.11700000000002</c:v>
                </c:pt>
                <c:pt idx="1484">
                  <c:v>368.08100000000002</c:v>
                </c:pt>
                <c:pt idx="1485">
                  <c:v>368.53300000000002</c:v>
                </c:pt>
                <c:pt idx="1486">
                  <c:v>369.06200000000001</c:v>
                </c:pt>
                <c:pt idx="1487">
                  <c:v>369.17399999999998</c:v>
                </c:pt>
                <c:pt idx="1488">
                  <c:v>369.43</c:v>
                </c:pt>
                <c:pt idx="1489">
                  <c:v>369.44</c:v>
                </c:pt>
                <c:pt idx="1490">
                  <c:v>369.81799999999998</c:v>
                </c:pt>
                <c:pt idx="1491">
                  <c:v>370.23599999999999</c:v>
                </c:pt>
                <c:pt idx="1492">
                  <c:v>370.69900000000001</c:v>
                </c:pt>
                <c:pt idx="1493">
                  <c:v>370.67099999999999</c:v>
                </c:pt>
                <c:pt idx="1494">
                  <c:v>370.75700000000001</c:v>
                </c:pt>
                <c:pt idx="1495">
                  <c:v>371.07299999999998</c:v>
                </c:pt>
                <c:pt idx="1496">
                  <c:v>371.75400000000002</c:v>
                </c:pt>
                <c:pt idx="1497">
                  <c:v>371.92500000000001</c:v>
                </c:pt>
                <c:pt idx="1498">
                  <c:v>372.13900000000001</c:v>
                </c:pt>
                <c:pt idx="1499">
                  <c:v>372.286</c:v>
                </c:pt>
                <c:pt idx="1500">
                  <c:v>372.71800000000002</c:v>
                </c:pt>
                <c:pt idx="1501">
                  <c:v>372.91800000000001</c:v>
                </c:pt>
                <c:pt idx="1502">
                  <c:v>372.86599999999999</c:v>
                </c:pt>
                <c:pt idx="1503">
                  <c:v>373.12400000000002</c:v>
                </c:pt>
                <c:pt idx="1504">
                  <c:v>374.024</c:v>
                </c:pt>
                <c:pt idx="1505">
                  <c:v>374.54300000000001</c:v>
                </c:pt>
                <c:pt idx="1506">
                  <c:v>374.38900000000001</c:v>
                </c:pt>
                <c:pt idx="1507">
                  <c:v>374.7</c:v>
                </c:pt>
                <c:pt idx="1508">
                  <c:v>375.25700000000001</c:v>
                </c:pt>
                <c:pt idx="1509">
                  <c:v>375.42200000000003</c:v>
                </c:pt>
                <c:pt idx="1510">
                  <c:v>375.1</c:v>
                </c:pt>
                <c:pt idx="1511">
                  <c:v>375.48399999999998</c:v>
                </c:pt>
                <c:pt idx="1512">
                  <c:v>375.52600000000001</c:v>
                </c:pt>
                <c:pt idx="1513">
                  <c:v>375.755</c:v>
                </c:pt>
                <c:pt idx="1514">
                  <c:v>375.709</c:v>
                </c:pt>
                <c:pt idx="1515">
                  <c:v>376.322</c:v>
                </c:pt>
                <c:pt idx="1516">
                  <c:v>376.58100000000002</c:v>
                </c:pt>
                <c:pt idx="1517">
                  <c:v>376.63799999999998</c:v>
                </c:pt>
                <c:pt idx="1518">
                  <c:v>376.67599999999999</c:v>
                </c:pt>
                <c:pt idx="1519">
                  <c:v>377.29599999999999</c:v>
                </c:pt>
                <c:pt idx="1520">
                  <c:v>377.517</c:v>
                </c:pt>
                <c:pt idx="1521">
                  <c:v>377.51799999999997</c:v>
                </c:pt>
                <c:pt idx="1522">
                  <c:v>377.90600000000001</c:v>
                </c:pt>
                <c:pt idx="1523">
                  <c:v>377.90499999999997</c:v>
                </c:pt>
                <c:pt idx="1524">
                  <c:v>378.137</c:v>
                </c:pt>
                <c:pt idx="1525">
                  <c:v>378.50200000000001</c:v>
                </c:pt>
                <c:pt idx="1526">
                  <c:v>378.89600000000002</c:v>
                </c:pt>
                <c:pt idx="1527">
                  <c:v>379.08800000000002</c:v>
                </c:pt>
                <c:pt idx="1528">
                  <c:v>379.36599999999999</c:v>
                </c:pt>
                <c:pt idx="1529">
                  <c:v>379.65800000000002</c:v>
                </c:pt>
                <c:pt idx="1530">
                  <c:v>379.83</c:v>
                </c:pt>
                <c:pt idx="1531">
                  <c:v>380.23899999999998</c:v>
                </c:pt>
                <c:pt idx="1532">
                  <c:v>380.56400000000002</c:v>
                </c:pt>
                <c:pt idx="1533">
                  <c:v>381.03899999999999</c:v>
                </c:pt>
                <c:pt idx="1534">
                  <c:v>381.43400000000003</c:v>
                </c:pt>
                <c:pt idx="1535">
                  <c:v>381.40699999999998</c:v>
                </c:pt>
                <c:pt idx="1536">
                  <c:v>381.80200000000002</c:v>
                </c:pt>
                <c:pt idx="1537">
                  <c:v>381.66300000000001</c:v>
                </c:pt>
                <c:pt idx="1538">
                  <c:v>382.06</c:v>
                </c:pt>
                <c:pt idx="1539">
                  <c:v>382.46600000000001</c:v>
                </c:pt>
                <c:pt idx="1540">
                  <c:v>383.089</c:v>
                </c:pt>
                <c:pt idx="1541">
                  <c:v>383.38900000000001</c:v>
                </c:pt>
                <c:pt idx="1542">
                  <c:v>383.59500000000003</c:v>
                </c:pt>
                <c:pt idx="1543">
                  <c:v>383.54700000000003</c:v>
                </c:pt>
                <c:pt idx="1544">
                  <c:v>383.952</c:v>
                </c:pt>
                <c:pt idx="1545">
                  <c:v>384.31799999999998</c:v>
                </c:pt>
                <c:pt idx="1546">
                  <c:v>384.03</c:v>
                </c:pt>
                <c:pt idx="1547">
                  <c:v>384.375</c:v>
                </c:pt>
                <c:pt idx="1548">
                  <c:v>384.79399999999998</c:v>
                </c:pt>
                <c:pt idx="1549">
                  <c:v>384.67399999999998</c:v>
                </c:pt>
                <c:pt idx="1550">
                  <c:v>384.82799999999997</c:v>
                </c:pt>
                <c:pt idx="1551">
                  <c:v>385.45299999999997</c:v>
                </c:pt>
                <c:pt idx="1552">
                  <c:v>385.375</c:v>
                </c:pt>
                <c:pt idx="1553">
                  <c:v>385.52699999999999</c:v>
                </c:pt>
                <c:pt idx="1554">
                  <c:v>386.04399999999998</c:v>
                </c:pt>
                <c:pt idx="1555">
                  <c:v>386.23899999999998</c:v>
                </c:pt>
                <c:pt idx="1556">
                  <c:v>386.78399999999999</c:v>
                </c:pt>
                <c:pt idx="1557">
                  <c:v>386.91</c:v>
                </c:pt>
                <c:pt idx="1558">
                  <c:v>386.94299999999998</c:v>
                </c:pt>
                <c:pt idx="1559">
                  <c:v>387.995</c:v>
                </c:pt>
                <c:pt idx="1560">
                  <c:v>388.28</c:v>
                </c:pt>
                <c:pt idx="1561">
                  <c:v>388.666</c:v>
                </c:pt>
                <c:pt idx="1562">
                  <c:v>388.65800000000002</c:v>
                </c:pt>
                <c:pt idx="1563">
                  <c:v>388.822</c:v>
                </c:pt>
                <c:pt idx="1564">
                  <c:v>388.86599999999999</c:v>
                </c:pt>
                <c:pt idx="1565">
                  <c:v>389.39600000000002</c:v>
                </c:pt>
                <c:pt idx="1566">
                  <c:v>390.45699999999999</c:v>
                </c:pt>
                <c:pt idx="1567">
                  <c:v>391.166</c:v>
                </c:pt>
                <c:pt idx="1568">
                  <c:v>390.9</c:v>
                </c:pt>
                <c:pt idx="1569">
                  <c:v>390.72699999999998</c:v>
                </c:pt>
                <c:pt idx="1570">
                  <c:v>390.86500000000001</c:v>
                </c:pt>
                <c:pt idx="1571">
                  <c:v>391.05700000000002</c:v>
                </c:pt>
                <c:pt idx="1572">
                  <c:v>391.85899999999998</c:v>
                </c:pt>
                <c:pt idx="1573">
                  <c:v>391.93900000000002</c:v>
                </c:pt>
                <c:pt idx="1574">
                  <c:v>392.30700000000002</c:v>
                </c:pt>
                <c:pt idx="1575">
                  <c:v>391.92700000000002</c:v>
                </c:pt>
                <c:pt idx="1576">
                  <c:v>392.68299999999999</c:v>
                </c:pt>
                <c:pt idx="1577">
                  <c:v>392.82499999999999</c:v>
                </c:pt>
                <c:pt idx="1578">
                  <c:v>393.048</c:v>
                </c:pt>
                <c:pt idx="1579">
                  <c:v>393.27199999999999</c:v>
                </c:pt>
                <c:pt idx="1580">
                  <c:v>393.70800000000003</c:v>
                </c:pt>
                <c:pt idx="1581">
                  <c:v>393.98599999999999</c:v>
                </c:pt>
                <c:pt idx="1582">
                  <c:v>393.81799999999998</c:v>
                </c:pt>
                <c:pt idx="1583">
                  <c:v>393.96499999999997</c:v>
                </c:pt>
                <c:pt idx="1584">
                  <c:v>394.23500000000001</c:v>
                </c:pt>
                <c:pt idx="1585">
                  <c:v>394.52300000000002</c:v>
                </c:pt>
                <c:pt idx="1586">
                  <c:v>394.70100000000002</c:v>
                </c:pt>
                <c:pt idx="1587">
                  <c:v>395.36799999999999</c:v>
                </c:pt>
                <c:pt idx="1588">
                  <c:v>395.58499999999998</c:v>
                </c:pt>
                <c:pt idx="1589">
                  <c:v>395.62599999999998</c:v>
                </c:pt>
                <c:pt idx="1590">
                  <c:v>395.79</c:v>
                </c:pt>
                <c:pt idx="1591">
                  <c:v>396.19099999999997</c:v>
                </c:pt>
                <c:pt idx="1592">
                  <c:v>396.46100000000001</c:v>
                </c:pt>
                <c:pt idx="1593">
                  <c:v>396.35399999999998</c:v>
                </c:pt>
                <c:pt idx="1594">
                  <c:v>396.858</c:v>
                </c:pt>
                <c:pt idx="1595">
                  <c:v>396.82799999999997</c:v>
                </c:pt>
                <c:pt idx="1596">
                  <c:v>396.92899999999997</c:v>
                </c:pt>
                <c:pt idx="1597">
                  <c:v>397.19600000000003</c:v>
                </c:pt>
                <c:pt idx="1598">
                  <c:v>397.45299999999997</c:v>
                </c:pt>
                <c:pt idx="1599">
                  <c:v>397.99900000000002</c:v>
                </c:pt>
                <c:pt idx="1600">
                  <c:v>398.488</c:v>
                </c:pt>
                <c:pt idx="1601">
                  <c:v>398.52699999999999</c:v>
                </c:pt>
                <c:pt idx="1602">
                  <c:v>398.834</c:v>
                </c:pt>
                <c:pt idx="1603">
                  <c:v>399.19400000000002</c:v>
                </c:pt>
                <c:pt idx="1604">
                  <c:v>399.15499999999997</c:v>
                </c:pt>
                <c:pt idx="1605">
                  <c:v>399.71</c:v>
                </c:pt>
                <c:pt idx="1606">
                  <c:v>399.61500000000001</c:v>
                </c:pt>
                <c:pt idx="1607">
                  <c:v>400.19499999999999</c:v>
                </c:pt>
                <c:pt idx="1608">
                  <c:v>400.42399999999998</c:v>
                </c:pt>
                <c:pt idx="1609">
                  <c:v>400.61200000000002</c:v>
                </c:pt>
                <c:pt idx="1610">
                  <c:v>400.94900000000001</c:v>
                </c:pt>
                <c:pt idx="1611">
                  <c:v>401.04399999999998</c:v>
                </c:pt>
                <c:pt idx="1612">
                  <c:v>401.255</c:v>
                </c:pt>
                <c:pt idx="1613">
                  <c:v>401.721</c:v>
                </c:pt>
                <c:pt idx="1614">
                  <c:v>402.149</c:v>
                </c:pt>
                <c:pt idx="1615">
                  <c:v>402.54399999999998</c:v>
                </c:pt>
                <c:pt idx="1616">
                  <c:v>402.46499999999997</c:v>
                </c:pt>
                <c:pt idx="1617">
                  <c:v>402.75400000000002</c:v>
                </c:pt>
                <c:pt idx="1618">
                  <c:v>403.09500000000003</c:v>
                </c:pt>
                <c:pt idx="1619">
                  <c:v>403.23700000000002</c:v>
                </c:pt>
                <c:pt idx="1620">
                  <c:v>403.54700000000003</c:v>
                </c:pt>
                <c:pt idx="1621">
                  <c:v>403.68799999999999</c:v>
                </c:pt>
                <c:pt idx="1622">
                  <c:v>404.00400000000002</c:v>
                </c:pt>
                <c:pt idx="1623">
                  <c:v>404.416</c:v>
                </c:pt>
                <c:pt idx="1624">
                  <c:v>404.90199999999999</c:v>
                </c:pt>
                <c:pt idx="1625">
                  <c:v>404.654</c:v>
                </c:pt>
                <c:pt idx="1626">
                  <c:v>404.87900000000002</c:v>
                </c:pt>
                <c:pt idx="1627">
                  <c:v>405.81900000000002</c:v>
                </c:pt>
                <c:pt idx="1628">
                  <c:v>405.81</c:v>
                </c:pt>
                <c:pt idx="1629">
                  <c:v>406.28500000000003</c:v>
                </c:pt>
                <c:pt idx="1630">
                  <c:v>406.34800000000001</c:v>
                </c:pt>
                <c:pt idx="1631">
                  <c:v>406.59500000000003</c:v>
                </c:pt>
                <c:pt idx="1632">
                  <c:v>406.84399999999999</c:v>
                </c:pt>
                <c:pt idx="1633">
                  <c:v>406.86500000000001</c:v>
                </c:pt>
                <c:pt idx="1634">
                  <c:v>406.87900000000002</c:v>
                </c:pt>
                <c:pt idx="1635">
                  <c:v>407.07100000000003</c:v>
                </c:pt>
                <c:pt idx="1636">
                  <c:v>407.32</c:v>
                </c:pt>
                <c:pt idx="1637">
                  <c:v>408.00299999999999</c:v>
                </c:pt>
                <c:pt idx="1638">
                  <c:v>408.30799999999999</c:v>
                </c:pt>
                <c:pt idx="1639">
                  <c:v>408.03800000000001</c:v>
                </c:pt>
                <c:pt idx="1640">
                  <c:v>408.46800000000002</c:v>
                </c:pt>
                <c:pt idx="1641">
                  <c:v>408.64</c:v>
                </c:pt>
                <c:pt idx="1642">
                  <c:v>409.48599999999999</c:v>
                </c:pt>
                <c:pt idx="1643">
                  <c:v>409.29399999999998</c:v>
                </c:pt>
                <c:pt idx="1644">
                  <c:v>410.06099999999998</c:v>
                </c:pt>
                <c:pt idx="1645">
                  <c:v>410.95</c:v>
                </c:pt>
                <c:pt idx="1646">
                  <c:v>411.22500000000002</c:v>
                </c:pt>
                <c:pt idx="1647">
                  <c:v>411.05399999999997</c:v>
                </c:pt>
                <c:pt idx="1648">
                  <c:v>411.73099999999999</c:v>
                </c:pt>
                <c:pt idx="1649">
                  <c:v>411.87799999999999</c:v>
                </c:pt>
                <c:pt idx="1650">
                  <c:v>412.16699999999997</c:v>
                </c:pt>
                <c:pt idx="1651">
                  <c:v>412.87799999999999</c:v>
                </c:pt>
                <c:pt idx="1652">
                  <c:v>412.62400000000002</c:v>
                </c:pt>
                <c:pt idx="1653">
                  <c:v>413.327</c:v>
                </c:pt>
                <c:pt idx="1654">
                  <c:v>413.75700000000001</c:v>
                </c:pt>
                <c:pt idx="1655">
                  <c:v>413.209</c:v>
                </c:pt>
                <c:pt idx="1656">
                  <c:v>413.17099999999999</c:v>
                </c:pt>
                <c:pt idx="1657">
                  <c:v>413.38400000000001</c:v>
                </c:pt>
                <c:pt idx="1658">
                  <c:v>413.399</c:v>
                </c:pt>
                <c:pt idx="1659">
                  <c:v>413.39400000000001</c:v>
                </c:pt>
                <c:pt idx="1660">
                  <c:v>413.71100000000001</c:v>
                </c:pt>
                <c:pt idx="1661">
                  <c:v>413.84300000000002</c:v>
                </c:pt>
                <c:pt idx="1662">
                  <c:v>413.88799999999998</c:v>
                </c:pt>
                <c:pt idx="1663">
                  <c:v>414.43700000000001</c:v>
                </c:pt>
                <c:pt idx="1664">
                  <c:v>414.76299999999998</c:v>
                </c:pt>
                <c:pt idx="1665">
                  <c:v>415.22800000000001</c:v>
                </c:pt>
                <c:pt idx="1666">
                  <c:v>415.37299999999999</c:v>
                </c:pt>
                <c:pt idx="1667">
                  <c:v>415.58499999999998</c:v>
                </c:pt>
                <c:pt idx="1668">
                  <c:v>416.24200000000002</c:v>
                </c:pt>
                <c:pt idx="1669">
                  <c:v>416.09699999999998</c:v>
                </c:pt>
                <c:pt idx="1670">
                  <c:v>416.50299999999999</c:v>
                </c:pt>
                <c:pt idx="1671">
                  <c:v>417.27800000000002</c:v>
                </c:pt>
                <c:pt idx="1672">
                  <c:v>417.50299999999999</c:v>
                </c:pt>
                <c:pt idx="1673">
                  <c:v>418.07299999999998</c:v>
                </c:pt>
                <c:pt idx="1674">
                  <c:v>418.13600000000002</c:v>
                </c:pt>
                <c:pt idx="1675">
                  <c:v>418.10300000000001</c:v>
                </c:pt>
                <c:pt idx="1676">
                  <c:v>418.89800000000002</c:v>
                </c:pt>
                <c:pt idx="1677">
                  <c:v>419.39600000000002</c:v>
                </c:pt>
                <c:pt idx="1678">
                  <c:v>418.93900000000002</c:v>
                </c:pt>
                <c:pt idx="1679">
                  <c:v>419.608</c:v>
                </c:pt>
                <c:pt idx="1680">
                  <c:v>419.93900000000002</c:v>
                </c:pt>
                <c:pt idx="1681">
                  <c:v>420.01100000000002</c:v>
                </c:pt>
                <c:pt idx="1682">
                  <c:v>420.02100000000002</c:v>
                </c:pt>
                <c:pt idx="1683">
                  <c:v>420.40800000000002</c:v>
                </c:pt>
                <c:pt idx="1684">
                  <c:v>420.565</c:v>
                </c:pt>
                <c:pt idx="1685">
                  <c:v>420.45</c:v>
                </c:pt>
                <c:pt idx="1686">
                  <c:v>420.61700000000002</c:v>
                </c:pt>
                <c:pt idx="1687">
                  <c:v>421.06700000000001</c:v>
                </c:pt>
                <c:pt idx="1688">
                  <c:v>421.50200000000001</c:v>
                </c:pt>
                <c:pt idx="1689">
                  <c:v>421.80099999999999</c:v>
                </c:pt>
                <c:pt idx="1690">
                  <c:v>422.46499999999997</c:v>
                </c:pt>
                <c:pt idx="1691">
                  <c:v>422.46899999999999</c:v>
                </c:pt>
                <c:pt idx="1692">
                  <c:v>422.58100000000002</c:v>
                </c:pt>
                <c:pt idx="1693">
                  <c:v>422.68799999999999</c:v>
                </c:pt>
                <c:pt idx="1694">
                  <c:v>423.19600000000003</c:v>
                </c:pt>
                <c:pt idx="1695">
                  <c:v>423.59399999999999</c:v>
                </c:pt>
                <c:pt idx="1696">
                  <c:v>424.12900000000002</c:v>
                </c:pt>
                <c:pt idx="1697">
                  <c:v>424.23099999999999</c:v>
                </c:pt>
                <c:pt idx="1698">
                  <c:v>423.91899999999998</c:v>
                </c:pt>
                <c:pt idx="1699">
                  <c:v>423.83300000000003</c:v>
                </c:pt>
                <c:pt idx="1700">
                  <c:v>424.02</c:v>
                </c:pt>
                <c:pt idx="1701">
                  <c:v>424.8</c:v>
                </c:pt>
                <c:pt idx="1702">
                  <c:v>425.10500000000002</c:v>
                </c:pt>
                <c:pt idx="1703">
                  <c:v>425.36799999999999</c:v>
                </c:pt>
                <c:pt idx="1704">
                  <c:v>425.57400000000001</c:v>
                </c:pt>
                <c:pt idx="1705">
                  <c:v>425.471</c:v>
                </c:pt>
                <c:pt idx="1706">
                  <c:v>425.892</c:v>
                </c:pt>
                <c:pt idx="1707">
                  <c:v>426.00099999999998</c:v>
                </c:pt>
                <c:pt idx="1708">
                  <c:v>426.25099999999998</c:v>
                </c:pt>
                <c:pt idx="1709">
                  <c:v>426.762</c:v>
                </c:pt>
                <c:pt idx="1710">
                  <c:v>426.74400000000003</c:v>
                </c:pt>
                <c:pt idx="1711">
                  <c:v>427.03800000000001</c:v>
                </c:pt>
                <c:pt idx="1712">
                  <c:v>427.26100000000002</c:v>
                </c:pt>
                <c:pt idx="1713">
                  <c:v>427.21300000000002</c:v>
                </c:pt>
                <c:pt idx="1714">
                  <c:v>427.36</c:v>
                </c:pt>
                <c:pt idx="1715">
                  <c:v>427.62700000000001</c:v>
                </c:pt>
                <c:pt idx="1716">
                  <c:v>428.08300000000003</c:v>
                </c:pt>
                <c:pt idx="1717">
                  <c:v>428.625</c:v>
                </c:pt>
                <c:pt idx="1718">
                  <c:v>429.19299999999998</c:v>
                </c:pt>
                <c:pt idx="1719">
                  <c:v>429.25099999999998</c:v>
                </c:pt>
                <c:pt idx="1720">
                  <c:v>429.79899999999998</c:v>
                </c:pt>
                <c:pt idx="1721">
                  <c:v>429.56200000000001</c:v>
                </c:pt>
                <c:pt idx="1722">
                  <c:v>429.72199999999998</c:v>
                </c:pt>
                <c:pt idx="1723">
                  <c:v>429.74299999999999</c:v>
                </c:pt>
                <c:pt idx="1724">
                  <c:v>430.50400000000002</c:v>
                </c:pt>
                <c:pt idx="1725">
                  <c:v>430.81900000000002</c:v>
                </c:pt>
                <c:pt idx="1726">
                  <c:v>431.07900000000001</c:v>
                </c:pt>
                <c:pt idx="1727">
                  <c:v>431.9</c:v>
                </c:pt>
                <c:pt idx="1728">
                  <c:v>432.255</c:v>
                </c:pt>
                <c:pt idx="1729">
                  <c:v>432.10899999999998</c:v>
                </c:pt>
                <c:pt idx="1730">
                  <c:v>432.11799999999999</c:v>
                </c:pt>
                <c:pt idx="1731">
                  <c:v>432.25099999999998</c:v>
                </c:pt>
                <c:pt idx="1732">
                  <c:v>432.39499999999998</c:v>
                </c:pt>
                <c:pt idx="1733">
                  <c:v>432.94799999999998</c:v>
                </c:pt>
                <c:pt idx="1734">
                  <c:v>433.11</c:v>
                </c:pt>
                <c:pt idx="1735">
                  <c:v>433.82900000000001</c:v>
                </c:pt>
                <c:pt idx="1736">
                  <c:v>433.94</c:v>
                </c:pt>
                <c:pt idx="1737">
                  <c:v>434.35300000000001</c:v>
                </c:pt>
                <c:pt idx="1738">
                  <c:v>434.73200000000003</c:v>
                </c:pt>
                <c:pt idx="1739">
                  <c:v>435.084</c:v>
                </c:pt>
                <c:pt idx="1740">
                  <c:v>435.10500000000002</c:v>
                </c:pt>
                <c:pt idx="1741">
                  <c:v>435.44299999999998</c:v>
                </c:pt>
                <c:pt idx="1742">
                  <c:v>435.96199999999999</c:v>
                </c:pt>
                <c:pt idx="1743">
                  <c:v>435.87299999999999</c:v>
                </c:pt>
                <c:pt idx="1744">
                  <c:v>435.697</c:v>
                </c:pt>
                <c:pt idx="1745">
                  <c:v>435.98700000000002</c:v>
                </c:pt>
                <c:pt idx="1746">
                  <c:v>436.24299999999999</c:v>
                </c:pt>
                <c:pt idx="1747">
                  <c:v>436.45600000000002</c:v>
                </c:pt>
                <c:pt idx="1748">
                  <c:v>436.89100000000002</c:v>
                </c:pt>
                <c:pt idx="1749">
                  <c:v>436.584</c:v>
                </c:pt>
                <c:pt idx="1750">
                  <c:v>436.85500000000002</c:v>
                </c:pt>
                <c:pt idx="1751">
                  <c:v>437.68400000000003</c:v>
                </c:pt>
                <c:pt idx="1752">
                  <c:v>438.58600000000001</c:v>
                </c:pt>
                <c:pt idx="1753">
                  <c:v>438.71499999999997</c:v>
                </c:pt>
                <c:pt idx="1754">
                  <c:v>438.76</c:v>
                </c:pt>
                <c:pt idx="1755">
                  <c:v>439.03699999999998</c:v>
                </c:pt>
                <c:pt idx="1756">
                  <c:v>439.74900000000002</c:v>
                </c:pt>
                <c:pt idx="1757">
                  <c:v>440.32600000000002</c:v>
                </c:pt>
                <c:pt idx="1758">
                  <c:v>440.25799999999998</c:v>
                </c:pt>
                <c:pt idx="1759">
                  <c:v>440.68</c:v>
                </c:pt>
                <c:pt idx="1760">
                  <c:v>440.71199999999999</c:v>
                </c:pt>
                <c:pt idx="1761">
                  <c:v>441.01499999999999</c:v>
                </c:pt>
                <c:pt idx="1762">
                  <c:v>441.14699999999999</c:v>
                </c:pt>
                <c:pt idx="1763">
                  <c:v>441.73399999999998</c:v>
                </c:pt>
                <c:pt idx="1764">
                  <c:v>441.54</c:v>
                </c:pt>
                <c:pt idx="1765">
                  <c:v>442.12400000000002</c:v>
                </c:pt>
                <c:pt idx="1766">
                  <c:v>442.31099999999998</c:v>
                </c:pt>
                <c:pt idx="1767">
                  <c:v>442.34800000000001</c:v>
                </c:pt>
                <c:pt idx="1768">
                  <c:v>442.78899999999999</c:v>
                </c:pt>
                <c:pt idx="1769">
                  <c:v>443.04599999999999</c:v>
                </c:pt>
                <c:pt idx="1770">
                  <c:v>443.46499999999997</c:v>
                </c:pt>
                <c:pt idx="1771">
                  <c:v>443.45100000000002</c:v>
                </c:pt>
                <c:pt idx="1772">
                  <c:v>443.39499999999998</c:v>
                </c:pt>
                <c:pt idx="1773">
                  <c:v>443.452</c:v>
                </c:pt>
                <c:pt idx="1774">
                  <c:v>443.61700000000002</c:v>
                </c:pt>
                <c:pt idx="1775">
                  <c:v>444.096</c:v>
                </c:pt>
                <c:pt idx="1776">
                  <c:v>444.029</c:v>
                </c:pt>
                <c:pt idx="1777">
                  <c:v>444.26900000000001</c:v>
                </c:pt>
                <c:pt idx="1778">
                  <c:v>444.33300000000003</c:v>
                </c:pt>
                <c:pt idx="1779">
                  <c:v>444.45499999999998</c:v>
                </c:pt>
                <c:pt idx="1780">
                  <c:v>444.68200000000002</c:v>
                </c:pt>
                <c:pt idx="1781">
                  <c:v>445.01600000000002</c:v>
                </c:pt>
                <c:pt idx="1782">
                  <c:v>445.06400000000002</c:v>
                </c:pt>
                <c:pt idx="1783">
                  <c:v>445.73599999999999</c:v>
                </c:pt>
                <c:pt idx="1784">
                  <c:v>445.73599999999999</c:v>
                </c:pt>
                <c:pt idx="1785">
                  <c:v>446.19400000000002</c:v>
                </c:pt>
                <c:pt idx="1786">
                  <c:v>446.24299999999999</c:v>
                </c:pt>
                <c:pt idx="1787">
                  <c:v>446.56900000000002</c:v>
                </c:pt>
                <c:pt idx="1788">
                  <c:v>446.67700000000002</c:v>
                </c:pt>
                <c:pt idx="1789">
                  <c:v>446.95400000000001</c:v>
                </c:pt>
                <c:pt idx="1790">
                  <c:v>447.04599999999999</c:v>
                </c:pt>
                <c:pt idx="1791">
                  <c:v>447.46699999999998</c:v>
                </c:pt>
                <c:pt idx="1792">
                  <c:v>447.96899999999999</c:v>
                </c:pt>
                <c:pt idx="1793">
                  <c:v>447.84699999999998</c:v>
                </c:pt>
                <c:pt idx="1794">
                  <c:v>447.68799999999999</c:v>
                </c:pt>
                <c:pt idx="1795">
                  <c:v>448.30900000000003</c:v>
                </c:pt>
                <c:pt idx="1796">
                  <c:v>448.48500000000001</c:v>
                </c:pt>
                <c:pt idx="1797">
                  <c:v>448.73700000000002</c:v>
                </c:pt>
                <c:pt idx="1798">
                  <c:v>449.06700000000001</c:v>
                </c:pt>
                <c:pt idx="1799">
                  <c:v>449.27600000000001</c:v>
                </c:pt>
                <c:pt idx="1800">
                  <c:v>449.54700000000003</c:v>
                </c:pt>
                <c:pt idx="1801">
                  <c:v>450.03199999999998</c:v>
                </c:pt>
                <c:pt idx="1802">
                  <c:v>450.11500000000001</c:v>
                </c:pt>
                <c:pt idx="1803">
                  <c:v>450.73399999999998</c:v>
                </c:pt>
                <c:pt idx="1804">
                  <c:v>451.00900000000001</c:v>
                </c:pt>
                <c:pt idx="1805">
                  <c:v>451.19499999999999</c:v>
                </c:pt>
                <c:pt idx="1806">
                  <c:v>451.54</c:v>
                </c:pt>
                <c:pt idx="1807">
                  <c:v>452.024</c:v>
                </c:pt>
                <c:pt idx="1808">
                  <c:v>451.91399999999999</c:v>
                </c:pt>
                <c:pt idx="1809">
                  <c:v>452.42599999999999</c:v>
                </c:pt>
                <c:pt idx="1810">
                  <c:v>452.56200000000001</c:v>
                </c:pt>
                <c:pt idx="1811">
                  <c:v>452.95800000000003</c:v>
                </c:pt>
                <c:pt idx="1812">
                  <c:v>453.50900000000001</c:v>
                </c:pt>
                <c:pt idx="1813">
                  <c:v>453.82900000000001</c:v>
                </c:pt>
                <c:pt idx="1814">
                  <c:v>454.11</c:v>
                </c:pt>
                <c:pt idx="1815">
                  <c:v>454.65800000000002</c:v>
                </c:pt>
                <c:pt idx="1816">
                  <c:v>454.92200000000003</c:v>
                </c:pt>
                <c:pt idx="1817">
                  <c:v>455.262</c:v>
                </c:pt>
                <c:pt idx="1818">
                  <c:v>455.57</c:v>
                </c:pt>
                <c:pt idx="1819">
                  <c:v>455.21600000000001</c:v>
                </c:pt>
                <c:pt idx="1820">
                  <c:v>455.06299999999999</c:v>
                </c:pt>
                <c:pt idx="1821">
                  <c:v>455.40899999999999</c:v>
                </c:pt>
                <c:pt idx="1822">
                  <c:v>455.88900000000001</c:v>
                </c:pt>
                <c:pt idx="1823">
                  <c:v>456.62599999999998</c:v>
                </c:pt>
                <c:pt idx="1824">
                  <c:v>456.73099999999999</c:v>
                </c:pt>
                <c:pt idx="1825">
                  <c:v>457.053</c:v>
                </c:pt>
                <c:pt idx="1826">
                  <c:v>457.30099999999999</c:v>
                </c:pt>
                <c:pt idx="1827">
                  <c:v>457.69400000000002</c:v>
                </c:pt>
                <c:pt idx="1828">
                  <c:v>457.96</c:v>
                </c:pt>
                <c:pt idx="1829">
                  <c:v>457.99099999999999</c:v>
                </c:pt>
                <c:pt idx="1830">
                  <c:v>458.63799999999998</c:v>
                </c:pt>
                <c:pt idx="1831">
                  <c:v>458.56599999999997</c:v>
                </c:pt>
                <c:pt idx="1832">
                  <c:v>458.76900000000001</c:v>
                </c:pt>
                <c:pt idx="1833">
                  <c:v>459.04899999999998</c:v>
                </c:pt>
                <c:pt idx="1834">
                  <c:v>458.95</c:v>
                </c:pt>
                <c:pt idx="1835">
                  <c:v>459.44900000000001</c:v>
                </c:pt>
                <c:pt idx="1836">
                  <c:v>460.31200000000001</c:v>
                </c:pt>
                <c:pt idx="1837">
                  <c:v>460.666</c:v>
                </c:pt>
                <c:pt idx="1838">
                  <c:v>460.93200000000002</c:v>
                </c:pt>
                <c:pt idx="1839">
                  <c:v>461.24700000000001</c:v>
                </c:pt>
                <c:pt idx="1840">
                  <c:v>461.21699999999998</c:v>
                </c:pt>
                <c:pt idx="1841">
                  <c:v>461.27600000000001</c:v>
                </c:pt>
                <c:pt idx="1842">
                  <c:v>461.95400000000001</c:v>
                </c:pt>
                <c:pt idx="1843">
                  <c:v>461.81200000000001</c:v>
                </c:pt>
                <c:pt idx="1844">
                  <c:v>462.12200000000001</c:v>
                </c:pt>
                <c:pt idx="1845">
                  <c:v>462.55599999999998</c:v>
                </c:pt>
                <c:pt idx="1846">
                  <c:v>462.41699999999997</c:v>
                </c:pt>
                <c:pt idx="1847">
                  <c:v>462.72800000000001</c:v>
                </c:pt>
                <c:pt idx="1848">
                  <c:v>463.16899999999998</c:v>
                </c:pt>
                <c:pt idx="1849">
                  <c:v>463.88</c:v>
                </c:pt>
                <c:pt idx="1850">
                  <c:v>464.16699999999997</c:v>
                </c:pt>
                <c:pt idx="1851">
                  <c:v>464.47300000000001</c:v>
                </c:pt>
                <c:pt idx="1852">
                  <c:v>464.80399999999997</c:v>
                </c:pt>
                <c:pt idx="1853">
                  <c:v>465.03100000000001</c:v>
                </c:pt>
                <c:pt idx="1854">
                  <c:v>465.22199999999998</c:v>
                </c:pt>
                <c:pt idx="1855">
                  <c:v>464.92099999999999</c:v>
                </c:pt>
                <c:pt idx="1856">
                  <c:v>465.06400000000002</c:v>
                </c:pt>
                <c:pt idx="1857">
                  <c:v>465.37200000000001</c:v>
                </c:pt>
                <c:pt idx="1858">
                  <c:v>465.74099999999999</c:v>
                </c:pt>
                <c:pt idx="1859">
                  <c:v>466.02100000000002</c:v>
                </c:pt>
                <c:pt idx="1860">
                  <c:v>466.10199999999998</c:v>
                </c:pt>
                <c:pt idx="1861">
                  <c:v>465.84899999999999</c:v>
                </c:pt>
                <c:pt idx="1862">
                  <c:v>465.87</c:v>
                </c:pt>
                <c:pt idx="1863">
                  <c:v>466.06299999999999</c:v>
                </c:pt>
                <c:pt idx="1864">
                  <c:v>466.19499999999999</c:v>
                </c:pt>
                <c:pt idx="1865">
                  <c:v>466.27199999999999</c:v>
                </c:pt>
                <c:pt idx="1866">
                  <c:v>466.38600000000002</c:v>
                </c:pt>
                <c:pt idx="1867">
                  <c:v>466.72699999999998</c:v>
                </c:pt>
                <c:pt idx="1868">
                  <c:v>467.13</c:v>
                </c:pt>
                <c:pt idx="1869">
                  <c:v>467.702</c:v>
                </c:pt>
                <c:pt idx="1870">
                  <c:v>467.904</c:v>
                </c:pt>
                <c:pt idx="1871">
                  <c:v>467.798</c:v>
                </c:pt>
                <c:pt idx="1872">
                  <c:v>467.86700000000002</c:v>
                </c:pt>
                <c:pt idx="1873">
                  <c:v>468.02</c:v>
                </c:pt>
                <c:pt idx="1874">
                  <c:v>468.48599999999999</c:v>
                </c:pt>
                <c:pt idx="1875">
                  <c:v>469.12099999999998</c:v>
                </c:pt>
                <c:pt idx="1876">
                  <c:v>469.11</c:v>
                </c:pt>
                <c:pt idx="1877">
                  <c:v>469.46899999999999</c:v>
                </c:pt>
                <c:pt idx="1878">
                  <c:v>469.505</c:v>
                </c:pt>
                <c:pt idx="1879">
                  <c:v>469.63200000000001</c:v>
                </c:pt>
                <c:pt idx="1880">
                  <c:v>470.01299999999998</c:v>
                </c:pt>
                <c:pt idx="1881">
                  <c:v>470.52300000000002</c:v>
                </c:pt>
                <c:pt idx="1882">
                  <c:v>471.23899999999998</c:v>
                </c:pt>
                <c:pt idx="1883">
                  <c:v>471.89400000000001</c:v>
                </c:pt>
                <c:pt idx="1884">
                  <c:v>471.74799999999999</c:v>
                </c:pt>
                <c:pt idx="1885">
                  <c:v>471.94099999999997</c:v>
                </c:pt>
                <c:pt idx="1886">
                  <c:v>472.31799999999998</c:v>
                </c:pt>
                <c:pt idx="1887">
                  <c:v>472.69</c:v>
                </c:pt>
                <c:pt idx="1888">
                  <c:v>472.91300000000001</c:v>
                </c:pt>
                <c:pt idx="1889">
                  <c:v>473.26600000000002</c:v>
                </c:pt>
                <c:pt idx="1890">
                  <c:v>473.56200000000001</c:v>
                </c:pt>
                <c:pt idx="1891">
                  <c:v>473.99</c:v>
                </c:pt>
                <c:pt idx="1892">
                  <c:v>474.51</c:v>
                </c:pt>
                <c:pt idx="1893">
                  <c:v>474.87799999999999</c:v>
                </c:pt>
                <c:pt idx="1894">
                  <c:v>475.07</c:v>
                </c:pt>
                <c:pt idx="1895">
                  <c:v>475.20699999999999</c:v>
                </c:pt>
                <c:pt idx="1896">
                  <c:v>475.36399999999998</c:v>
                </c:pt>
                <c:pt idx="1897">
                  <c:v>475.86799999999999</c:v>
                </c:pt>
                <c:pt idx="1898">
                  <c:v>475.67899999999997</c:v>
                </c:pt>
                <c:pt idx="1899">
                  <c:v>475.935</c:v>
                </c:pt>
                <c:pt idx="1900">
                  <c:v>476.33100000000002</c:v>
                </c:pt>
                <c:pt idx="1901">
                  <c:v>476.35399999999998</c:v>
                </c:pt>
                <c:pt idx="1902">
                  <c:v>476.64</c:v>
                </c:pt>
                <c:pt idx="1903">
                  <c:v>477.221</c:v>
                </c:pt>
                <c:pt idx="1904">
                  <c:v>477.64600000000002</c:v>
                </c:pt>
                <c:pt idx="1905">
                  <c:v>478.08600000000001</c:v>
                </c:pt>
                <c:pt idx="1906">
                  <c:v>477.952</c:v>
                </c:pt>
                <c:pt idx="1907">
                  <c:v>478.161</c:v>
                </c:pt>
                <c:pt idx="1908">
                  <c:v>478.46800000000002</c:v>
                </c:pt>
                <c:pt idx="1909">
                  <c:v>478.625</c:v>
                </c:pt>
                <c:pt idx="1910">
                  <c:v>479.05700000000002</c:v>
                </c:pt>
                <c:pt idx="1911">
                  <c:v>479.392</c:v>
                </c:pt>
                <c:pt idx="1912">
                  <c:v>479.12099999999998</c:v>
                </c:pt>
                <c:pt idx="1913">
                  <c:v>478.58199999999999</c:v>
                </c:pt>
                <c:pt idx="1914">
                  <c:v>479.01600000000002</c:v>
                </c:pt>
                <c:pt idx="1915">
                  <c:v>479.73200000000003</c:v>
                </c:pt>
                <c:pt idx="1916">
                  <c:v>480.47800000000001</c:v>
                </c:pt>
                <c:pt idx="1917">
                  <c:v>480.64100000000002</c:v>
                </c:pt>
                <c:pt idx="1918">
                  <c:v>480.995</c:v>
                </c:pt>
                <c:pt idx="1919">
                  <c:v>481.30599999999998</c:v>
                </c:pt>
                <c:pt idx="1920">
                  <c:v>481.56200000000001</c:v>
                </c:pt>
                <c:pt idx="1921">
                  <c:v>482.20699999999999</c:v>
                </c:pt>
                <c:pt idx="1922">
                  <c:v>482.61099999999999</c:v>
                </c:pt>
                <c:pt idx="1923">
                  <c:v>482.62599999999998</c:v>
                </c:pt>
                <c:pt idx="1924">
                  <c:v>483.125</c:v>
                </c:pt>
                <c:pt idx="1925">
                  <c:v>483.38499999999999</c:v>
                </c:pt>
                <c:pt idx="1926">
                  <c:v>483.32299999999998</c:v>
                </c:pt>
                <c:pt idx="1927">
                  <c:v>483.74700000000001</c:v>
                </c:pt>
                <c:pt idx="1928">
                  <c:v>483.97199999999998</c:v>
                </c:pt>
                <c:pt idx="1929">
                  <c:v>484.16300000000001</c:v>
                </c:pt>
                <c:pt idx="1930">
                  <c:v>484.11900000000003</c:v>
                </c:pt>
                <c:pt idx="1931">
                  <c:v>485.113</c:v>
                </c:pt>
                <c:pt idx="1932">
                  <c:v>485.113</c:v>
                </c:pt>
                <c:pt idx="1933">
                  <c:v>485.13799999999998</c:v>
                </c:pt>
                <c:pt idx="1934">
                  <c:v>485.19099999999997</c:v>
                </c:pt>
                <c:pt idx="1935">
                  <c:v>485.86399999999998</c:v>
                </c:pt>
                <c:pt idx="1936">
                  <c:v>486.08199999999999</c:v>
                </c:pt>
                <c:pt idx="1937">
                  <c:v>485.654</c:v>
                </c:pt>
                <c:pt idx="1938">
                  <c:v>485.85500000000002</c:v>
                </c:pt>
                <c:pt idx="1939">
                  <c:v>486.26499999999999</c:v>
                </c:pt>
                <c:pt idx="1940">
                  <c:v>486.47399999999999</c:v>
                </c:pt>
                <c:pt idx="1941">
                  <c:v>486.71499999999997</c:v>
                </c:pt>
                <c:pt idx="1942">
                  <c:v>487.01100000000002</c:v>
                </c:pt>
                <c:pt idx="1943">
                  <c:v>487.38600000000002</c:v>
                </c:pt>
                <c:pt idx="1944">
                  <c:v>487.76</c:v>
                </c:pt>
                <c:pt idx="1945">
                  <c:v>487.80399999999997</c:v>
                </c:pt>
                <c:pt idx="1946">
                  <c:v>488</c:v>
                </c:pt>
                <c:pt idx="1947">
                  <c:v>488.18599999999998</c:v>
                </c:pt>
                <c:pt idx="1948">
                  <c:v>488.50400000000002</c:v>
                </c:pt>
                <c:pt idx="1949">
                  <c:v>488.923</c:v>
                </c:pt>
                <c:pt idx="1950">
                  <c:v>489.16800000000001</c:v>
                </c:pt>
                <c:pt idx="1951">
                  <c:v>489.26600000000002</c:v>
                </c:pt>
                <c:pt idx="1952">
                  <c:v>489.54300000000001</c:v>
                </c:pt>
                <c:pt idx="1953">
                  <c:v>489.45499999999998</c:v>
                </c:pt>
                <c:pt idx="1954">
                  <c:v>489.99</c:v>
                </c:pt>
                <c:pt idx="1955">
                  <c:v>490.23599999999999</c:v>
                </c:pt>
                <c:pt idx="1956">
                  <c:v>490.75</c:v>
                </c:pt>
                <c:pt idx="1957">
                  <c:v>491.12400000000002</c:v>
                </c:pt>
                <c:pt idx="1958">
                  <c:v>490.97199999999998</c:v>
                </c:pt>
                <c:pt idx="1959">
                  <c:v>491.15699999999998</c:v>
                </c:pt>
                <c:pt idx="1960">
                  <c:v>491.61700000000002</c:v>
                </c:pt>
                <c:pt idx="1961">
                  <c:v>491.71</c:v>
                </c:pt>
                <c:pt idx="1962">
                  <c:v>491.69099999999997</c:v>
                </c:pt>
                <c:pt idx="1963">
                  <c:v>491.79399999999998</c:v>
                </c:pt>
                <c:pt idx="1964">
                  <c:v>491.93799999999999</c:v>
                </c:pt>
                <c:pt idx="1965">
                  <c:v>492.22</c:v>
                </c:pt>
                <c:pt idx="1966">
                  <c:v>492.92700000000002</c:v>
                </c:pt>
                <c:pt idx="1967">
                  <c:v>493.255</c:v>
                </c:pt>
                <c:pt idx="1968">
                  <c:v>493.654</c:v>
                </c:pt>
                <c:pt idx="1969">
                  <c:v>493.76</c:v>
                </c:pt>
                <c:pt idx="1970">
                  <c:v>494.31200000000001</c:v>
                </c:pt>
                <c:pt idx="1971">
                  <c:v>494.66899999999998</c:v>
                </c:pt>
                <c:pt idx="1972">
                  <c:v>495.04</c:v>
                </c:pt>
                <c:pt idx="1973">
                  <c:v>495.18</c:v>
                </c:pt>
                <c:pt idx="1974">
                  <c:v>495.49299999999999</c:v>
                </c:pt>
                <c:pt idx="1975">
                  <c:v>495.92200000000003</c:v>
                </c:pt>
                <c:pt idx="1976">
                  <c:v>496.20100000000002</c:v>
                </c:pt>
                <c:pt idx="1977">
                  <c:v>496.56299999999999</c:v>
                </c:pt>
                <c:pt idx="1978">
                  <c:v>496.67700000000002</c:v>
                </c:pt>
                <c:pt idx="1979">
                  <c:v>497.29899999999998</c:v>
                </c:pt>
                <c:pt idx="1980">
                  <c:v>497.51100000000002</c:v>
                </c:pt>
                <c:pt idx="1981">
                  <c:v>497.83100000000002</c:v>
                </c:pt>
                <c:pt idx="1982">
                  <c:v>497.70100000000002</c:v>
                </c:pt>
                <c:pt idx="1983">
                  <c:v>497.60300000000001</c:v>
                </c:pt>
                <c:pt idx="1984">
                  <c:v>498.17200000000003</c:v>
                </c:pt>
                <c:pt idx="1985">
                  <c:v>498.363</c:v>
                </c:pt>
                <c:pt idx="1986">
                  <c:v>498.43900000000002</c:v>
                </c:pt>
                <c:pt idx="1987">
                  <c:v>498.79899999999998</c:v>
                </c:pt>
                <c:pt idx="1988">
                  <c:v>499.19</c:v>
                </c:pt>
                <c:pt idx="1989">
                  <c:v>499.48599999999999</c:v>
                </c:pt>
                <c:pt idx="1990">
                  <c:v>499.83600000000001</c:v>
                </c:pt>
                <c:pt idx="1991">
                  <c:v>499.935</c:v>
                </c:pt>
                <c:pt idx="1992">
                  <c:v>500.24299999999999</c:v>
                </c:pt>
                <c:pt idx="1993">
                  <c:v>500.62900000000002</c:v>
                </c:pt>
                <c:pt idx="1994">
                  <c:v>500.74700000000001</c:v>
                </c:pt>
                <c:pt idx="1995">
                  <c:v>500.89</c:v>
                </c:pt>
                <c:pt idx="1996">
                  <c:v>500.95800000000003</c:v>
                </c:pt>
                <c:pt idx="1997">
                  <c:v>501.4</c:v>
                </c:pt>
                <c:pt idx="1998">
                  <c:v>502.10399999999998</c:v>
                </c:pt>
                <c:pt idx="1999">
                  <c:v>502.55099999999999</c:v>
                </c:pt>
                <c:pt idx="2000">
                  <c:v>502.81900000000002</c:v>
                </c:pt>
                <c:pt idx="2001">
                  <c:v>502.988</c:v>
                </c:pt>
                <c:pt idx="2002">
                  <c:v>503.13200000000001</c:v>
                </c:pt>
                <c:pt idx="2003">
                  <c:v>503.65</c:v>
                </c:pt>
                <c:pt idx="2004">
                  <c:v>503.6</c:v>
                </c:pt>
                <c:pt idx="2005">
                  <c:v>503.94</c:v>
                </c:pt>
                <c:pt idx="2006">
                  <c:v>504.22199999999998</c:v>
                </c:pt>
                <c:pt idx="2007">
                  <c:v>504.21800000000002</c:v>
                </c:pt>
                <c:pt idx="2008">
                  <c:v>504.53</c:v>
                </c:pt>
                <c:pt idx="2009">
                  <c:v>504.81599999999997</c:v>
                </c:pt>
                <c:pt idx="2010">
                  <c:v>504.9</c:v>
                </c:pt>
                <c:pt idx="2011">
                  <c:v>505.09500000000003</c:v>
                </c:pt>
                <c:pt idx="2012">
                  <c:v>505.57100000000003</c:v>
                </c:pt>
                <c:pt idx="2013">
                  <c:v>505.88499999999999</c:v>
                </c:pt>
                <c:pt idx="2014">
                  <c:v>506.09699999999998</c:v>
                </c:pt>
                <c:pt idx="2015">
                  <c:v>506.339</c:v>
                </c:pt>
                <c:pt idx="2016">
                  <c:v>506.90499999999997</c:v>
                </c:pt>
                <c:pt idx="2017">
                  <c:v>506.79</c:v>
                </c:pt>
                <c:pt idx="2018">
                  <c:v>506.76</c:v>
                </c:pt>
                <c:pt idx="2019">
                  <c:v>507.04399999999998</c:v>
                </c:pt>
                <c:pt idx="2020">
                  <c:v>507.50700000000001</c:v>
                </c:pt>
                <c:pt idx="2021">
                  <c:v>508.02</c:v>
                </c:pt>
                <c:pt idx="2022">
                  <c:v>508.09699999999998</c:v>
                </c:pt>
                <c:pt idx="2023">
                  <c:v>508.483</c:v>
                </c:pt>
                <c:pt idx="2024">
                  <c:v>508.84800000000001</c:v>
                </c:pt>
                <c:pt idx="2025">
                  <c:v>509.16699999999997</c:v>
                </c:pt>
                <c:pt idx="2026">
                  <c:v>509.19200000000001</c:v>
                </c:pt>
                <c:pt idx="2027">
                  <c:v>509.63600000000002</c:v>
                </c:pt>
                <c:pt idx="2028">
                  <c:v>510.077</c:v>
                </c:pt>
                <c:pt idx="2029">
                  <c:v>510.21499999999997</c:v>
                </c:pt>
                <c:pt idx="2030">
                  <c:v>510.17599999999999</c:v>
                </c:pt>
                <c:pt idx="2031">
                  <c:v>510.32100000000003</c:v>
                </c:pt>
                <c:pt idx="2032">
                  <c:v>510.505</c:v>
                </c:pt>
                <c:pt idx="2033">
                  <c:v>510.85399999999998</c:v>
                </c:pt>
                <c:pt idx="2034">
                  <c:v>511.25900000000001</c:v>
                </c:pt>
                <c:pt idx="2035">
                  <c:v>511.43700000000001</c:v>
                </c:pt>
                <c:pt idx="2036">
                  <c:v>511.55900000000003</c:v>
                </c:pt>
                <c:pt idx="2037">
                  <c:v>511.75400000000002</c:v>
                </c:pt>
                <c:pt idx="2038">
                  <c:v>512.29999999999995</c:v>
                </c:pt>
                <c:pt idx="2039">
                  <c:v>512.72699999999998</c:v>
                </c:pt>
                <c:pt idx="2040">
                  <c:v>512.81500000000005</c:v>
                </c:pt>
                <c:pt idx="2041">
                  <c:v>512.84100000000001</c:v>
                </c:pt>
                <c:pt idx="2042">
                  <c:v>512.95399999999995</c:v>
                </c:pt>
                <c:pt idx="2043">
                  <c:v>513.27200000000005</c:v>
                </c:pt>
                <c:pt idx="2044">
                  <c:v>513.58799999999997</c:v>
                </c:pt>
                <c:pt idx="2045">
                  <c:v>513.83299999999997</c:v>
                </c:pt>
                <c:pt idx="2046">
                  <c:v>514.13300000000004</c:v>
                </c:pt>
                <c:pt idx="2047">
                  <c:v>514.51300000000003</c:v>
                </c:pt>
                <c:pt idx="2048">
                  <c:v>514.774</c:v>
                </c:pt>
                <c:pt idx="2049">
                  <c:v>515.00099999999998</c:v>
                </c:pt>
                <c:pt idx="2050">
                  <c:v>515.14400000000001</c:v>
                </c:pt>
                <c:pt idx="2051">
                  <c:v>515.39599999999996</c:v>
                </c:pt>
                <c:pt idx="2052">
                  <c:v>515.80100000000004</c:v>
                </c:pt>
                <c:pt idx="2053">
                  <c:v>516.04899999999998</c:v>
                </c:pt>
                <c:pt idx="2054">
                  <c:v>516.34400000000005</c:v>
                </c:pt>
                <c:pt idx="2055">
                  <c:v>516.58799999999997</c:v>
                </c:pt>
                <c:pt idx="2056">
                  <c:v>516.76099999999997</c:v>
                </c:pt>
                <c:pt idx="2057">
                  <c:v>516.88900000000001</c:v>
                </c:pt>
                <c:pt idx="2058">
                  <c:v>517.21799999999996</c:v>
                </c:pt>
                <c:pt idx="2059">
                  <c:v>517.55100000000004</c:v>
                </c:pt>
                <c:pt idx="2060">
                  <c:v>517.94799999999998</c:v>
                </c:pt>
                <c:pt idx="2061">
                  <c:v>518.23299999999995</c:v>
                </c:pt>
                <c:pt idx="2062">
                  <c:v>518.43700000000001</c:v>
                </c:pt>
                <c:pt idx="2063">
                  <c:v>518.77700000000004</c:v>
                </c:pt>
                <c:pt idx="2064">
                  <c:v>519.072</c:v>
                </c:pt>
                <c:pt idx="2065">
                  <c:v>519.45399999999995</c:v>
                </c:pt>
                <c:pt idx="2066">
                  <c:v>519.81299999999999</c:v>
                </c:pt>
                <c:pt idx="2067">
                  <c:v>520.16800000000001</c:v>
                </c:pt>
                <c:pt idx="2068">
                  <c:v>520.25599999999997</c:v>
                </c:pt>
                <c:pt idx="2069">
                  <c:v>520.68799999999999</c:v>
                </c:pt>
                <c:pt idx="2070">
                  <c:v>520.98299999999995</c:v>
                </c:pt>
                <c:pt idx="2071">
                  <c:v>521.29399999999998</c:v>
                </c:pt>
                <c:pt idx="2072">
                  <c:v>521.221</c:v>
                </c:pt>
                <c:pt idx="2073">
                  <c:v>521.41</c:v>
                </c:pt>
                <c:pt idx="2074">
                  <c:v>521.68799999999999</c:v>
                </c:pt>
                <c:pt idx="2075">
                  <c:v>522.21799999999996</c:v>
                </c:pt>
                <c:pt idx="2076">
                  <c:v>522.47199999999998</c:v>
                </c:pt>
                <c:pt idx="2077">
                  <c:v>522.72400000000005</c:v>
                </c:pt>
                <c:pt idx="2078">
                  <c:v>522.76099999999997</c:v>
                </c:pt>
                <c:pt idx="2079">
                  <c:v>523.024</c:v>
                </c:pt>
                <c:pt idx="2080">
                  <c:v>523.20100000000002</c:v>
                </c:pt>
                <c:pt idx="2081">
                  <c:v>523.62</c:v>
                </c:pt>
                <c:pt idx="2082">
                  <c:v>523.97</c:v>
                </c:pt>
                <c:pt idx="2083">
                  <c:v>524.41399999999999</c:v>
                </c:pt>
                <c:pt idx="2084">
                  <c:v>524.577</c:v>
                </c:pt>
                <c:pt idx="2085">
                  <c:v>524.86199999999997</c:v>
                </c:pt>
                <c:pt idx="2086">
                  <c:v>525.00099999999998</c:v>
                </c:pt>
                <c:pt idx="2087">
                  <c:v>525.13900000000001</c:v>
                </c:pt>
                <c:pt idx="2088">
                  <c:v>525.16600000000005</c:v>
                </c:pt>
                <c:pt idx="2089">
                  <c:v>525.57000000000005</c:v>
                </c:pt>
                <c:pt idx="2090">
                  <c:v>525.76800000000003</c:v>
                </c:pt>
                <c:pt idx="2091">
                  <c:v>526.06200000000001</c:v>
                </c:pt>
                <c:pt idx="2092">
                  <c:v>526.31100000000004</c:v>
                </c:pt>
                <c:pt idx="2093">
                  <c:v>526.60299999999995</c:v>
                </c:pt>
                <c:pt idx="2094">
                  <c:v>527.03700000000003</c:v>
                </c:pt>
                <c:pt idx="2095">
                  <c:v>527.41700000000003</c:v>
                </c:pt>
                <c:pt idx="2096">
                  <c:v>527.34299999999996</c:v>
                </c:pt>
                <c:pt idx="2097">
                  <c:v>527.61699999999996</c:v>
                </c:pt>
                <c:pt idx="2098">
                  <c:v>528.06200000000001</c:v>
                </c:pt>
                <c:pt idx="2099">
                  <c:v>528.42100000000005</c:v>
                </c:pt>
                <c:pt idx="2100">
                  <c:v>528.64800000000002</c:v>
                </c:pt>
                <c:pt idx="2101">
                  <c:v>529.02300000000002</c:v>
                </c:pt>
                <c:pt idx="2102">
                  <c:v>529.25699999999995</c:v>
                </c:pt>
                <c:pt idx="2103">
                  <c:v>529.23099999999999</c:v>
                </c:pt>
                <c:pt idx="2104">
                  <c:v>529.46199999999999</c:v>
                </c:pt>
                <c:pt idx="2105">
                  <c:v>530.03</c:v>
                </c:pt>
                <c:pt idx="2106">
                  <c:v>530.27800000000002</c:v>
                </c:pt>
                <c:pt idx="2107">
                  <c:v>530.37400000000002</c:v>
                </c:pt>
                <c:pt idx="2108">
                  <c:v>530.77800000000002</c:v>
                </c:pt>
                <c:pt idx="2109">
                  <c:v>531.13300000000004</c:v>
                </c:pt>
                <c:pt idx="2110">
                  <c:v>531.05499999999995</c:v>
                </c:pt>
                <c:pt idx="2111">
                  <c:v>531.14200000000005</c:v>
                </c:pt>
                <c:pt idx="2112">
                  <c:v>531.673</c:v>
                </c:pt>
                <c:pt idx="2113">
                  <c:v>531.75599999999997</c:v>
                </c:pt>
                <c:pt idx="2114">
                  <c:v>531.78399999999999</c:v>
                </c:pt>
                <c:pt idx="2115">
                  <c:v>532.14</c:v>
                </c:pt>
                <c:pt idx="2116">
                  <c:v>532.35900000000004</c:v>
                </c:pt>
                <c:pt idx="2117">
                  <c:v>532.68100000000004</c:v>
                </c:pt>
                <c:pt idx="2118">
                  <c:v>533.07299999999998</c:v>
                </c:pt>
                <c:pt idx="2119">
                  <c:v>533.69600000000003</c:v>
                </c:pt>
                <c:pt idx="2120">
                  <c:v>533.97299999999996</c:v>
                </c:pt>
                <c:pt idx="2121">
                  <c:v>534.01099999999997</c:v>
                </c:pt>
                <c:pt idx="2122">
                  <c:v>533.79999999999995</c:v>
                </c:pt>
                <c:pt idx="2123">
                  <c:v>533.96</c:v>
                </c:pt>
                <c:pt idx="2124">
                  <c:v>534.23099999999999</c:v>
                </c:pt>
                <c:pt idx="2125">
                  <c:v>534.50699999999995</c:v>
                </c:pt>
                <c:pt idx="2126">
                  <c:v>535.26099999999997</c:v>
                </c:pt>
                <c:pt idx="2127">
                  <c:v>535.60299999999995</c:v>
                </c:pt>
                <c:pt idx="2128">
                  <c:v>535.71900000000005</c:v>
                </c:pt>
                <c:pt idx="2129">
                  <c:v>535.74699999999996</c:v>
                </c:pt>
                <c:pt idx="2130">
                  <c:v>535.94899999999996</c:v>
                </c:pt>
                <c:pt idx="2131">
                  <c:v>536.55100000000004</c:v>
                </c:pt>
                <c:pt idx="2132">
                  <c:v>536.64599999999996</c:v>
                </c:pt>
                <c:pt idx="2133">
                  <c:v>536.94500000000005</c:v>
                </c:pt>
                <c:pt idx="2134">
                  <c:v>537.16200000000003</c:v>
                </c:pt>
                <c:pt idx="2135">
                  <c:v>537.47400000000005</c:v>
                </c:pt>
                <c:pt idx="2136">
                  <c:v>537.88699999999994</c:v>
                </c:pt>
                <c:pt idx="2137">
                  <c:v>537.92100000000005</c:v>
                </c:pt>
                <c:pt idx="2138">
                  <c:v>538.34100000000001</c:v>
                </c:pt>
                <c:pt idx="2139">
                  <c:v>538.43600000000004</c:v>
                </c:pt>
                <c:pt idx="2140">
                  <c:v>538.83600000000001</c:v>
                </c:pt>
                <c:pt idx="2141">
                  <c:v>539.05899999999997</c:v>
                </c:pt>
                <c:pt idx="2142">
                  <c:v>539.322</c:v>
                </c:pt>
                <c:pt idx="2143">
                  <c:v>539.83199999999999</c:v>
                </c:pt>
                <c:pt idx="2144">
                  <c:v>540.09299999999996</c:v>
                </c:pt>
                <c:pt idx="2145">
                  <c:v>540.29100000000005</c:v>
                </c:pt>
                <c:pt idx="2146">
                  <c:v>540.39599999999996</c:v>
                </c:pt>
                <c:pt idx="2147">
                  <c:v>540.79899999999998</c:v>
                </c:pt>
                <c:pt idx="2148">
                  <c:v>540.98099999999999</c:v>
                </c:pt>
                <c:pt idx="2149">
                  <c:v>541.16499999999996</c:v>
                </c:pt>
                <c:pt idx="2150">
                  <c:v>541.42499999999995</c:v>
                </c:pt>
                <c:pt idx="2151">
                  <c:v>541.62699999999995</c:v>
                </c:pt>
                <c:pt idx="2152">
                  <c:v>541.86300000000006</c:v>
                </c:pt>
                <c:pt idx="2153">
                  <c:v>542.36800000000005</c:v>
                </c:pt>
                <c:pt idx="2154">
                  <c:v>542.51599999999996</c:v>
                </c:pt>
                <c:pt idx="2155">
                  <c:v>542.91499999999996</c:v>
                </c:pt>
                <c:pt idx="2156">
                  <c:v>543.16700000000003</c:v>
                </c:pt>
                <c:pt idx="2157">
                  <c:v>543.61800000000005</c:v>
                </c:pt>
                <c:pt idx="2158">
                  <c:v>543.88900000000001</c:v>
                </c:pt>
                <c:pt idx="2159">
                  <c:v>544.18100000000004</c:v>
                </c:pt>
                <c:pt idx="2160">
                  <c:v>544.36400000000003</c:v>
                </c:pt>
                <c:pt idx="2161">
                  <c:v>544.56100000000004</c:v>
                </c:pt>
                <c:pt idx="2162">
                  <c:v>544.80399999999997</c:v>
                </c:pt>
                <c:pt idx="2163">
                  <c:v>545.20799999999997</c:v>
                </c:pt>
                <c:pt idx="2164">
                  <c:v>545.25699999999995</c:v>
                </c:pt>
                <c:pt idx="2165">
                  <c:v>545.59</c:v>
                </c:pt>
                <c:pt idx="2166">
                  <c:v>545.89099999999996</c:v>
                </c:pt>
                <c:pt idx="2167">
                  <c:v>545.93100000000004</c:v>
                </c:pt>
                <c:pt idx="2168">
                  <c:v>546.41800000000001</c:v>
                </c:pt>
                <c:pt idx="2169">
                  <c:v>546.37599999999998</c:v>
                </c:pt>
                <c:pt idx="2170">
                  <c:v>546.654</c:v>
                </c:pt>
                <c:pt idx="2171">
                  <c:v>546.80999999999995</c:v>
                </c:pt>
                <c:pt idx="2172">
                  <c:v>547.11699999999996</c:v>
                </c:pt>
                <c:pt idx="2173">
                  <c:v>547.28800000000001</c:v>
                </c:pt>
                <c:pt idx="2174">
                  <c:v>547.577</c:v>
                </c:pt>
                <c:pt idx="2175">
                  <c:v>547.94500000000005</c:v>
                </c:pt>
                <c:pt idx="2176">
                  <c:v>548.07399999999996</c:v>
                </c:pt>
                <c:pt idx="2177">
                  <c:v>548.28300000000002</c:v>
                </c:pt>
                <c:pt idx="2178">
                  <c:v>548.53899999999999</c:v>
                </c:pt>
                <c:pt idx="2179">
                  <c:v>548.80600000000004</c:v>
                </c:pt>
                <c:pt idx="2180">
                  <c:v>549.04100000000005</c:v>
                </c:pt>
                <c:pt idx="2181">
                  <c:v>549.31399999999996</c:v>
                </c:pt>
                <c:pt idx="2182">
                  <c:v>549.67100000000005</c:v>
                </c:pt>
                <c:pt idx="2183">
                  <c:v>549.83399999999995</c:v>
                </c:pt>
                <c:pt idx="2184">
                  <c:v>549.98</c:v>
                </c:pt>
                <c:pt idx="2185">
                  <c:v>550.23099999999999</c:v>
                </c:pt>
                <c:pt idx="2186">
                  <c:v>550.51499999999999</c:v>
                </c:pt>
                <c:pt idx="2187">
                  <c:v>550.84199999999998</c:v>
                </c:pt>
                <c:pt idx="2188">
                  <c:v>551.10599999999999</c:v>
                </c:pt>
                <c:pt idx="2189">
                  <c:v>551.42200000000003</c:v>
                </c:pt>
                <c:pt idx="2190">
                  <c:v>551.49900000000002</c:v>
                </c:pt>
                <c:pt idx="2191">
                  <c:v>551.74300000000005</c:v>
                </c:pt>
                <c:pt idx="2192">
                  <c:v>552.1</c:v>
                </c:pt>
                <c:pt idx="2193">
                  <c:v>552.60299999999995</c:v>
                </c:pt>
                <c:pt idx="2194">
                  <c:v>552.88499999999999</c:v>
                </c:pt>
                <c:pt idx="2195">
                  <c:v>553.149</c:v>
                </c:pt>
                <c:pt idx="2196">
                  <c:v>553.298</c:v>
                </c:pt>
                <c:pt idx="2197">
                  <c:v>553.66800000000001</c:v>
                </c:pt>
                <c:pt idx="2198">
                  <c:v>554.13</c:v>
                </c:pt>
                <c:pt idx="2199">
                  <c:v>554.36900000000003</c:v>
                </c:pt>
                <c:pt idx="2200">
                  <c:v>554.67899999999997</c:v>
                </c:pt>
                <c:pt idx="2201">
                  <c:v>554.81299999999999</c:v>
                </c:pt>
                <c:pt idx="2202">
                  <c:v>554.79700000000003</c:v>
                </c:pt>
                <c:pt idx="2203">
                  <c:v>554.78399999999999</c:v>
                </c:pt>
                <c:pt idx="2204">
                  <c:v>555.39400000000001</c:v>
                </c:pt>
                <c:pt idx="2205">
                  <c:v>555.70100000000002</c:v>
                </c:pt>
                <c:pt idx="2206">
                  <c:v>555.85299999999995</c:v>
                </c:pt>
                <c:pt idx="2207">
                  <c:v>556.03</c:v>
                </c:pt>
                <c:pt idx="2208">
                  <c:v>556.27700000000004</c:v>
                </c:pt>
                <c:pt idx="2209">
                  <c:v>556.33600000000001</c:v>
                </c:pt>
                <c:pt idx="2210">
                  <c:v>556.423</c:v>
                </c:pt>
                <c:pt idx="2211">
                  <c:v>556.82399999999996</c:v>
                </c:pt>
                <c:pt idx="2212">
                  <c:v>557.178</c:v>
                </c:pt>
                <c:pt idx="2213">
                  <c:v>557.37300000000005</c:v>
                </c:pt>
                <c:pt idx="2214">
                  <c:v>557.61099999999999</c:v>
                </c:pt>
                <c:pt idx="2215">
                  <c:v>558.16700000000003</c:v>
                </c:pt>
                <c:pt idx="2216">
                  <c:v>558.63900000000001</c:v>
                </c:pt>
                <c:pt idx="2217">
                  <c:v>558.62300000000005</c:v>
                </c:pt>
                <c:pt idx="2218">
                  <c:v>558.95299999999997</c:v>
                </c:pt>
                <c:pt idx="2219">
                  <c:v>559.21699999999998</c:v>
                </c:pt>
                <c:pt idx="2220">
                  <c:v>559.32399999999996</c:v>
                </c:pt>
                <c:pt idx="2221">
                  <c:v>559.57600000000002</c:v>
                </c:pt>
                <c:pt idx="2222">
                  <c:v>559.67200000000003</c:v>
                </c:pt>
                <c:pt idx="2223">
                  <c:v>560.15</c:v>
                </c:pt>
                <c:pt idx="2224">
                  <c:v>560.46100000000001</c:v>
                </c:pt>
                <c:pt idx="2225">
                  <c:v>560.52700000000004</c:v>
                </c:pt>
                <c:pt idx="2226">
                  <c:v>560.26400000000001</c:v>
                </c:pt>
                <c:pt idx="2227">
                  <c:v>560.48800000000006</c:v>
                </c:pt>
                <c:pt idx="2228">
                  <c:v>561.00699999999995</c:v>
                </c:pt>
                <c:pt idx="2229">
                  <c:v>561.23099999999999</c:v>
                </c:pt>
                <c:pt idx="2230">
                  <c:v>561.76099999999997</c:v>
                </c:pt>
                <c:pt idx="2231">
                  <c:v>561.97799999999995</c:v>
                </c:pt>
                <c:pt idx="2232">
                  <c:v>562.58299999999997</c:v>
                </c:pt>
                <c:pt idx="2233">
                  <c:v>562.73599999999999</c:v>
                </c:pt>
                <c:pt idx="2234">
                  <c:v>563.18899999999996</c:v>
                </c:pt>
                <c:pt idx="2235">
                  <c:v>563.23099999999999</c:v>
                </c:pt>
                <c:pt idx="2236">
                  <c:v>563.42899999999997</c:v>
                </c:pt>
                <c:pt idx="2237">
                  <c:v>563.63599999999997</c:v>
                </c:pt>
                <c:pt idx="2238">
                  <c:v>563.96900000000005</c:v>
                </c:pt>
                <c:pt idx="2239">
                  <c:v>564.13900000000001</c:v>
                </c:pt>
                <c:pt idx="2240">
                  <c:v>564.42600000000004</c:v>
                </c:pt>
                <c:pt idx="2241">
                  <c:v>564.83699999999999</c:v>
                </c:pt>
                <c:pt idx="2242">
                  <c:v>565.20799999999997</c:v>
                </c:pt>
                <c:pt idx="2243">
                  <c:v>565.59299999999996</c:v>
                </c:pt>
                <c:pt idx="2244">
                  <c:v>565.70799999999997</c:v>
                </c:pt>
                <c:pt idx="2245">
                  <c:v>565.67399999999998</c:v>
                </c:pt>
                <c:pt idx="2246">
                  <c:v>566.14499999999998</c:v>
                </c:pt>
                <c:pt idx="2247">
                  <c:v>566.38800000000003</c:v>
                </c:pt>
                <c:pt idx="2248">
                  <c:v>566.65599999999995</c:v>
                </c:pt>
                <c:pt idx="2249">
                  <c:v>566.87699999999995</c:v>
                </c:pt>
                <c:pt idx="2250">
                  <c:v>566.9</c:v>
                </c:pt>
                <c:pt idx="2251">
                  <c:v>567.30999999999995</c:v>
                </c:pt>
                <c:pt idx="2252">
                  <c:v>567.49599999999998</c:v>
                </c:pt>
                <c:pt idx="2253">
                  <c:v>567.83100000000002</c:v>
                </c:pt>
                <c:pt idx="2254">
                  <c:v>568.00599999999997</c:v>
                </c:pt>
                <c:pt idx="2255">
                  <c:v>567.97799999999995</c:v>
                </c:pt>
                <c:pt idx="2256">
                  <c:v>568.27200000000005</c:v>
                </c:pt>
                <c:pt idx="2257">
                  <c:v>568.5</c:v>
                </c:pt>
                <c:pt idx="2258">
                  <c:v>568.83900000000006</c:v>
                </c:pt>
                <c:pt idx="2259">
                  <c:v>569.07399999999996</c:v>
                </c:pt>
                <c:pt idx="2260">
                  <c:v>569.423</c:v>
                </c:pt>
                <c:pt idx="2261">
                  <c:v>569.72900000000004</c:v>
                </c:pt>
                <c:pt idx="2262">
                  <c:v>569.95100000000002</c:v>
                </c:pt>
                <c:pt idx="2263">
                  <c:v>570.20299999999997</c:v>
                </c:pt>
                <c:pt idx="2264">
                  <c:v>570.577</c:v>
                </c:pt>
                <c:pt idx="2265">
                  <c:v>570.79300000000001</c:v>
                </c:pt>
                <c:pt idx="2266">
                  <c:v>570.92600000000004</c:v>
                </c:pt>
                <c:pt idx="2267">
                  <c:v>571.38199999999995</c:v>
                </c:pt>
                <c:pt idx="2268">
                  <c:v>571.63300000000004</c:v>
                </c:pt>
                <c:pt idx="2269">
                  <c:v>572.13199999999995</c:v>
                </c:pt>
                <c:pt idx="2270">
                  <c:v>572.31700000000001</c:v>
                </c:pt>
                <c:pt idx="2271">
                  <c:v>572.28399999999999</c:v>
                </c:pt>
                <c:pt idx="2272">
                  <c:v>572.32399999999996</c:v>
                </c:pt>
                <c:pt idx="2273">
                  <c:v>572.85699999999997</c:v>
                </c:pt>
                <c:pt idx="2274">
                  <c:v>573.16499999999996</c:v>
                </c:pt>
                <c:pt idx="2275">
                  <c:v>573.42200000000003</c:v>
                </c:pt>
                <c:pt idx="2276">
                  <c:v>573.46299999999997</c:v>
                </c:pt>
                <c:pt idx="2277">
                  <c:v>573.952</c:v>
                </c:pt>
                <c:pt idx="2278">
                  <c:v>574.173</c:v>
                </c:pt>
                <c:pt idx="2279">
                  <c:v>574.53599999999994</c:v>
                </c:pt>
                <c:pt idx="2280">
                  <c:v>574.44500000000005</c:v>
                </c:pt>
                <c:pt idx="2281">
                  <c:v>574.45500000000004</c:v>
                </c:pt>
                <c:pt idx="2282">
                  <c:v>574.95699999999999</c:v>
                </c:pt>
                <c:pt idx="2283">
                  <c:v>575.495</c:v>
                </c:pt>
                <c:pt idx="2284">
                  <c:v>575.65700000000004</c:v>
                </c:pt>
                <c:pt idx="2285">
                  <c:v>575.80700000000002</c:v>
                </c:pt>
                <c:pt idx="2286">
                  <c:v>575.68299999999999</c:v>
                </c:pt>
                <c:pt idx="2287">
                  <c:v>575.91099999999994</c:v>
                </c:pt>
                <c:pt idx="2288">
                  <c:v>575.94799999999998</c:v>
                </c:pt>
                <c:pt idx="2289">
                  <c:v>576.34799999999996</c:v>
                </c:pt>
                <c:pt idx="2290">
                  <c:v>576.49300000000005</c:v>
                </c:pt>
                <c:pt idx="2291">
                  <c:v>576.84</c:v>
                </c:pt>
                <c:pt idx="2292">
                  <c:v>577.21799999999996</c:v>
                </c:pt>
                <c:pt idx="2293">
                  <c:v>577.58799999999997</c:v>
                </c:pt>
                <c:pt idx="2294">
                  <c:v>578.13499999999999</c:v>
                </c:pt>
                <c:pt idx="2295">
                  <c:v>578.41999999999996</c:v>
                </c:pt>
                <c:pt idx="2296">
                  <c:v>578.65800000000002</c:v>
                </c:pt>
                <c:pt idx="2297">
                  <c:v>579.05399999999997</c:v>
                </c:pt>
                <c:pt idx="2298">
                  <c:v>579.09699999999998</c:v>
                </c:pt>
                <c:pt idx="2299">
                  <c:v>579.245</c:v>
                </c:pt>
                <c:pt idx="2300">
                  <c:v>579.49</c:v>
                </c:pt>
                <c:pt idx="2301">
                  <c:v>579.61300000000006</c:v>
                </c:pt>
                <c:pt idx="2302">
                  <c:v>580.16499999999996</c:v>
                </c:pt>
                <c:pt idx="2303">
                  <c:v>580.56299999999999</c:v>
                </c:pt>
                <c:pt idx="2304">
                  <c:v>580.67600000000004</c:v>
                </c:pt>
                <c:pt idx="2305">
                  <c:v>580.75599999999997</c:v>
                </c:pt>
                <c:pt idx="2306">
                  <c:v>581.15499999999997</c:v>
                </c:pt>
                <c:pt idx="2307">
                  <c:v>581.15599999999995</c:v>
                </c:pt>
                <c:pt idx="2308">
                  <c:v>581.53899999999999</c:v>
                </c:pt>
                <c:pt idx="2309">
                  <c:v>581.78200000000004</c:v>
                </c:pt>
                <c:pt idx="2310">
                  <c:v>581.71100000000001</c:v>
                </c:pt>
                <c:pt idx="2311">
                  <c:v>582.00599999999997</c:v>
                </c:pt>
                <c:pt idx="2312">
                  <c:v>582.34199999999998</c:v>
                </c:pt>
                <c:pt idx="2313">
                  <c:v>582.76099999999997</c:v>
                </c:pt>
                <c:pt idx="2314">
                  <c:v>582.88199999999995</c:v>
                </c:pt>
                <c:pt idx="2315">
                  <c:v>583.10699999999997</c:v>
                </c:pt>
                <c:pt idx="2316">
                  <c:v>583.06399999999996</c:v>
                </c:pt>
                <c:pt idx="2317">
                  <c:v>583.35699999999997</c:v>
                </c:pt>
                <c:pt idx="2318">
                  <c:v>583.58100000000002</c:v>
                </c:pt>
                <c:pt idx="2319">
                  <c:v>584.04600000000005</c:v>
                </c:pt>
                <c:pt idx="2320">
                  <c:v>584.49800000000005</c:v>
                </c:pt>
                <c:pt idx="2321">
                  <c:v>584.96900000000005</c:v>
                </c:pt>
                <c:pt idx="2322">
                  <c:v>585.21600000000001</c:v>
                </c:pt>
                <c:pt idx="2323">
                  <c:v>585.46699999999998</c:v>
                </c:pt>
                <c:pt idx="2324">
                  <c:v>585.86500000000001</c:v>
                </c:pt>
                <c:pt idx="2325">
                  <c:v>586.25699999999995</c:v>
                </c:pt>
                <c:pt idx="2326">
                  <c:v>586.45100000000002</c:v>
                </c:pt>
                <c:pt idx="2327">
                  <c:v>586.64099999999996</c:v>
                </c:pt>
                <c:pt idx="2328">
                  <c:v>586.846</c:v>
                </c:pt>
                <c:pt idx="2329">
                  <c:v>587.05700000000002</c:v>
                </c:pt>
                <c:pt idx="2330">
                  <c:v>587.06200000000001</c:v>
                </c:pt>
                <c:pt idx="2331">
                  <c:v>587.33900000000006</c:v>
                </c:pt>
                <c:pt idx="2332">
                  <c:v>587.55100000000004</c:v>
                </c:pt>
                <c:pt idx="2333">
                  <c:v>588.04399999999998</c:v>
                </c:pt>
                <c:pt idx="2334">
                  <c:v>588.43899999999996</c:v>
                </c:pt>
                <c:pt idx="2335">
                  <c:v>588.76199999999994</c:v>
                </c:pt>
                <c:pt idx="2336">
                  <c:v>589.03200000000004</c:v>
                </c:pt>
                <c:pt idx="2337">
                  <c:v>589.24599999999998</c:v>
                </c:pt>
                <c:pt idx="2338">
                  <c:v>589.36</c:v>
                </c:pt>
                <c:pt idx="2339">
                  <c:v>589.37800000000004</c:v>
                </c:pt>
                <c:pt idx="2340">
                  <c:v>589.83000000000004</c:v>
                </c:pt>
                <c:pt idx="2341">
                  <c:v>589.91</c:v>
                </c:pt>
                <c:pt idx="2342">
                  <c:v>590.22900000000004</c:v>
                </c:pt>
                <c:pt idx="2343">
                  <c:v>590.29</c:v>
                </c:pt>
                <c:pt idx="2344">
                  <c:v>590.45600000000002</c:v>
                </c:pt>
                <c:pt idx="2345">
                  <c:v>590.75699999999995</c:v>
                </c:pt>
                <c:pt idx="2346">
                  <c:v>591.16399999999999</c:v>
                </c:pt>
                <c:pt idx="2347">
                  <c:v>591.58900000000006</c:v>
                </c:pt>
                <c:pt idx="2348">
                  <c:v>591.71500000000003</c:v>
                </c:pt>
                <c:pt idx="2349">
                  <c:v>591.65499999999997</c:v>
                </c:pt>
                <c:pt idx="2350">
                  <c:v>592.08100000000002</c:v>
                </c:pt>
                <c:pt idx="2351">
                  <c:v>592.26300000000003</c:v>
                </c:pt>
                <c:pt idx="2352">
                  <c:v>592.59100000000001</c:v>
                </c:pt>
                <c:pt idx="2353">
                  <c:v>592.70799999999997</c:v>
                </c:pt>
                <c:pt idx="2354">
                  <c:v>593.01099999999997</c:v>
                </c:pt>
                <c:pt idx="2355">
                  <c:v>593.34799999999996</c:v>
                </c:pt>
                <c:pt idx="2356">
                  <c:v>593.50800000000004</c:v>
                </c:pt>
                <c:pt idx="2357">
                  <c:v>593.47500000000002</c:v>
                </c:pt>
                <c:pt idx="2358">
                  <c:v>593.63599999999997</c:v>
                </c:pt>
                <c:pt idx="2359">
                  <c:v>593.95899999999995</c:v>
                </c:pt>
                <c:pt idx="2360">
                  <c:v>594.49400000000003</c:v>
                </c:pt>
                <c:pt idx="2361">
                  <c:v>594.98800000000006</c:v>
                </c:pt>
                <c:pt idx="2362">
                  <c:v>595.18299999999999</c:v>
                </c:pt>
                <c:pt idx="2363">
                  <c:v>595.56100000000004</c:v>
                </c:pt>
                <c:pt idx="2364">
                  <c:v>595.64099999999996</c:v>
                </c:pt>
                <c:pt idx="2365">
                  <c:v>596.08900000000006</c:v>
                </c:pt>
                <c:pt idx="2366">
                  <c:v>596.13699999999994</c:v>
                </c:pt>
                <c:pt idx="2367">
                  <c:v>596.096</c:v>
                </c:pt>
                <c:pt idx="2368">
                  <c:v>596.37699999999995</c:v>
                </c:pt>
                <c:pt idx="2369">
                  <c:v>596.90899999999999</c:v>
                </c:pt>
                <c:pt idx="2370">
                  <c:v>597.11800000000005</c:v>
                </c:pt>
                <c:pt idx="2371">
                  <c:v>597.40700000000004</c:v>
                </c:pt>
                <c:pt idx="2372">
                  <c:v>597.85400000000004</c:v>
                </c:pt>
                <c:pt idx="2373">
                  <c:v>597.95500000000004</c:v>
                </c:pt>
                <c:pt idx="2374">
                  <c:v>598.06700000000001</c:v>
                </c:pt>
                <c:pt idx="2375">
                  <c:v>598.04300000000001</c:v>
                </c:pt>
                <c:pt idx="2376">
                  <c:v>598.41</c:v>
                </c:pt>
                <c:pt idx="2377">
                  <c:v>598.702</c:v>
                </c:pt>
                <c:pt idx="2378">
                  <c:v>599.10699999999997</c:v>
                </c:pt>
                <c:pt idx="2379">
                  <c:v>599.38300000000004</c:v>
                </c:pt>
                <c:pt idx="2380">
                  <c:v>599.81799999999998</c:v>
                </c:pt>
                <c:pt idx="2381">
                  <c:v>599.91999999999996</c:v>
                </c:pt>
                <c:pt idx="2382">
                  <c:v>599.87599999999998</c:v>
                </c:pt>
                <c:pt idx="2383">
                  <c:v>600.21699999999998</c:v>
                </c:pt>
                <c:pt idx="2384">
                  <c:v>600.36199999999997</c:v>
                </c:pt>
                <c:pt idx="2385">
                  <c:v>600.45699999999999</c:v>
                </c:pt>
                <c:pt idx="2386">
                  <c:v>600.81600000000003</c:v>
                </c:pt>
                <c:pt idx="2387">
                  <c:v>600.99199999999996</c:v>
                </c:pt>
                <c:pt idx="2388">
                  <c:v>601.34100000000001</c:v>
                </c:pt>
                <c:pt idx="2389">
                  <c:v>601.60599999999999</c:v>
                </c:pt>
                <c:pt idx="2390">
                  <c:v>601.99900000000002</c:v>
                </c:pt>
                <c:pt idx="2391">
                  <c:v>602.17200000000003</c:v>
                </c:pt>
                <c:pt idx="2392">
                  <c:v>602.43799999999999</c:v>
                </c:pt>
                <c:pt idx="2393">
                  <c:v>602.79200000000003</c:v>
                </c:pt>
                <c:pt idx="2394">
                  <c:v>603.10500000000002</c:v>
                </c:pt>
                <c:pt idx="2395">
                  <c:v>603.25699999999995</c:v>
                </c:pt>
                <c:pt idx="2396">
                  <c:v>603.45500000000004</c:v>
                </c:pt>
                <c:pt idx="2397">
                  <c:v>603.61400000000003</c:v>
                </c:pt>
                <c:pt idx="2398">
                  <c:v>603.91800000000001</c:v>
                </c:pt>
                <c:pt idx="2399">
                  <c:v>604.23900000000003</c:v>
                </c:pt>
                <c:pt idx="2400">
                  <c:v>604.41200000000003</c:v>
                </c:pt>
                <c:pt idx="2401">
                  <c:v>604.74</c:v>
                </c:pt>
                <c:pt idx="2402">
                  <c:v>605.19899999999996</c:v>
                </c:pt>
                <c:pt idx="2403">
                  <c:v>605.53200000000004</c:v>
                </c:pt>
                <c:pt idx="2404">
                  <c:v>605.548</c:v>
                </c:pt>
                <c:pt idx="2405">
                  <c:v>605.68100000000004</c:v>
                </c:pt>
                <c:pt idx="2406">
                  <c:v>606.07100000000003</c:v>
                </c:pt>
                <c:pt idx="2407">
                  <c:v>606.1</c:v>
                </c:pt>
                <c:pt idx="2408">
                  <c:v>606.49</c:v>
                </c:pt>
                <c:pt idx="2409">
                  <c:v>606.83600000000001</c:v>
                </c:pt>
                <c:pt idx="2410">
                  <c:v>607.00400000000002</c:v>
                </c:pt>
                <c:pt idx="2411">
                  <c:v>607.18899999999996</c:v>
                </c:pt>
                <c:pt idx="2412">
                  <c:v>607.38699999999994</c:v>
                </c:pt>
                <c:pt idx="2413">
                  <c:v>607.52800000000002</c:v>
                </c:pt>
                <c:pt idx="2414">
                  <c:v>607.60599999999999</c:v>
                </c:pt>
                <c:pt idx="2415">
                  <c:v>607.91800000000001</c:v>
                </c:pt>
                <c:pt idx="2416">
                  <c:v>608.04999999999995</c:v>
                </c:pt>
                <c:pt idx="2417">
                  <c:v>608.46</c:v>
                </c:pt>
                <c:pt idx="2418">
                  <c:v>608.59699999999998</c:v>
                </c:pt>
                <c:pt idx="2419">
                  <c:v>608.71100000000001</c:v>
                </c:pt>
                <c:pt idx="2420">
                  <c:v>609.00199999999995</c:v>
                </c:pt>
                <c:pt idx="2421">
                  <c:v>609.404</c:v>
                </c:pt>
                <c:pt idx="2422">
                  <c:v>609.74699999999996</c:v>
                </c:pt>
                <c:pt idx="2423">
                  <c:v>609.51900000000001</c:v>
                </c:pt>
                <c:pt idx="2424">
                  <c:v>610.01199999999994</c:v>
                </c:pt>
                <c:pt idx="2425">
                  <c:v>610.41800000000001</c:v>
                </c:pt>
                <c:pt idx="2426">
                  <c:v>610.46600000000001</c:v>
                </c:pt>
                <c:pt idx="2427">
                  <c:v>610.58199999999999</c:v>
                </c:pt>
                <c:pt idx="2428">
                  <c:v>610.995</c:v>
                </c:pt>
                <c:pt idx="2429">
                  <c:v>611.37400000000002</c:v>
                </c:pt>
                <c:pt idx="2430">
                  <c:v>611.697</c:v>
                </c:pt>
                <c:pt idx="2431">
                  <c:v>611.96400000000006</c:v>
                </c:pt>
                <c:pt idx="2432">
                  <c:v>612.11</c:v>
                </c:pt>
                <c:pt idx="2433">
                  <c:v>612.62800000000004</c:v>
                </c:pt>
                <c:pt idx="2434">
                  <c:v>612.78599999999994</c:v>
                </c:pt>
                <c:pt idx="2435">
                  <c:v>612.83500000000004</c:v>
                </c:pt>
                <c:pt idx="2436">
                  <c:v>613.23699999999997</c:v>
                </c:pt>
                <c:pt idx="2437">
                  <c:v>613.68399999999997</c:v>
                </c:pt>
                <c:pt idx="2438">
                  <c:v>613.99400000000003</c:v>
                </c:pt>
                <c:pt idx="2439">
                  <c:v>614.072</c:v>
                </c:pt>
                <c:pt idx="2440">
                  <c:v>614.26199999999994</c:v>
                </c:pt>
                <c:pt idx="2441">
                  <c:v>614.60299999999995</c:v>
                </c:pt>
                <c:pt idx="2442">
                  <c:v>614.86800000000005</c:v>
                </c:pt>
                <c:pt idx="2443">
                  <c:v>615.13300000000004</c:v>
                </c:pt>
                <c:pt idx="2444">
                  <c:v>615.30999999999995</c:v>
                </c:pt>
                <c:pt idx="2445">
                  <c:v>615.44100000000003</c:v>
                </c:pt>
                <c:pt idx="2446">
                  <c:v>615.54499999999996</c:v>
                </c:pt>
                <c:pt idx="2447">
                  <c:v>615.97</c:v>
                </c:pt>
                <c:pt idx="2448">
                  <c:v>616.34900000000005</c:v>
                </c:pt>
                <c:pt idx="2449">
                  <c:v>616.31600000000003</c:v>
                </c:pt>
                <c:pt idx="2450">
                  <c:v>616.49800000000005</c:v>
                </c:pt>
                <c:pt idx="2451">
                  <c:v>616.78899999999999</c:v>
                </c:pt>
                <c:pt idx="2452">
                  <c:v>616.99699999999996</c:v>
                </c:pt>
                <c:pt idx="2453">
                  <c:v>617.154</c:v>
                </c:pt>
                <c:pt idx="2454">
                  <c:v>617.38199999999995</c:v>
                </c:pt>
                <c:pt idx="2455">
                  <c:v>617.67200000000003</c:v>
                </c:pt>
                <c:pt idx="2456">
                  <c:v>617.80999999999995</c:v>
                </c:pt>
                <c:pt idx="2457">
                  <c:v>618.15200000000004</c:v>
                </c:pt>
                <c:pt idx="2458">
                  <c:v>618.43399999999997</c:v>
                </c:pt>
                <c:pt idx="2459">
                  <c:v>618.89</c:v>
                </c:pt>
                <c:pt idx="2460">
                  <c:v>619.26</c:v>
                </c:pt>
                <c:pt idx="2461">
                  <c:v>619.32899999999995</c:v>
                </c:pt>
                <c:pt idx="2462">
                  <c:v>619.53099999999995</c:v>
                </c:pt>
                <c:pt idx="2463">
                  <c:v>619.89499999999998</c:v>
                </c:pt>
                <c:pt idx="2464">
                  <c:v>620.23400000000004</c:v>
                </c:pt>
                <c:pt idx="2465">
                  <c:v>620.16800000000001</c:v>
                </c:pt>
                <c:pt idx="2466">
                  <c:v>620.38499999999999</c:v>
                </c:pt>
                <c:pt idx="2467">
                  <c:v>620.51</c:v>
                </c:pt>
                <c:pt idx="2468">
                  <c:v>621.12199999999996</c:v>
                </c:pt>
                <c:pt idx="2469">
                  <c:v>621.50599999999997</c:v>
                </c:pt>
                <c:pt idx="2470">
                  <c:v>621.85500000000002</c:v>
                </c:pt>
                <c:pt idx="2471">
                  <c:v>622.01400000000001</c:v>
                </c:pt>
                <c:pt idx="2472">
                  <c:v>622.29</c:v>
                </c:pt>
                <c:pt idx="2473">
                  <c:v>622.4</c:v>
                </c:pt>
                <c:pt idx="2474">
                  <c:v>622.57100000000003</c:v>
                </c:pt>
                <c:pt idx="2475">
                  <c:v>622.93600000000004</c:v>
                </c:pt>
                <c:pt idx="2476">
                  <c:v>623.17100000000005</c:v>
                </c:pt>
                <c:pt idx="2477">
                  <c:v>623.25300000000004</c:v>
                </c:pt>
                <c:pt idx="2478">
                  <c:v>623.38099999999997</c:v>
                </c:pt>
                <c:pt idx="2479">
                  <c:v>623.73099999999999</c:v>
                </c:pt>
                <c:pt idx="2480">
                  <c:v>624.12199999999996</c:v>
                </c:pt>
                <c:pt idx="2481">
                  <c:v>624.33500000000004</c:v>
                </c:pt>
                <c:pt idx="2482">
                  <c:v>624.63099999999997</c:v>
                </c:pt>
                <c:pt idx="2483">
                  <c:v>625.08799999999997</c:v>
                </c:pt>
                <c:pt idx="2484">
                  <c:v>625.49599999999998</c:v>
                </c:pt>
                <c:pt idx="2485">
                  <c:v>625.83199999999999</c:v>
                </c:pt>
                <c:pt idx="2486">
                  <c:v>626.04899999999998</c:v>
                </c:pt>
                <c:pt idx="2487">
                  <c:v>626.22799999999995</c:v>
                </c:pt>
                <c:pt idx="2488">
                  <c:v>626.37699999999995</c:v>
                </c:pt>
                <c:pt idx="2489">
                  <c:v>626.548</c:v>
                </c:pt>
                <c:pt idx="2490">
                  <c:v>626.71500000000003</c:v>
                </c:pt>
                <c:pt idx="2491">
                  <c:v>627.03499999999997</c:v>
                </c:pt>
                <c:pt idx="2492">
                  <c:v>627.20299999999997</c:v>
                </c:pt>
                <c:pt idx="2493">
                  <c:v>627.44299999999998</c:v>
                </c:pt>
                <c:pt idx="2494">
                  <c:v>627.78</c:v>
                </c:pt>
                <c:pt idx="2495">
                  <c:v>628.077</c:v>
                </c:pt>
                <c:pt idx="2496">
                  <c:v>628.45500000000004</c:v>
                </c:pt>
                <c:pt idx="2497">
                  <c:v>628.721</c:v>
                </c:pt>
                <c:pt idx="2498">
                  <c:v>628.66300000000001</c:v>
                </c:pt>
                <c:pt idx="2499">
                  <c:v>628.96400000000006</c:v>
                </c:pt>
                <c:pt idx="2500">
                  <c:v>629.28</c:v>
                </c:pt>
                <c:pt idx="2501">
                  <c:v>629.74400000000003</c:v>
                </c:pt>
                <c:pt idx="2502">
                  <c:v>629.72299999999996</c:v>
                </c:pt>
                <c:pt idx="2503">
                  <c:v>630.04399999999998</c:v>
                </c:pt>
                <c:pt idx="2504">
                  <c:v>630.29499999999996</c:v>
                </c:pt>
                <c:pt idx="2505">
                  <c:v>630.447</c:v>
                </c:pt>
                <c:pt idx="2506">
                  <c:v>630.65800000000002</c:v>
                </c:pt>
                <c:pt idx="2507">
                  <c:v>630.83799999999997</c:v>
                </c:pt>
                <c:pt idx="2508">
                  <c:v>631.02200000000005</c:v>
                </c:pt>
                <c:pt idx="2509">
                  <c:v>631.60900000000004</c:v>
                </c:pt>
                <c:pt idx="2510">
                  <c:v>632.005</c:v>
                </c:pt>
                <c:pt idx="2511">
                  <c:v>632.36500000000001</c:v>
                </c:pt>
                <c:pt idx="2512">
                  <c:v>632.53599999999994</c:v>
                </c:pt>
                <c:pt idx="2513">
                  <c:v>632.92899999999997</c:v>
                </c:pt>
                <c:pt idx="2514">
                  <c:v>632.93100000000004</c:v>
                </c:pt>
                <c:pt idx="2515">
                  <c:v>633.23400000000004</c:v>
                </c:pt>
                <c:pt idx="2516">
                  <c:v>633.31500000000005</c:v>
                </c:pt>
                <c:pt idx="2517">
                  <c:v>633.57600000000002</c:v>
                </c:pt>
                <c:pt idx="2518">
                  <c:v>633.77200000000005</c:v>
                </c:pt>
                <c:pt idx="2519">
                  <c:v>634.06799999999998</c:v>
                </c:pt>
                <c:pt idx="2520">
                  <c:v>634.22400000000005</c:v>
                </c:pt>
                <c:pt idx="2521">
                  <c:v>634.46600000000001</c:v>
                </c:pt>
                <c:pt idx="2522">
                  <c:v>634.59500000000003</c:v>
                </c:pt>
                <c:pt idx="2523">
                  <c:v>635.19399999999996</c:v>
                </c:pt>
                <c:pt idx="2524">
                  <c:v>635.65</c:v>
                </c:pt>
                <c:pt idx="2525">
                  <c:v>635.80200000000002</c:v>
                </c:pt>
                <c:pt idx="2526">
                  <c:v>636.13800000000003</c:v>
                </c:pt>
                <c:pt idx="2527">
                  <c:v>636.25900000000001</c:v>
                </c:pt>
                <c:pt idx="2528">
                  <c:v>636.68200000000002</c:v>
                </c:pt>
                <c:pt idx="2529">
                  <c:v>637.13699999999994</c:v>
                </c:pt>
                <c:pt idx="2530">
                  <c:v>637.11300000000006</c:v>
                </c:pt>
                <c:pt idx="2531">
                  <c:v>637.38699999999994</c:v>
                </c:pt>
                <c:pt idx="2532">
                  <c:v>637.71199999999999</c:v>
                </c:pt>
                <c:pt idx="2533">
                  <c:v>637.76900000000001</c:v>
                </c:pt>
                <c:pt idx="2534">
                  <c:v>637.971</c:v>
                </c:pt>
                <c:pt idx="2535">
                  <c:v>638.44299999999998</c:v>
                </c:pt>
                <c:pt idx="2536">
                  <c:v>638.51199999999994</c:v>
                </c:pt>
                <c:pt idx="2537">
                  <c:v>638.71699999999998</c:v>
                </c:pt>
                <c:pt idx="2538">
                  <c:v>638.92600000000004</c:v>
                </c:pt>
                <c:pt idx="2539">
                  <c:v>639.23299999999995</c:v>
                </c:pt>
                <c:pt idx="2540">
                  <c:v>639.69100000000003</c:v>
                </c:pt>
                <c:pt idx="2541">
                  <c:v>640.07000000000005</c:v>
                </c:pt>
                <c:pt idx="2542">
                  <c:v>640.327</c:v>
                </c:pt>
                <c:pt idx="2543">
                  <c:v>640.46100000000001</c:v>
                </c:pt>
                <c:pt idx="2544">
                  <c:v>640.85799999999995</c:v>
                </c:pt>
                <c:pt idx="2545">
                  <c:v>641.26900000000001</c:v>
                </c:pt>
                <c:pt idx="2546">
                  <c:v>641.47400000000005</c:v>
                </c:pt>
                <c:pt idx="2547">
                  <c:v>641.649</c:v>
                </c:pt>
                <c:pt idx="2548">
                  <c:v>642.09</c:v>
                </c:pt>
                <c:pt idx="2549">
                  <c:v>642.42200000000003</c:v>
                </c:pt>
                <c:pt idx="2550">
                  <c:v>642.52300000000002</c:v>
                </c:pt>
                <c:pt idx="2551">
                  <c:v>642.75400000000002</c:v>
                </c:pt>
                <c:pt idx="2552">
                  <c:v>642.98099999999999</c:v>
                </c:pt>
                <c:pt idx="2553">
                  <c:v>643.18700000000001</c:v>
                </c:pt>
                <c:pt idx="2554">
                  <c:v>643.48299999999995</c:v>
                </c:pt>
                <c:pt idx="2555">
                  <c:v>643.71799999999996</c:v>
                </c:pt>
                <c:pt idx="2556">
                  <c:v>644.13199999999995</c:v>
                </c:pt>
                <c:pt idx="2557">
                  <c:v>644.10900000000004</c:v>
                </c:pt>
                <c:pt idx="2558">
                  <c:v>644.36099999999999</c:v>
                </c:pt>
                <c:pt idx="2559">
                  <c:v>644.68899999999996</c:v>
                </c:pt>
                <c:pt idx="2560">
                  <c:v>644.83299999999997</c:v>
                </c:pt>
                <c:pt idx="2561">
                  <c:v>644.923</c:v>
                </c:pt>
                <c:pt idx="2562">
                  <c:v>645.346</c:v>
                </c:pt>
                <c:pt idx="2563">
                  <c:v>645.47400000000005</c:v>
                </c:pt>
                <c:pt idx="2564">
                  <c:v>645.88699999999994</c:v>
                </c:pt>
                <c:pt idx="2565">
                  <c:v>646.48900000000003</c:v>
                </c:pt>
                <c:pt idx="2566">
                  <c:v>646.76700000000005</c:v>
                </c:pt>
                <c:pt idx="2567">
                  <c:v>646.86800000000005</c:v>
                </c:pt>
                <c:pt idx="2568">
                  <c:v>647.23099999999999</c:v>
                </c:pt>
                <c:pt idx="2569">
                  <c:v>647.30399999999997</c:v>
                </c:pt>
                <c:pt idx="2570">
                  <c:v>647.34900000000005</c:v>
                </c:pt>
                <c:pt idx="2571">
                  <c:v>647.96799999999996</c:v>
                </c:pt>
                <c:pt idx="2572">
                  <c:v>648.23099999999999</c:v>
                </c:pt>
                <c:pt idx="2573">
                  <c:v>648.47199999999998</c:v>
                </c:pt>
                <c:pt idx="2574">
                  <c:v>648.66899999999998</c:v>
                </c:pt>
                <c:pt idx="2575">
                  <c:v>648.87699999999995</c:v>
                </c:pt>
                <c:pt idx="2576">
                  <c:v>649.06100000000004</c:v>
                </c:pt>
                <c:pt idx="2577">
                  <c:v>649.21900000000005</c:v>
                </c:pt>
                <c:pt idx="2578">
                  <c:v>649.55200000000002</c:v>
                </c:pt>
                <c:pt idx="2579">
                  <c:v>649.65</c:v>
                </c:pt>
                <c:pt idx="2580">
                  <c:v>649.827</c:v>
                </c:pt>
                <c:pt idx="2581">
                  <c:v>650.19100000000003</c:v>
                </c:pt>
                <c:pt idx="2582">
                  <c:v>650.69100000000003</c:v>
                </c:pt>
                <c:pt idx="2583">
                  <c:v>650.93600000000004</c:v>
                </c:pt>
                <c:pt idx="2584">
                  <c:v>651.17100000000005</c:v>
                </c:pt>
                <c:pt idx="2585">
                  <c:v>651.51900000000001</c:v>
                </c:pt>
                <c:pt idx="2586">
                  <c:v>651.66700000000003</c:v>
                </c:pt>
                <c:pt idx="2587">
                  <c:v>651.83199999999999</c:v>
                </c:pt>
                <c:pt idx="2588">
                  <c:v>652.07500000000005</c:v>
                </c:pt>
                <c:pt idx="2589">
                  <c:v>652.48800000000006</c:v>
                </c:pt>
                <c:pt idx="2590">
                  <c:v>652.94399999999996</c:v>
                </c:pt>
                <c:pt idx="2591">
                  <c:v>653.18499999999995</c:v>
                </c:pt>
                <c:pt idx="2592">
                  <c:v>653.28800000000001</c:v>
                </c:pt>
                <c:pt idx="2593">
                  <c:v>653.60299999999995</c:v>
                </c:pt>
                <c:pt idx="2594">
                  <c:v>654.005</c:v>
                </c:pt>
                <c:pt idx="2595">
                  <c:v>654.31600000000003</c:v>
                </c:pt>
                <c:pt idx="2596">
                  <c:v>654.52499999999998</c:v>
                </c:pt>
                <c:pt idx="2597">
                  <c:v>654.66999999999996</c:v>
                </c:pt>
                <c:pt idx="2598">
                  <c:v>655.13800000000003</c:v>
                </c:pt>
                <c:pt idx="2599">
                  <c:v>655.26900000000001</c:v>
                </c:pt>
                <c:pt idx="2600">
                  <c:v>655.36699999999996</c:v>
                </c:pt>
                <c:pt idx="2601">
                  <c:v>655.548</c:v>
                </c:pt>
                <c:pt idx="2602">
                  <c:v>655.89099999999996</c:v>
                </c:pt>
                <c:pt idx="2603">
                  <c:v>656.17</c:v>
                </c:pt>
                <c:pt idx="2604">
                  <c:v>656.59900000000005</c:v>
                </c:pt>
                <c:pt idx="2605">
                  <c:v>656.99300000000005</c:v>
                </c:pt>
                <c:pt idx="2606">
                  <c:v>657.41399999999999</c:v>
                </c:pt>
                <c:pt idx="2607">
                  <c:v>658.00699999999995</c:v>
                </c:pt>
                <c:pt idx="2608">
                  <c:v>658.255</c:v>
                </c:pt>
                <c:pt idx="2609">
                  <c:v>658.11099999999999</c:v>
                </c:pt>
                <c:pt idx="2610">
                  <c:v>658.399</c:v>
                </c:pt>
                <c:pt idx="2611">
                  <c:v>658.69600000000003</c:v>
                </c:pt>
                <c:pt idx="2612">
                  <c:v>658.83900000000006</c:v>
                </c:pt>
                <c:pt idx="2613">
                  <c:v>658.96100000000001</c:v>
                </c:pt>
                <c:pt idx="2614">
                  <c:v>659.04300000000001</c:v>
                </c:pt>
                <c:pt idx="2615">
                  <c:v>659.36199999999997</c:v>
                </c:pt>
                <c:pt idx="2616">
                  <c:v>659.72299999999996</c:v>
                </c:pt>
                <c:pt idx="2617">
                  <c:v>659.89599999999996</c:v>
                </c:pt>
                <c:pt idx="2618">
                  <c:v>660.29700000000003</c:v>
                </c:pt>
                <c:pt idx="2619">
                  <c:v>660.33900000000006</c:v>
                </c:pt>
                <c:pt idx="2620">
                  <c:v>660.67100000000005</c:v>
                </c:pt>
                <c:pt idx="2621">
                  <c:v>660.81700000000001</c:v>
                </c:pt>
                <c:pt idx="2622">
                  <c:v>660.88099999999997</c:v>
                </c:pt>
                <c:pt idx="2623">
                  <c:v>661.15099999999995</c:v>
                </c:pt>
                <c:pt idx="2624">
                  <c:v>661.65300000000002</c:v>
                </c:pt>
                <c:pt idx="2625">
                  <c:v>661.86</c:v>
                </c:pt>
                <c:pt idx="2626">
                  <c:v>662.13199999999995</c:v>
                </c:pt>
                <c:pt idx="2627">
                  <c:v>662.404</c:v>
                </c:pt>
                <c:pt idx="2628">
                  <c:v>662.83399999999995</c:v>
                </c:pt>
                <c:pt idx="2629">
                  <c:v>663.11500000000001</c:v>
                </c:pt>
                <c:pt idx="2630">
                  <c:v>663.47199999999998</c:v>
                </c:pt>
                <c:pt idx="2631">
                  <c:v>663.57</c:v>
                </c:pt>
                <c:pt idx="2632">
                  <c:v>663.56299999999999</c:v>
                </c:pt>
                <c:pt idx="2633">
                  <c:v>663.86</c:v>
                </c:pt>
                <c:pt idx="2634">
                  <c:v>664.18899999999996</c:v>
                </c:pt>
                <c:pt idx="2635">
                  <c:v>664.52200000000005</c:v>
                </c:pt>
                <c:pt idx="2636">
                  <c:v>664.83600000000001</c:v>
                </c:pt>
                <c:pt idx="2637">
                  <c:v>665.09699999999998</c:v>
                </c:pt>
                <c:pt idx="2638">
                  <c:v>665.53200000000004</c:v>
                </c:pt>
                <c:pt idx="2639">
                  <c:v>665.97</c:v>
                </c:pt>
                <c:pt idx="2640">
                  <c:v>666.18600000000004</c:v>
                </c:pt>
                <c:pt idx="2641">
                  <c:v>666.18399999999997</c:v>
                </c:pt>
                <c:pt idx="2642">
                  <c:v>666.51099999999997</c:v>
                </c:pt>
                <c:pt idx="2643">
                  <c:v>666.78899999999999</c:v>
                </c:pt>
                <c:pt idx="2644">
                  <c:v>667.18499999999995</c:v>
                </c:pt>
                <c:pt idx="2645">
                  <c:v>667.39099999999996</c:v>
                </c:pt>
                <c:pt idx="2646">
                  <c:v>667.65800000000002</c:v>
                </c:pt>
                <c:pt idx="2647">
                  <c:v>668.07299999999998</c:v>
                </c:pt>
                <c:pt idx="2648">
                  <c:v>668.38400000000001</c:v>
                </c:pt>
                <c:pt idx="2649">
                  <c:v>668.48099999999999</c:v>
                </c:pt>
                <c:pt idx="2650">
                  <c:v>668.57299999999998</c:v>
                </c:pt>
                <c:pt idx="2651">
                  <c:v>668.89</c:v>
                </c:pt>
                <c:pt idx="2652">
                  <c:v>669.16800000000001</c:v>
                </c:pt>
                <c:pt idx="2653">
                  <c:v>669.44799999999998</c:v>
                </c:pt>
                <c:pt idx="2654">
                  <c:v>669.923</c:v>
                </c:pt>
                <c:pt idx="2655">
                  <c:v>670.05700000000002</c:v>
                </c:pt>
                <c:pt idx="2656">
                  <c:v>670.08299999999997</c:v>
                </c:pt>
                <c:pt idx="2657">
                  <c:v>670.25800000000004</c:v>
                </c:pt>
                <c:pt idx="2658">
                  <c:v>670.31500000000005</c:v>
                </c:pt>
                <c:pt idx="2659">
                  <c:v>670.55100000000004</c:v>
                </c:pt>
                <c:pt idx="2660">
                  <c:v>671.05600000000004</c:v>
                </c:pt>
                <c:pt idx="2661">
                  <c:v>671.62</c:v>
                </c:pt>
                <c:pt idx="2662">
                  <c:v>671.98500000000001</c:v>
                </c:pt>
                <c:pt idx="2663">
                  <c:v>672.33799999999997</c:v>
                </c:pt>
                <c:pt idx="2664">
                  <c:v>672.375</c:v>
                </c:pt>
                <c:pt idx="2665">
                  <c:v>672.64800000000002</c:v>
                </c:pt>
                <c:pt idx="2666">
                  <c:v>672.80799999999999</c:v>
                </c:pt>
                <c:pt idx="2667">
                  <c:v>673.24800000000005</c:v>
                </c:pt>
                <c:pt idx="2668">
                  <c:v>673.59900000000005</c:v>
                </c:pt>
                <c:pt idx="2669">
                  <c:v>673.69200000000001</c:v>
                </c:pt>
                <c:pt idx="2670">
                  <c:v>674.04700000000003</c:v>
                </c:pt>
                <c:pt idx="2671">
                  <c:v>674.39300000000003</c:v>
                </c:pt>
                <c:pt idx="2672">
                  <c:v>674.71600000000001</c:v>
                </c:pt>
                <c:pt idx="2673">
                  <c:v>674.83100000000002</c:v>
                </c:pt>
                <c:pt idx="2674">
                  <c:v>674.99599999999998</c:v>
                </c:pt>
                <c:pt idx="2675">
                  <c:v>675.36099999999999</c:v>
                </c:pt>
                <c:pt idx="2676">
                  <c:v>675.64700000000005</c:v>
                </c:pt>
                <c:pt idx="2677">
                  <c:v>675.90599999999995</c:v>
                </c:pt>
                <c:pt idx="2678">
                  <c:v>676.22799999999995</c:v>
                </c:pt>
                <c:pt idx="2679">
                  <c:v>676.096</c:v>
                </c:pt>
                <c:pt idx="2680">
                  <c:v>676.48400000000004</c:v>
                </c:pt>
                <c:pt idx="2681">
                  <c:v>676.83500000000004</c:v>
                </c:pt>
                <c:pt idx="2682">
                  <c:v>676.976</c:v>
                </c:pt>
                <c:pt idx="2683">
                  <c:v>677.27</c:v>
                </c:pt>
                <c:pt idx="2684">
                  <c:v>677.678</c:v>
                </c:pt>
                <c:pt idx="2685">
                  <c:v>677.94</c:v>
                </c:pt>
                <c:pt idx="2686">
                  <c:v>678.26199999999994</c:v>
                </c:pt>
                <c:pt idx="2687">
                  <c:v>678.33600000000001</c:v>
                </c:pt>
                <c:pt idx="2688">
                  <c:v>678.37599999999998</c:v>
                </c:pt>
                <c:pt idx="2689">
                  <c:v>678.58500000000004</c:v>
                </c:pt>
                <c:pt idx="2690">
                  <c:v>678.96500000000003</c:v>
                </c:pt>
                <c:pt idx="2691">
                  <c:v>679.17600000000004</c:v>
                </c:pt>
                <c:pt idx="2692">
                  <c:v>679.55799999999999</c:v>
                </c:pt>
                <c:pt idx="2693">
                  <c:v>679.75199999999995</c:v>
                </c:pt>
                <c:pt idx="2694">
                  <c:v>680.13599999999997</c:v>
                </c:pt>
                <c:pt idx="2695">
                  <c:v>680.18899999999996</c:v>
                </c:pt>
                <c:pt idx="2696">
                  <c:v>680.46500000000003</c:v>
                </c:pt>
                <c:pt idx="2697">
                  <c:v>680.80100000000004</c:v>
                </c:pt>
                <c:pt idx="2698">
                  <c:v>681.17100000000005</c:v>
                </c:pt>
                <c:pt idx="2699">
                  <c:v>681.46699999999998</c:v>
                </c:pt>
                <c:pt idx="2700">
                  <c:v>681.67700000000002</c:v>
                </c:pt>
                <c:pt idx="2701">
                  <c:v>681.82299999999998</c:v>
                </c:pt>
                <c:pt idx="2702">
                  <c:v>682.01</c:v>
                </c:pt>
                <c:pt idx="2703">
                  <c:v>682.29899999999998</c:v>
                </c:pt>
                <c:pt idx="2704">
                  <c:v>682.52099999999996</c:v>
                </c:pt>
                <c:pt idx="2705">
                  <c:v>682.72799999999995</c:v>
                </c:pt>
                <c:pt idx="2706">
                  <c:v>682.87699999999995</c:v>
                </c:pt>
                <c:pt idx="2707">
                  <c:v>683.10799999999995</c:v>
                </c:pt>
                <c:pt idx="2708">
                  <c:v>683.32899999999995</c:v>
                </c:pt>
                <c:pt idx="2709">
                  <c:v>683.60599999999999</c:v>
                </c:pt>
                <c:pt idx="2710">
                  <c:v>684.03099999999995</c:v>
                </c:pt>
                <c:pt idx="2711">
                  <c:v>684.55399999999997</c:v>
                </c:pt>
                <c:pt idx="2712">
                  <c:v>685.00400000000002</c:v>
                </c:pt>
                <c:pt idx="2713">
                  <c:v>685.01</c:v>
                </c:pt>
                <c:pt idx="2714">
                  <c:v>685.14499999999998</c:v>
                </c:pt>
                <c:pt idx="2715">
                  <c:v>685.173</c:v>
                </c:pt>
                <c:pt idx="2716">
                  <c:v>685.34299999999996</c:v>
                </c:pt>
                <c:pt idx="2717">
                  <c:v>685.9</c:v>
                </c:pt>
                <c:pt idx="2718">
                  <c:v>686.22</c:v>
                </c:pt>
                <c:pt idx="2719">
                  <c:v>686.5</c:v>
                </c:pt>
                <c:pt idx="2720">
                  <c:v>686.80499999999995</c:v>
                </c:pt>
                <c:pt idx="2721">
                  <c:v>687.19399999999996</c:v>
                </c:pt>
                <c:pt idx="2722">
                  <c:v>687.40499999999997</c:v>
                </c:pt>
                <c:pt idx="2723">
                  <c:v>687.31299999999999</c:v>
                </c:pt>
                <c:pt idx="2724">
                  <c:v>687.63400000000001</c:v>
                </c:pt>
                <c:pt idx="2725">
                  <c:v>687.91600000000005</c:v>
                </c:pt>
                <c:pt idx="2726">
                  <c:v>688.07</c:v>
                </c:pt>
                <c:pt idx="2727">
                  <c:v>688.34199999999998</c:v>
                </c:pt>
                <c:pt idx="2728">
                  <c:v>688.78700000000003</c:v>
                </c:pt>
                <c:pt idx="2729">
                  <c:v>689.12</c:v>
                </c:pt>
                <c:pt idx="2730">
                  <c:v>689.27499999999998</c:v>
                </c:pt>
                <c:pt idx="2731">
                  <c:v>689.35400000000004</c:v>
                </c:pt>
                <c:pt idx="2732">
                  <c:v>689.56100000000004</c:v>
                </c:pt>
                <c:pt idx="2733">
                  <c:v>689.99900000000002</c:v>
                </c:pt>
                <c:pt idx="2734">
                  <c:v>690.16</c:v>
                </c:pt>
                <c:pt idx="2735">
                  <c:v>690.452</c:v>
                </c:pt>
                <c:pt idx="2736">
                  <c:v>690.72</c:v>
                </c:pt>
                <c:pt idx="2737">
                  <c:v>691.10799999999995</c:v>
                </c:pt>
                <c:pt idx="2738">
                  <c:v>691.57100000000003</c:v>
                </c:pt>
                <c:pt idx="2739">
                  <c:v>691.80399999999997</c:v>
                </c:pt>
                <c:pt idx="2740">
                  <c:v>692.05700000000002</c:v>
                </c:pt>
                <c:pt idx="2741">
                  <c:v>692.30399999999997</c:v>
                </c:pt>
                <c:pt idx="2742">
                  <c:v>692.63800000000003</c:v>
                </c:pt>
                <c:pt idx="2743">
                  <c:v>692.87800000000004</c:v>
                </c:pt>
                <c:pt idx="2744">
                  <c:v>692.96400000000006</c:v>
                </c:pt>
                <c:pt idx="2745">
                  <c:v>693.33100000000002</c:v>
                </c:pt>
                <c:pt idx="2746">
                  <c:v>693.56299999999999</c:v>
                </c:pt>
                <c:pt idx="2747">
                  <c:v>693.86500000000001</c:v>
                </c:pt>
                <c:pt idx="2748">
                  <c:v>693.88599999999997</c:v>
                </c:pt>
                <c:pt idx="2749">
                  <c:v>694.24099999999999</c:v>
                </c:pt>
                <c:pt idx="2750">
                  <c:v>694.22400000000005</c:v>
                </c:pt>
                <c:pt idx="2751">
                  <c:v>694.49199999999996</c:v>
                </c:pt>
                <c:pt idx="2752">
                  <c:v>694.90300000000002</c:v>
                </c:pt>
                <c:pt idx="2753">
                  <c:v>695.11699999999996</c:v>
                </c:pt>
                <c:pt idx="2754">
                  <c:v>695.45299999999997</c:v>
                </c:pt>
                <c:pt idx="2755">
                  <c:v>695.423</c:v>
                </c:pt>
                <c:pt idx="2756">
                  <c:v>695.66899999999998</c:v>
                </c:pt>
                <c:pt idx="2757">
                  <c:v>696.22199999999998</c:v>
                </c:pt>
                <c:pt idx="2758">
                  <c:v>696.33699999999999</c:v>
                </c:pt>
                <c:pt idx="2759">
                  <c:v>696.66200000000003</c:v>
                </c:pt>
                <c:pt idx="2760">
                  <c:v>696.95899999999995</c:v>
                </c:pt>
                <c:pt idx="2761">
                  <c:v>697.25900000000001</c:v>
                </c:pt>
                <c:pt idx="2762">
                  <c:v>697.25599999999997</c:v>
                </c:pt>
                <c:pt idx="2763">
                  <c:v>697.63900000000001</c:v>
                </c:pt>
                <c:pt idx="2764">
                  <c:v>698.029</c:v>
                </c:pt>
                <c:pt idx="2765">
                  <c:v>698.08100000000002</c:v>
                </c:pt>
                <c:pt idx="2766">
                  <c:v>698.19899999999996</c:v>
                </c:pt>
                <c:pt idx="2767">
                  <c:v>698.71900000000005</c:v>
                </c:pt>
                <c:pt idx="2768">
                  <c:v>699.15200000000004</c:v>
                </c:pt>
                <c:pt idx="2769">
                  <c:v>699.46799999999996</c:v>
                </c:pt>
                <c:pt idx="2770">
                  <c:v>699.57799999999997</c:v>
                </c:pt>
                <c:pt idx="2771">
                  <c:v>699.596</c:v>
                </c:pt>
                <c:pt idx="2772">
                  <c:v>699.81399999999996</c:v>
                </c:pt>
                <c:pt idx="2773">
                  <c:v>700.42899999999997</c:v>
                </c:pt>
                <c:pt idx="2774">
                  <c:v>700.875</c:v>
                </c:pt>
                <c:pt idx="2775">
                  <c:v>701.04300000000001</c:v>
                </c:pt>
                <c:pt idx="2776">
                  <c:v>701.39099999999996</c:v>
                </c:pt>
                <c:pt idx="2777">
                  <c:v>701.452</c:v>
                </c:pt>
                <c:pt idx="2778">
                  <c:v>701.69500000000005</c:v>
                </c:pt>
                <c:pt idx="2779">
                  <c:v>702.04700000000003</c:v>
                </c:pt>
                <c:pt idx="2780">
                  <c:v>702.30700000000002</c:v>
                </c:pt>
                <c:pt idx="2781">
                  <c:v>702.31799999999998</c:v>
                </c:pt>
                <c:pt idx="2782">
                  <c:v>702.46199999999999</c:v>
                </c:pt>
                <c:pt idx="2783">
                  <c:v>702.90599999999995</c:v>
                </c:pt>
                <c:pt idx="2784">
                  <c:v>703.08</c:v>
                </c:pt>
                <c:pt idx="2785">
                  <c:v>703.221</c:v>
                </c:pt>
                <c:pt idx="2786">
                  <c:v>703.601</c:v>
                </c:pt>
                <c:pt idx="2787">
                  <c:v>703.94200000000001</c:v>
                </c:pt>
                <c:pt idx="2788">
                  <c:v>704.14099999999996</c:v>
                </c:pt>
                <c:pt idx="2789">
                  <c:v>704.39499999999998</c:v>
                </c:pt>
                <c:pt idx="2790">
                  <c:v>704.54200000000003</c:v>
                </c:pt>
                <c:pt idx="2791">
                  <c:v>704.64599999999996</c:v>
                </c:pt>
                <c:pt idx="2792">
                  <c:v>704.94299999999998</c:v>
                </c:pt>
                <c:pt idx="2793">
                  <c:v>705.07</c:v>
                </c:pt>
                <c:pt idx="2794">
                  <c:v>705.32100000000003</c:v>
                </c:pt>
                <c:pt idx="2795">
                  <c:v>705.78099999999995</c:v>
                </c:pt>
                <c:pt idx="2796">
                  <c:v>705.99300000000005</c:v>
                </c:pt>
                <c:pt idx="2797">
                  <c:v>706.10699999999997</c:v>
                </c:pt>
                <c:pt idx="2798">
                  <c:v>706.45</c:v>
                </c:pt>
                <c:pt idx="2799">
                  <c:v>706.69899999999996</c:v>
                </c:pt>
                <c:pt idx="2800">
                  <c:v>707.09799999999996</c:v>
                </c:pt>
                <c:pt idx="2801">
                  <c:v>707.36500000000001</c:v>
                </c:pt>
                <c:pt idx="2802">
                  <c:v>707.83799999999997</c:v>
                </c:pt>
                <c:pt idx="2803">
                  <c:v>708.26</c:v>
                </c:pt>
                <c:pt idx="2804">
                  <c:v>708.29600000000005</c:v>
                </c:pt>
                <c:pt idx="2805">
                  <c:v>708.58299999999997</c:v>
                </c:pt>
                <c:pt idx="2806">
                  <c:v>708.68399999999997</c:v>
                </c:pt>
                <c:pt idx="2807">
                  <c:v>708.79</c:v>
                </c:pt>
                <c:pt idx="2808">
                  <c:v>708.91499999999996</c:v>
                </c:pt>
                <c:pt idx="2809">
                  <c:v>709.31299999999999</c:v>
                </c:pt>
                <c:pt idx="2810">
                  <c:v>709.9</c:v>
                </c:pt>
                <c:pt idx="2811">
                  <c:v>710.33699999999999</c:v>
                </c:pt>
                <c:pt idx="2812">
                  <c:v>710.59799999999996</c:v>
                </c:pt>
                <c:pt idx="2813">
                  <c:v>710.47299999999996</c:v>
                </c:pt>
                <c:pt idx="2814">
                  <c:v>710.59799999999996</c:v>
                </c:pt>
                <c:pt idx="2815">
                  <c:v>711.029</c:v>
                </c:pt>
                <c:pt idx="2816">
                  <c:v>711.44799999999998</c:v>
                </c:pt>
                <c:pt idx="2817">
                  <c:v>711.69500000000005</c:v>
                </c:pt>
                <c:pt idx="2818">
                  <c:v>711.63099999999997</c:v>
                </c:pt>
                <c:pt idx="2819">
                  <c:v>712.10900000000004</c:v>
                </c:pt>
                <c:pt idx="2820">
                  <c:v>712.26</c:v>
                </c:pt>
                <c:pt idx="2821">
                  <c:v>712.40800000000002</c:v>
                </c:pt>
                <c:pt idx="2822">
                  <c:v>712.48</c:v>
                </c:pt>
                <c:pt idx="2823">
                  <c:v>712.62800000000004</c:v>
                </c:pt>
                <c:pt idx="2824">
                  <c:v>712.971</c:v>
                </c:pt>
                <c:pt idx="2825">
                  <c:v>713.36199999999997</c:v>
                </c:pt>
                <c:pt idx="2826">
                  <c:v>713.55899999999997</c:v>
                </c:pt>
                <c:pt idx="2827">
                  <c:v>713.71</c:v>
                </c:pt>
                <c:pt idx="2828">
                  <c:v>714.09</c:v>
                </c:pt>
                <c:pt idx="2829">
                  <c:v>714.35599999999999</c:v>
                </c:pt>
                <c:pt idx="2830">
                  <c:v>714.79</c:v>
                </c:pt>
                <c:pt idx="2831">
                  <c:v>715.10199999999998</c:v>
                </c:pt>
                <c:pt idx="2832">
                  <c:v>715.40499999999997</c:v>
                </c:pt>
                <c:pt idx="2833">
                  <c:v>715.65300000000002</c:v>
                </c:pt>
                <c:pt idx="2834">
                  <c:v>715.89</c:v>
                </c:pt>
                <c:pt idx="2835">
                  <c:v>716.22900000000004</c:v>
                </c:pt>
                <c:pt idx="2836">
                  <c:v>716.45500000000004</c:v>
                </c:pt>
                <c:pt idx="2837">
                  <c:v>716.625</c:v>
                </c:pt>
                <c:pt idx="2838">
                  <c:v>716.97500000000002</c:v>
                </c:pt>
                <c:pt idx="2839">
                  <c:v>716.97400000000005</c:v>
                </c:pt>
                <c:pt idx="2840">
                  <c:v>717.16300000000001</c:v>
                </c:pt>
                <c:pt idx="2841">
                  <c:v>717.46299999999997</c:v>
                </c:pt>
                <c:pt idx="2842">
                  <c:v>717.81399999999996</c:v>
                </c:pt>
                <c:pt idx="2843">
                  <c:v>718.34500000000003</c:v>
                </c:pt>
                <c:pt idx="2844">
                  <c:v>718.69600000000003</c:v>
                </c:pt>
                <c:pt idx="2845">
                  <c:v>719.03700000000003</c:v>
                </c:pt>
                <c:pt idx="2846">
                  <c:v>719.11800000000005</c:v>
                </c:pt>
                <c:pt idx="2847">
                  <c:v>719.34</c:v>
                </c:pt>
                <c:pt idx="2848">
                  <c:v>719.59699999999998</c:v>
                </c:pt>
                <c:pt idx="2849">
                  <c:v>719.66200000000003</c:v>
                </c:pt>
                <c:pt idx="2850">
                  <c:v>719.88</c:v>
                </c:pt>
                <c:pt idx="2851">
                  <c:v>720.18799999999999</c:v>
                </c:pt>
                <c:pt idx="2852">
                  <c:v>720.56899999999996</c:v>
                </c:pt>
                <c:pt idx="2853">
                  <c:v>720.82899999999995</c:v>
                </c:pt>
                <c:pt idx="2854">
                  <c:v>721.10199999999998</c:v>
                </c:pt>
                <c:pt idx="2855">
                  <c:v>721.23599999999999</c:v>
                </c:pt>
                <c:pt idx="2856">
                  <c:v>721.39099999999996</c:v>
                </c:pt>
                <c:pt idx="2857">
                  <c:v>721.62199999999996</c:v>
                </c:pt>
                <c:pt idx="2858">
                  <c:v>722.06700000000001</c:v>
                </c:pt>
                <c:pt idx="2859">
                  <c:v>722.20500000000004</c:v>
                </c:pt>
                <c:pt idx="2860">
                  <c:v>722.28300000000002</c:v>
                </c:pt>
                <c:pt idx="2861">
                  <c:v>722.75400000000002</c:v>
                </c:pt>
                <c:pt idx="2862">
                  <c:v>722.71100000000001</c:v>
                </c:pt>
                <c:pt idx="2863">
                  <c:v>723.04399999999998</c:v>
                </c:pt>
                <c:pt idx="2864">
                  <c:v>723.68799999999999</c:v>
                </c:pt>
                <c:pt idx="2865">
                  <c:v>723.87400000000002</c:v>
                </c:pt>
                <c:pt idx="2866">
                  <c:v>723.97900000000004</c:v>
                </c:pt>
                <c:pt idx="2867">
                  <c:v>724.23599999999999</c:v>
                </c:pt>
                <c:pt idx="2868">
                  <c:v>724.39</c:v>
                </c:pt>
                <c:pt idx="2869">
                  <c:v>724.74099999999999</c:v>
                </c:pt>
                <c:pt idx="2870">
                  <c:v>725.24699999999996</c:v>
                </c:pt>
                <c:pt idx="2871">
                  <c:v>725.553</c:v>
                </c:pt>
                <c:pt idx="2872">
                  <c:v>725.88</c:v>
                </c:pt>
                <c:pt idx="2873">
                  <c:v>726.23</c:v>
                </c:pt>
                <c:pt idx="2874">
                  <c:v>726.49699999999996</c:v>
                </c:pt>
                <c:pt idx="2875">
                  <c:v>726.47</c:v>
                </c:pt>
                <c:pt idx="2876">
                  <c:v>726.82299999999998</c:v>
                </c:pt>
                <c:pt idx="2877">
                  <c:v>726.88800000000003</c:v>
                </c:pt>
                <c:pt idx="2878">
                  <c:v>726.84699999999998</c:v>
                </c:pt>
                <c:pt idx="2879">
                  <c:v>727.06899999999996</c:v>
                </c:pt>
                <c:pt idx="2880">
                  <c:v>727.50199999999995</c:v>
                </c:pt>
                <c:pt idx="2881">
                  <c:v>727.96900000000005</c:v>
                </c:pt>
                <c:pt idx="2882">
                  <c:v>728.31299999999999</c:v>
                </c:pt>
                <c:pt idx="2883">
                  <c:v>728.274</c:v>
                </c:pt>
                <c:pt idx="2884">
                  <c:v>728.39300000000003</c:v>
                </c:pt>
                <c:pt idx="2885">
                  <c:v>728.76900000000001</c:v>
                </c:pt>
                <c:pt idx="2886">
                  <c:v>729.06500000000005</c:v>
                </c:pt>
                <c:pt idx="2887">
                  <c:v>729.39499999999998</c:v>
                </c:pt>
                <c:pt idx="2888">
                  <c:v>729.50099999999998</c:v>
                </c:pt>
                <c:pt idx="2889">
                  <c:v>729.77099999999996</c:v>
                </c:pt>
                <c:pt idx="2890">
                  <c:v>730.11</c:v>
                </c:pt>
                <c:pt idx="2891">
                  <c:v>730.62699999999995</c:v>
                </c:pt>
                <c:pt idx="2892">
                  <c:v>731.12900000000002</c:v>
                </c:pt>
                <c:pt idx="2893">
                  <c:v>731.39800000000002</c:v>
                </c:pt>
                <c:pt idx="2894">
                  <c:v>731.76900000000001</c:v>
                </c:pt>
                <c:pt idx="2895">
                  <c:v>731.89400000000001</c:v>
                </c:pt>
                <c:pt idx="2896">
                  <c:v>732.19600000000003</c:v>
                </c:pt>
                <c:pt idx="2897">
                  <c:v>732.3</c:v>
                </c:pt>
                <c:pt idx="2898">
                  <c:v>732.53</c:v>
                </c:pt>
                <c:pt idx="2899">
                  <c:v>732.75800000000004</c:v>
                </c:pt>
                <c:pt idx="2900">
                  <c:v>732.97299999999996</c:v>
                </c:pt>
                <c:pt idx="2901">
                  <c:v>733.17600000000004</c:v>
                </c:pt>
                <c:pt idx="2902">
                  <c:v>733.25800000000004</c:v>
                </c:pt>
                <c:pt idx="2903">
                  <c:v>733.42700000000002</c:v>
                </c:pt>
                <c:pt idx="2904">
                  <c:v>733.83799999999997</c:v>
                </c:pt>
                <c:pt idx="2905">
                  <c:v>734.29499999999996</c:v>
                </c:pt>
                <c:pt idx="2906">
                  <c:v>734.274</c:v>
                </c:pt>
                <c:pt idx="2907">
                  <c:v>734.58100000000002</c:v>
                </c:pt>
                <c:pt idx="2908">
                  <c:v>735.19799999999998</c:v>
                </c:pt>
                <c:pt idx="2909">
                  <c:v>735.36599999999999</c:v>
                </c:pt>
                <c:pt idx="2910">
                  <c:v>735.66300000000001</c:v>
                </c:pt>
                <c:pt idx="2911">
                  <c:v>735.99599999999998</c:v>
                </c:pt>
                <c:pt idx="2912">
                  <c:v>736.23599999999999</c:v>
                </c:pt>
                <c:pt idx="2913">
                  <c:v>736.56299999999999</c:v>
                </c:pt>
                <c:pt idx="2914">
                  <c:v>736.76300000000003</c:v>
                </c:pt>
                <c:pt idx="2915">
                  <c:v>736.92200000000003</c:v>
                </c:pt>
                <c:pt idx="2916">
                  <c:v>737.12099999999998</c:v>
                </c:pt>
                <c:pt idx="2917">
                  <c:v>737.42399999999998</c:v>
                </c:pt>
                <c:pt idx="2918">
                  <c:v>737.71199999999999</c:v>
                </c:pt>
                <c:pt idx="2919">
                  <c:v>737.83799999999997</c:v>
                </c:pt>
                <c:pt idx="2920">
                  <c:v>738.029</c:v>
                </c:pt>
                <c:pt idx="2921">
                  <c:v>738.31600000000003</c:v>
                </c:pt>
                <c:pt idx="2922">
                  <c:v>738.63099999999997</c:v>
                </c:pt>
                <c:pt idx="2923">
                  <c:v>738.86</c:v>
                </c:pt>
                <c:pt idx="2924">
                  <c:v>738.81500000000005</c:v>
                </c:pt>
                <c:pt idx="2925">
                  <c:v>739.15499999999997</c:v>
                </c:pt>
                <c:pt idx="2926">
                  <c:v>739.673</c:v>
                </c:pt>
                <c:pt idx="2927">
                  <c:v>739.93399999999997</c:v>
                </c:pt>
                <c:pt idx="2928">
                  <c:v>740.36599999999999</c:v>
                </c:pt>
                <c:pt idx="2929">
                  <c:v>740.76900000000001</c:v>
                </c:pt>
                <c:pt idx="2930">
                  <c:v>741.11199999999997</c:v>
                </c:pt>
                <c:pt idx="2931">
                  <c:v>741.30700000000002</c:v>
                </c:pt>
                <c:pt idx="2932">
                  <c:v>741.47699999999998</c:v>
                </c:pt>
                <c:pt idx="2933">
                  <c:v>741.798</c:v>
                </c:pt>
                <c:pt idx="2934">
                  <c:v>741.83900000000006</c:v>
                </c:pt>
                <c:pt idx="2935">
                  <c:v>741.98099999999999</c:v>
                </c:pt>
                <c:pt idx="2936">
                  <c:v>742.34100000000001</c:v>
                </c:pt>
                <c:pt idx="2937">
                  <c:v>742.69</c:v>
                </c:pt>
                <c:pt idx="2938">
                  <c:v>743.096</c:v>
                </c:pt>
                <c:pt idx="2939">
                  <c:v>743.55200000000002</c:v>
                </c:pt>
                <c:pt idx="2940">
                  <c:v>743.76</c:v>
                </c:pt>
                <c:pt idx="2941">
                  <c:v>743.755</c:v>
                </c:pt>
                <c:pt idx="2942">
                  <c:v>743.97900000000004</c:v>
                </c:pt>
                <c:pt idx="2943">
                  <c:v>744.15099999999995</c:v>
                </c:pt>
                <c:pt idx="2944">
                  <c:v>744.58799999999997</c:v>
                </c:pt>
                <c:pt idx="2945">
                  <c:v>744.68499999999995</c:v>
                </c:pt>
                <c:pt idx="2946">
                  <c:v>744.98199999999997</c:v>
                </c:pt>
                <c:pt idx="2947">
                  <c:v>745.16600000000005</c:v>
                </c:pt>
                <c:pt idx="2948">
                  <c:v>745.61500000000001</c:v>
                </c:pt>
                <c:pt idx="2949">
                  <c:v>745.91499999999996</c:v>
                </c:pt>
                <c:pt idx="2950">
                  <c:v>746.13699999999994</c:v>
                </c:pt>
                <c:pt idx="2951">
                  <c:v>746.44200000000001</c:v>
                </c:pt>
                <c:pt idx="2952">
                  <c:v>746.82</c:v>
                </c:pt>
                <c:pt idx="2953">
                  <c:v>747.15700000000004</c:v>
                </c:pt>
                <c:pt idx="2954">
                  <c:v>747.45100000000002</c:v>
                </c:pt>
                <c:pt idx="2955">
                  <c:v>747.70699999999999</c:v>
                </c:pt>
                <c:pt idx="2956">
                  <c:v>747.74800000000005</c:v>
                </c:pt>
                <c:pt idx="2957">
                  <c:v>747.774</c:v>
                </c:pt>
                <c:pt idx="2958">
                  <c:v>748.18200000000002</c:v>
                </c:pt>
                <c:pt idx="2959">
                  <c:v>748.31799999999998</c:v>
                </c:pt>
                <c:pt idx="2960">
                  <c:v>748.79899999999998</c:v>
                </c:pt>
                <c:pt idx="2961">
                  <c:v>749.03800000000001</c:v>
                </c:pt>
                <c:pt idx="2962">
                  <c:v>749.05100000000004</c:v>
                </c:pt>
                <c:pt idx="2963">
                  <c:v>749.34799999999996</c:v>
                </c:pt>
                <c:pt idx="2964">
                  <c:v>749.84699999999998</c:v>
                </c:pt>
                <c:pt idx="2965">
                  <c:v>749.92499999999995</c:v>
                </c:pt>
                <c:pt idx="2966">
                  <c:v>750.34299999999996</c:v>
                </c:pt>
                <c:pt idx="2967">
                  <c:v>750.601</c:v>
                </c:pt>
                <c:pt idx="2968">
                  <c:v>750.60699999999997</c:v>
                </c:pt>
                <c:pt idx="2969">
                  <c:v>750.85699999999997</c:v>
                </c:pt>
                <c:pt idx="2970">
                  <c:v>750.995</c:v>
                </c:pt>
                <c:pt idx="2971">
                  <c:v>751.42700000000002</c:v>
                </c:pt>
                <c:pt idx="2972">
                  <c:v>751.90599999999995</c:v>
                </c:pt>
                <c:pt idx="2973">
                  <c:v>752.31399999999996</c:v>
                </c:pt>
                <c:pt idx="2974">
                  <c:v>752.67700000000002</c:v>
                </c:pt>
                <c:pt idx="2975">
                  <c:v>752.56399999999996</c:v>
                </c:pt>
                <c:pt idx="2976">
                  <c:v>752.99199999999996</c:v>
                </c:pt>
                <c:pt idx="2977">
                  <c:v>753.02800000000002</c:v>
                </c:pt>
                <c:pt idx="2978">
                  <c:v>753.09799999999996</c:v>
                </c:pt>
                <c:pt idx="2979">
                  <c:v>753.59199999999998</c:v>
                </c:pt>
                <c:pt idx="2980">
                  <c:v>753.98699999999997</c:v>
                </c:pt>
                <c:pt idx="2981">
                  <c:v>754.21900000000005</c:v>
                </c:pt>
                <c:pt idx="2982">
                  <c:v>754.25599999999997</c:v>
                </c:pt>
                <c:pt idx="2983">
                  <c:v>754.37</c:v>
                </c:pt>
                <c:pt idx="2984">
                  <c:v>754.89099999999996</c:v>
                </c:pt>
                <c:pt idx="2985">
                  <c:v>755.39599999999996</c:v>
                </c:pt>
                <c:pt idx="2986">
                  <c:v>755.46699999999998</c:v>
                </c:pt>
                <c:pt idx="2987">
                  <c:v>755.85500000000002</c:v>
                </c:pt>
                <c:pt idx="2988">
                  <c:v>755.96400000000006</c:v>
                </c:pt>
                <c:pt idx="2989">
                  <c:v>756.24300000000005</c:v>
                </c:pt>
                <c:pt idx="2990">
                  <c:v>756.476</c:v>
                </c:pt>
                <c:pt idx="2991">
                  <c:v>756.94899999999996</c:v>
                </c:pt>
                <c:pt idx="2992">
                  <c:v>757.32799999999997</c:v>
                </c:pt>
                <c:pt idx="2993">
                  <c:v>757.47900000000004</c:v>
                </c:pt>
                <c:pt idx="2994">
                  <c:v>757.58399999999995</c:v>
                </c:pt>
                <c:pt idx="2995">
                  <c:v>757.73099999999999</c:v>
                </c:pt>
                <c:pt idx="2996">
                  <c:v>757.62099999999998</c:v>
                </c:pt>
                <c:pt idx="2997">
                  <c:v>757.92399999999998</c:v>
                </c:pt>
                <c:pt idx="2998">
                  <c:v>758.43100000000004</c:v>
                </c:pt>
                <c:pt idx="2999">
                  <c:v>758.58299999999997</c:v>
                </c:pt>
                <c:pt idx="3000">
                  <c:v>758.69200000000001</c:v>
                </c:pt>
                <c:pt idx="3001">
                  <c:v>758.88300000000004</c:v>
                </c:pt>
                <c:pt idx="3002">
                  <c:v>759.28700000000003</c:v>
                </c:pt>
                <c:pt idx="3003">
                  <c:v>759.88599999999997</c:v>
                </c:pt>
                <c:pt idx="3004">
                  <c:v>760.2</c:v>
                </c:pt>
                <c:pt idx="3005">
                  <c:v>760.52</c:v>
                </c:pt>
                <c:pt idx="3006">
                  <c:v>760.82100000000003</c:v>
                </c:pt>
                <c:pt idx="3007">
                  <c:v>760.702</c:v>
                </c:pt>
                <c:pt idx="3008">
                  <c:v>761.14400000000001</c:v>
                </c:pt>
                <c:pt idx="3009">
                  <c:v>761.375</c:v>
                </c:pt>
                <c:pt idx="3010">
                  <c:v>761.29300000000001</c:v>
                </c:pt>
                <c:pt idx="3011">
                  <c:v>761.58799999999997</c:v>
                </c:pt>
                <c:pt idx="3012">
                  <c:v>761.89499999999998</c:v>
                </c:pt>
                <c:pt idx="3013">
                  <c:v>762.29100000000005</c:v>
                </c:pt>
                <c:pt idx="3014">
                  <c:v>762.53099999999995</c:v>
                </c:pt>
                <c:pt idx="3015">
                  <c:v>762.82399999999996</c:v>
                </c:pt>
                <c:pt idx="3016">
                  <c:v>762.94600000000003</c:v>
                </c:pt>
                <c:pt idx="3017">
                  <c:v>763.31</c:v>
                </c:pt>
                <c:pt idx="3018">
                  <c:v>763.63800000000003</c:v>
                </c:pt>
                <c:pt idx="3019">
                  <c:v>763.80600000000004</c:v>
                </c:pt>
                <c:pt idx="3020">
                  <c:v>763.93700000000001</c:v>
                </c:pt>
                <c:pt idx="3021">
                  <c:v>764.23900000000003</c:v>
                </c:pt>
                <c:pt idx="3022">
                  <c:v>764.577</c:v>
                </c:pt>
                <c:pt idx="3023">
                  <c:v>764.90700000000004</c:v>
                </c:pt>
                <c:pt idx="3024">
                  <c:v>765.05399999999997</c:v>
                </c:pt>
                <c:pt idx="3025">
                  <c:v>765.33100000000002</c:v>
                </c:pt>
                <c:pt idx="3026">
                  <c:v>765.60400000000004</c:v>
                </c:pt>
                <c:pt idx="3027">
                  <c:v>765.70699999999999</c:v>
                </c:pt>
                <c:pt idx="3028">
                  <c:v>766.14200000000005</c:v>
                </c:pt>
                <c:pt idx="3029">
                  <c:v>766.34799999999996</c:v>
                </c:pt>
                <c:pt idx="3030">
                  <c:v>766.42700000000002</c:v>
                </c:pt>
                <c:pt idx="3031">
                  <c:v>766.86300000000006</c:v>
                </c:pt>
                <c:pt idx="3032">
                  <c:v>767.13499999999999</c:v>
                </c:pt>
                <c:pt idx="3033">
                  <c:v>767.39300000000003</c:v>
                </c:pt>
                <c:pt idx="3034">
                  <c:v>767.48400000000004</c:v>
                </c:pt>
                <c:pt idx="3035">
                  <c:v>767.649</c:v>
                </c:pt>
                <c:pt idx="3036">
                  <c:v>767.92700000000002</c:v>
                </c:pt>
                <c:pt idx="3037">
                  <c:v>768.17600000000004</c:v>
                </c:pt>
                <c:pt idx="3038">
                  <c:v>768.51700000000005</c:v>
                </c:pt>
                <c:pt idx="3039">
                  <c:v>768.59799999999996</c:v>
                </c:pt>
                <c:pt idx="3040">
                  <c:v>768.59900000000005</c:v>
                </c:pt>
                <c:pt idx="3041">
                  <c:v>768.505</c:v>
                </c:pt>
                <c:pt idx="3042">
                  <c:v>769.24400000000003</c:v>
                </c:pt>
                <c:pt idx="3043">
                  <c:v>769.77200000000005</c:v>
                </c:pt>
                <c:pt idx="3044">
                  <c:v>770.01900000000001</c:v>
                </c:pt>
                <c:pt idx="3045">
                  <c:v>769.82100000000003</c:v>
                </c:pt>
                <c:pt idx="3046">
                  <c:v>770.40899999999999</c:v>
                </c:pt>
                <c:pt idx="3047">
                  <c:v>770.84199999999998</c:v>
                </c:pt>
                <c:pt idx="3048">
                  <c:v>771.00199999999995</c:v>
                </c:pt>
                <c:pt idx="3049">
                  <c:v>771.13800000000003</c:v>
                </c:pt>
                <c:pt idx="3050">
                  <c:v>771.56</c:v>
                </c:pt>
                <c:pt idx="3051">
                  <c:v>771.971</c:v>
                </c:pt>
                <c:pt idx="3052">
                  <c:v>772.17700000000002</c:v>
                </c:pt>
                <c:pt idx="3053">
                  <c:v>772.63199999999995</c:v>
                </c:pt>
                <c:pt idx="3054">
                  <c:v>772.85199999999998</c:v>
                </c:pt>
                <c:pt idx="3055">
                  <c:v>772.822</c:v>
                </c:pt>
                <c:pt idx="3056">
                  <c:v>772.92899999999997</c:v>
                </c:pt>
                <c:pt idx="3057">
                  <c:v>773.15300000000002</c:v>
                </c:pt>
                <c:pt idx="3058">
                  <c:v>773.48</c:v>
                </c:pt>
                <c:pt idx="3059">
                  <c:v>773.91800000000001</c:v>
                </c:pt>
                <c:pt idx="3060">
                  <c:v>774.08199999999999</c:v>
                </c:pt>
                <c:pt idx="3061">
                  <c:v>774.22900000000004</c:v>
                </c:pt>
                <c:pt idx="3062">
                  <c:v>774.36599999999999</c:v>
                </c:pt>
                <c:pt idx="3063">
                  <c:v>774.61599999999999</c:v>
                </c:pt>
                <c:pt idx="3064">
                  <c:v>774.84</c:v>
                </c:pt>
                <c:pt idx="3065">
                  <c:v>775.23500000000001</c:v>
                </c:pt>
                <c:pt idx="3066">
                  <c:v>775.05399999999997</c:v>
                </c:pt>
                <c:pt idx="3067">
                  <c:v>775.38599999999997</c:v>
                </c:pt>
                <c:pt idx="3068">
                  <c:v>775.52300000000002</c:v>
                </c:pt>
                <c:pt idx="3069">
                  <c:v>776.23599999999999</c:v>
                </c:pt>
                <c:pt idx="3070">
                  <c:v>776.774</c:v>
                </c:pt>
                <c:pt idx="3071">
                  <c:v>776.52700000000004</c:v>
                </c:pt>
                <c:pt idx="3072">
                  <c:v>777.06600000000003</c:v>
                </c:pt>
                <c:pt idx="3073">
                  <c:v>777.53300000000002</c:v>
                </c:pt>
                <c:pt idx="3074">
                  <c:v>777.8</c:v>
                </c:pt>
                <c:pt idx="3075">
                  <c:v>778.09199999999998</c:v>
                </c:pt>
                <c:pt idx="3076">
                  <c:v>778.31399999999996</c:v>
                </c:pt>
                <c:pt idx="3077">
                  <c:v>778.59</c:v>
                </c:pt>
                <c:pt idx="3078">
                  <c:v>778.77800000000002</c:v>
                </c:pt>
                <c:pt idx="3079">
                  <c:v>778.96</c:v>
                </c:pt>
                <c:pt idx="3080">
                  <c:v>779.11400000000003</c:v>
                </c:pt>
                <c:pt idx="3081">
                  <c:v>779.43399999999997</c:v>
                </c:pt>
                <c:pt idx="3082">
                  <c:v>779.61400000000003</c:v>
                </c:pt>
                <c:pt idx="3083">
                  <c:v>779.66899999999998</c:v>
                </c:pt>
                <c:pt idx="3084">
                  <c:v>779.92600000000004</c:v>
                </c:pt>
                <c:pt idx="3085">
                  <c:v>780.15899999999999</c:v>
                </c:pt>
                <c:pt idx="3086">
                  <c:v>780.78</c:v>
                </c:pt>
                <c:pt idx="3087">
                  <c:v>781.25199999999995</c:v>
                </c:pt>
                <c:pt idx="3088">
                  <c:v>781.12599999999998</c:v>
                </c:pt>
                <c:pt idx="3089">
                  <c:v>781.43100000000004</c:v>
                </c:pt>
                <c:pt idx="3090">
                  <c:v>781.47500000000002</c:v>
                </c:pt>
                <c:pt idx="3091">
                  <c:v>781.89400000000001</c:v>
                </c:pt>
                <c:pt idx="3092">
                  <c:v>782.26900000000001</c:v>
                </c:pt>
                <c:pt idx="3093">
                  <c:v>782.46299999999997</c:v>
                </c:pt>
                <c:pt idx="3094">
                  <c:v>782.86400000000003</c:v>
                </c:pt>
                <c:pt idx="3095">
                  <c:v>782.92399999999998</c:v>
                </c:pt>
                <c:pt idx="3096">
                  <c:v>782.64300000000003</c:v>
                </c:pt>
                <c:pt idx="3097">
                  <c:v>782.94500000000005</c:v>
                </c:pt>
                <c:pt idx="3098">
                  <c:v>783.47199999999998</c:v>
                </c:pt>
                <c:pt idx="3099">
                  <c:v>783.57799999999997</c:v>
                </c:pt>
                <c:pt idx="3100">
                  <c:v>784.19</c:v>
                </c:pt>
                <c:pt idx="3101">
                  <c:v>784.745</c:v>
                </c:pt>
                <c:pt idx="3102">
                  <c:v>785.101</c:v>
                </c:pt>
                <c:pt idx="3103">
                  <c:v>785.18299999999999</c:v>
                </c:pt>
                <c:pt idx="3104">
                  <c:v>785.20899999999995</c:v>
                </c:pt>
                <c:pt idx="3105">
                  <c:v>785.55499999999995</c:v>
                </c:pt>
                <c:pt idx="3106">
                  <c:v>785.75800000000004</c:v>
                </c:pt>
                <c:pt idx="3107">
                  <c:v>785.84900000000005</c:v>
                </c:pt>
                <c:pt idx="3108">
                  <c:v>785.80700000000002</c:v>
                </c:pt>
                <c:pt idx="3109">
                  <c:v>786.33900000000006</c:v>
                </c:pt>
                <c:pt idx="3110">
                  <c:v>786.57</c:v>
                </c:pt>
                <c:pt idx="3111">
                  <c:v>786.74599999999998</c:v>
                </c:pt>
                <c:pt idx="3112">
                  <c:v>786.87</c:v>
                </c:pt>
                <c:pt idx="3113">
                  <c:v>787.303</c:v>
                </c:pt>
                <c:pt idx="3114">
                  <c:v>787.68700000000001</c:v>
                </c:pt>
                <c:pt idx="3115">
                  <c:v>788.05399999999997</c:v>
                </c:pt>
                <c:pt idx="3116">
                  <c:v>788.33699999999999</c:v>
                </c:pt>
                <c:pt idx="3117">
                  <c:v>788.47699999999998</c:v>
                </c:pt>
                <c:pt idx="3118">
                  <c:v>788.65899999999999</c:v>
                </c:pt>
                <c:pt idx="3119">
                  <c:v>789.29300000000001</c:v>
                </c:pt>
                <c:pt idx="3120">
                  <c:v>789.56299999999999</c:v>
                </c:pt>
                <c:pt idx="3121">
                  <c:v>789.65599999999995</c:v>
                </c:pt>
                <c:pt idx="3122">
                  <c:v>790.09299999999996</c:v>
                </c:pt>
                <c:pt idx="3123">
                  <c:v>790.24900000000002</c:v>
                </c:pt>
                <c:pt idx="3124">
                  <c:v>790.20500000000004</c:v>
                </c:pt>
                <c:pt idx="3125">
                  <c:v>790.57600000000002</c:v>
                </c:pt>
                <c:pt idx="3126">
                  <c:v>790.90800000000002</c:v>
                </c:pt>
                <c:pt idx="3127">
                  <c:v>790.87900000000002</c:v>
                </c:pt>
                <c:pt idx="3128">
                  <c:v>791.15200000000004</c:v>
                </c:pt>
                <c:pt idx="3129">
                  <c:v>791.63499999999999</c:v>
                </c:pt>
                <c:pt idx="3130">
                  <c:v>792.15800000000002</c:v>
                </c:pt>
                <c:pt idx="3131">
                  <c:v>792.43</c:v>
                </c:pt>
                <c:pt idx="3132">
                  <c:v>792.548</c:v>
                </c:pt>
                <c:pt idx="3133">
                  <c:v>793.00400000000002</c:v>
                </c:pt>
                <c:pt idx="3134">
                  <c:v>793.03200000000004</c:v>
                </c:pt>
                <c:pt idx="3135">
                  <c:v>793.34</c:v>
                </c:pt>
                <c:pt idx="3136">
                  <c:v>793.59</c:v>
                </c:pt>
                <c:pt idx="3137">
                  <c:v>793.80799999999999</c:v>
                </c:pt>
                <c:pt idx="3138">
                  <c:v>794.18</c:v>
                </c:pt>
                <c:pt idx="3139">
                  <c:v>794.39499999999998</c:v>
                </c:pt>
                <c:pt idx="3140">
                  <c:v>794.30399999999997</c:v>
                </c:pt>
                <c:pt idx="3141">
                  <c:v>794.53800000000001</c:v>
                </c:pt>
                <c:pt idx="3142">
                  <c:v>795.16499999999996</c:v>
                </c:pt>
                <c:pt idx="3143">
                  <c:v>795.45799999999997</c:v>
                </c:pt>
                <c:pt idx="3144">
                  <c:v>795.68200000000002</c:v>
                </c:pt>
                <c:pt idx="3145">
                  <c:v>795.93399999999997</c:v>
                </c:pt>
                <c:pt idx="3146">
                  <c:v>796.28499999999997</c:v>
                </c:pt>
                <c:pt idx="3147">
                  <c:v>796.4</c:v>
                </c:pt>
                <c:pt idx="3148">
                  <c:v>796.65300000000002</c:v>
                </c:pt>
                <c:pt idx="3149">
                  <c:v>796.98800000000006</c:v>
                </c:pt>
                <c:pt idx="3150">
                  <c:v>797.05799999999999</c:v>
                </c:pt>
                <c:pt idx="3151">
                  <c:v>797.19600000000003</c:v>
                </c:pt>
                <c:pt idx="3152">
                  <c:v>797.58799999999997</c:v>
                </c:pt>
                <c:pt idx="3153">
                  <c:v>797.96600000000001</c:v>
                </c:pt>
                <c:pt idx="3154">
                  <c:v>798.18100000000004</c:v>
                </c:pt>
                <c:pt idx="3155">
                  <c:v>798.59</c:v>
                </c:pt>
                <c:pt idx="3156">
                  <c:v>798.83399999999995</c:v>
                </c:pt>
                <c:pt idx="3157">
                  <c:v>798.95600000000002</c:v>
                </c:pt>
                <c:pt idx="3158">
                  <c:v>799.38699999999994</c:v>
                </c:pt>
                <c:pt idx="3159">
                  <c:v>799.67100000000005</c:v>
                </c:pt>
                <c:pt idx="3160">
                  <c:v>799.70399999999995</c:v>
                </c:pt>
                <c:pt idx="3161">
                  <c:v>800.06399999999996</c:v>
                </c:pt>
                <c:pt idx="3162">
                  <c:v>800.50599999999997</c:v>
                </c:pt>
                <c:pt idx="3163">
                  <c:v>800.65</c:v>
                </c:pt>
                <c:pt idx="3164">
                  <c:v>801.06500000000005</c:v>
                </c:pt>
                <c:pt idx="3165">
                  <c:v>801.36</c:v>
                </c:pt>
                <c:pt idx="3166">
                  <c:v>801.67700000000002</c:v>
                </c:pt>
                <c:pt idx="3167">
                  <c:v>801.76900000000001</c:v>
                </c:pt>
                <c:pt idx="3168">
                  <c:v>802.13599999999997</c:v>
                </c:pt>
                <c:pt idx="3169">
                  <c:v>802.25900000000001</c:v>
                </c:pt>
                <c:pt idx="3170">
                  <c:v>802.38800000000003</c:v>
                </c:pt>
                <c:pt idx="3171">
                  <c:v>802.46600000000001</c:v>
                </c:pt>
                <c:pt idx="3172">
                  <c:v>802.82399999999996</c:v>
                </c:pt>
                <c:pt idx="3173">
                  <c:v>803.07299999999998</c:v>
                </c:pt>
                <c:pt idx="3174">
                  <c:v>803.32299999999998</c:v>
                </c:pt>
                <c:pt idx="3175">
                  <c:v>803.67499999999995</c:v>
                </c:pt>
                <c:pt idx="3176">
                  <c:v>803.99900000000002</c:v>
                </c:pt>
                <c:pt idx="3177">
                  <c:v>804.35500000000002</c:v>
                </c:pt>
                <c:pt idx="3178">
                  <c:v>804.61800000000005</c:v>
                </c:pt>
                <c:pt idx="3179">
                  <c:v>804.58600000000001</c:v>
                </c:pt>
                <c:pt idx="3180">
                  <c:v>804.80100000000004</c:v>
                </c:pt>
                <c:pt idx="3181">
                  <c:v>805.14800000000002</c:v>
                </c:pt>
                <c:pt idx="3182">
                  <c:v>805.24599999999998</c:v>
                </c:pt>
                <c:pt idx="3183">
                  <c:v>805.60299999999995</c:v>
                </c:pt>
                <c:pt idx="3184">
                  <c:v>805.95</c:v>
                </c:pt>
                <c:pt idx="3185">
                  <c:v>806.25900000000001</c:v>
                </c:pt>
                <c:pt idx="3186">
                  <c:v>806.66700000000003</c:v>
                </c:pt>
                <c:pt idx="3187">
                  <c:v>806.86199999999997</c:v>
                </c:pt>
                <c:pt idx="3188">
                  <c:v>806.96900000000005</c:v>
                </c:pt>
                <c:pt idx="3189">
                  <c:v>807.23</c:v>
                </c:pt>
                <c:pt idx="3190">
                  <c:v>807.71699999999998</c:v>
                </c:pt>
                <c:pt idx="3191">
                  <c:v>808.03300000000002</c:v>
                </c:pt>
                <c:pt idx="3192">
                  <c:v>808.30499999999995</c:v>
                </c:pt>
                <c:pt idx="3193">
                  <c:v>808.697</c:v>
                </c:pt>
                <c:pt idx="3194">
                  <c:v>808.99099999999999</c:v>
                </c:pt>
                <c:pt idx="3195">
                  <c:v>808.91600000000005</c:v>
                </c:pt>
                <c:pt idx="3196">
                  <c:v>808.9</c:v>
                </c:pt>
                <c:pt idx="3197">
                  <c:v>809.43100000000004</c:v>
                </c:pt>
                <c:pt idx="3198">
                  <c:v>809.71100000000001</c:v>
                </c:pt>
                <c:pt idx="3199">
                  <c:v>809.84799999999996</c:v>
                </c:pt>
                <c:pt idx="3200">
                  <c:v>810.16399999999999</c:v>
                </c:pt>
                <c:pt idx="3201">
                  <c:v>810.39200000000005</c:v>
                </c:pt>
                <c:pt idx="3202">
                  <c:v>810.56500000000005</c:v>
                </c:pt>
                <c:pt idx="3203">
                  <c:v>810.98400000000004</c:v>
                </c:pt>
                <c:pt idx="3204">
                  <c:v>811.44399999999996</c:v>
                </c:pt>
                <c:pt idx="3205">
                  <c:v>811.75900000000001</c:v>
                </c:pt>
                <c:pt idx="3206">
                  <c:v>812.07</c:v>
                </c:pt>
                <c:pt idx="3207">
                  <c:v>812.27599999999995</c:v>
                </c:pt>
                <c:pt idx="3208">
                  <c:v>812.37199999999996</c:v>
                </c:pt>
                <c:pt idx="3209">
                  <c:v>812.47299999999996</c:v>
                </c:pt>
                <c:pt idx="3210">
                  <c:v>812.803</c:v>
                </c:pt>
                <c:pt idx="3211">
                  <c:v>812.86500000000001</c:v>
                </c:pt>
                <c:pt idx="3212">
                  <c:v>813.23400000000004</c:v>
                </c:pt>
                <c:pt idx="3213">
                  <c:v>813.56600000000003</c:v>
                </c:pt>
                <c:pt idx="3214">
                  <c:v>813.78399999999999</c:v>
                </c:pt>
                <c:pt idx="3215">
                  <c:v>814.22900000000004</c:v>
                </c:pt>
                <c:pt idx="3216">
                  <c:v>814.48299999999995</c:v>
                </c:pt>
                <c:pt idx="3217">
                  <c:v>814.64700000000005</c:v>
                </c:pt>
                <c:pt idx="3218">
                  <c:v>814.87</c:v>
                </c:pt>
                <c:pt idx="3219">
                  <c:v>815.11400000000003</c:v>
                </c:pt>
                <c:pt idx="3220">
                  <c:v>815.375</c:v>
                </c:pt>
                <c:pt idx="3221">
                  <c:v>815.54399999999998</c:v>
                </c:pt>
                <c:pt idx="3222">
                  <c:v>815.59500000000003</c:v>
                </c:pt>
                <c:pt idx="3223">
                  <c:v>815.91</c:v>
                </c:pt>
                <c:pt idx="3224">
                  <c:v>816.14</c:v>
                </c:pt>
                <c:pt idx="3225">
                  <c:v>816.35799999999995</c:v>
                </c:pt>
                <c:pt idx="3226">
                  <c:v>816.49900000000002</c:v>
                </c:pt>
                <c:pt idx="3227">
                  <c:v>817.05799999999999</c:v>
                </c:pt>
                <c:pt idx="3228">
                  <c:v>817.13400000000001</c:v>
                </c:pt>
                <c:pt idx="3229">
                  <c:v>817.49099999999999</c:v>
                </c:pt>
                <c:pt idx="3230">
                  <c:v>818.053</c:v>
                </c:pt>
                <c:pt idx="3231">
                  <c:v>818.20799999999997</c:v>
                </c:pt>
                <c:pt idx="3232">
                  <c:v>818.36400000000003</c:v>
                </c:pt>
                <c:pt idx="3233">
                  <c:v>818.54300000000001</c:v>
                </c:pt>
                <c:pt idx="3234">
                  <c:v>818.69600000000003</c:v>
                </c:pt>
                <c:pt idx="3235">
                  <c:v>819.01900000000001</c:v>
                </c:pt>
                <c:pt idx="3236">
                  <c:v>819.40599999999995</c:v>
                </c:pt>
                <c:pt idx="3237">
                  <c:v>819.78099999999995</c:v>
                </c:pt>
                <c:pt idx="3238">
                  <c:v>819.84500000000003</c:v>
                </c:pt>
                <c:pt idx="3239">
                  <c:v>820.15300000000002</c:v>
                </c:pt>
                <c:pt idx="3240">
                  <c:v>820.48299999999995</c:v>
                </c:pt>
                <c:pt idx="3241">
                  <c:v>820.91899999999998</c:v>
                </c:pt>
                <c:pt idx="3242">
                  <c:v>821.19200000000001</c:v>
                </c:pt>
                <c:pt idx="3243">
                  <c:v>821.16200000000003</c:v>
                </c:pt>
                <c:pt idx="3244">
                  <c:v>821.30100000000004</c:v>
                </c:pt>
                <c:pt idx="3245">
                  <c:v>821.55100000000004</c:v>
                </c:pt>
                <c:pt idx="3246">
                  <c:v>821.77300000000002</c:v>
                </c:pt>
                <c:pt idx="3247">
                  <c:v>822.26599999999996</c:v>
                </c:pt>
                <c:pt idx="3248">
                  <c:v>822.35599999999999</c:v>
                </c:pt>
                <c:pt idx="3249">
                  <c:v>822.4</c:v>
                </c:pt>
                <c:pt idx="3250">
                  <c:v>822.846</c:v>
                </c:pt>
                <c:pt idx="3251">
                  <c:v>823.18899999999996</c:v>
                </c:pt>
                <c:pt idx="3252">
                  <c:v>823.56399999999996</c:v>
                </c:pt>
                <c:pt idx="3253">
                  <c:v>823.81299999999999</c:v>
                </c:pt>
                <c:pt idx="3254">
                  <c:v>823.85</c:v>
                </c:pt>
                <c:pt idx="3255">
                  <c:v>824.10599999999999</c:v>
                </c:pt>
                <c:pt idx="3256">
                  <c:v>824.51800000000003</c:v>
                </c:pt>
                <c:pt idx="3257">
                  <c:v>824.85400000000004</c:v>
                </c:pt>
                <c:pt idx="3258">
                  <c:v>825.12599999999998</c:v>
                </c:pt>
                <c:pt idx="3259">
                  <c:v>825.38499999999999</c:v>
                </c:pt>
                <c:pt idx="3260">
                  <c:v>825.66800000000001</c:v>
                </c:pt>
                <c:pt idx="3261">
                  <c:v>825.97699999999998</c:v>
                </c:pt>
                <c:pt idx="3262">
                  <c:v>826.21299999999997</c:v>
                </c:pt>
                <c:pt idx="3263">
                  <c:v>826.25300000000004</c:v>
                </c:pt>
                <c:pt idx="3264">
                  <c:v>826.62599999999998</c:v>
                </c:pt>
                <c:pt idx="3265">
                  <c:v>826.71699999999998</c:v>
                </c:pt>
                <c:pt idx="3266">
                  <c:v>826.92700000000002</c:v>
                </c:pt>
                <c:pt idx="3267">
                  <c:v>827.28599999999994</c:v>
                </c:pt>
                <c:pt idx="3268">
                  <c:v>827.74900000000002</c:v>
                </c:pt>
                <c:pt idx="3269">
                  <c:v>827.74599999999998</c:v>
                </c:pt>
                <c:pt idx="3270">
                  <c:v>827.89599999999996</c:v>
                </c:pt>
                <c:pt idx="3271">
                  <c:v>828.17100000000005</c:v>
                </c:pt>
                <c:pt idx="3272">
                  <c:v>828.63400000000001</c:v>
                </c:pt>
                <c:pt idx="3273">
                  <c:v>828.61800000000005</c:v>
                </c:pt>
                <c:pt idx="3274">
                  <c:v>828.95299999999997</c:v>
                </c:pt>
                <c:pt idx="3275">
                  <c:v>829.43200000000002</c:v>
                </c:pt>
                <c:pt idx="3276">
                  <c:v>829.56600000000003</c:v>
                </c:pt>
                <c:pt idx="3277">
                  <c:v>829.83600000000001</c:v>
                </c:pt>
                <c:pt idx="3278">
                  <c:v>829.84100000000001</c:v>
                </c:pt>
                <c:pt idx="3279">
                  <c:v>830.12199999999996</c:v>
                </c:pt>
                <c:pt idx="3280">
                  <c:v>830.34500000000003</c:v>
                </c:pt>
                <c:pt idx="3281">
                  <c:v>831.19299999999998</c:v>
                </c:pt>
                <c:pt idx="3282">
                  <c:v>831.66600000000005</c:v>
                </c:pt>
                <c:pt idx="3283">
                  <c:v>831.75599999999997</c:v>
                </c:pt>
                <c:pt idx="3284">
                  <c:v>831.66399999999999</c:v>
                </c:pt>
                <c:pt idx="3285">
                  <c:v>831.79499999999996</c:v>
                </c:pt>
                <c:pt idx="3286">
                  <c:v>832.04399999999998</c:v>
                </c:pt>
                <c:pt idx="3287">
                  <c:v>832.32</c:v>
                </c:pt>
                <c:pt idx="3288">
                  <c:v>832.59799999999996</c:v>
                </c:pt>
                <c:pt idx="3289">
                  <c:v>833.06799999999998</c:v>
                </c:pt>
                <c:pt idx="3290">
                  <c:v>833.26700000000005</c:v>
                </c:pt>
                <c:pt idx="3291">
                  <c:v>833.40700000000004</c:v>
                </c:pt>
                <c:pt idx="3292">
                  <c:v>833.88699999999994</c:v>
                </c:pt>
                <c:pt idx="3293">
                  <c:v>833.78899999999999</c:v>
                </c:pt>
                <c:pt idx="3294">
                  <c:v>834.06100000000004</c:v>
                </c:pt>
                <c:pt idx="3295">
                  <c:v>834.17899999999997</c:v>
                </c:pt>
                <c:pt idx="3296">
                  <c:v>834.57100000000003</c:v>
                </c:pt>
                <c:pt idx="3297">
                  <c:v>834.79</c:v>
                </c:pt>
                <c:pt idx="3298">
                  <c:v>834.86400000000003</c:v>
                </c:pt>
                <c:pt idx="3299">
                  <c:v>835.721</c:v>
                </c:pt>
                <c:pt idx="3300">
                  <c:v>836.16300000000001</c:v>
                </c:pt>
                <c:pt idx="3301">
                  <c:v>836.32899999999995</c:v>
                </c:pt>
                <c:pt idx="3302">
                  <c:v>836.42</c:v>
                </c:pt>
                <c:pt idx="3303">
                  <c:v>836.44799999999998</c:v>
                </c:pt>
                <c:pt idx="3304">
                  <c:v>836.75800000000004</c:v>
                </c:pt>
                <c:pt idx="3305">
                  <c:v>837.05799999999999</c:v>
                </c:pt>
                <c:pt idx="3306">
                  <c:v>837.18399999999997</c:v>
                </c:pt>
                <c:pt idx="3307">
                  <c:v>837.55600000000004</c:v>
                </c:pt>
                <c:pt idx="3308">
                  <c:v>837.726</c:v>
                </c:pt>
                <c:pt idx="3309">
                  <c:v>837.95699999999999</c:v>
                </c:pt>
                <c:pt idx="3310">
                  <c:v>838.279</c:v>
                </c:pt>
                <c:pt idx="3311">
                  <c:v>838.61099999999999</c:v>
                </c:pt>
                <c:pt idx="3312">
                  <c:v>838.928</c:v>
                </c:pt>
                <c:pt idx="3313">
                  <c:v>838.98900000000003</c:v>
                </c:pt>
                <c:pt idx="3314">
                  <c:v>839.35900000000004</c:v>
                </c:pt>
                <c:pt idx="3315">
                  <c:v>839.87900000000002</c:v>
                </c:pt>
                <c:pt idx="3316">
                  <c:v>840.10500000000002</c:v>
                </c:pt>
                <c:pt idx="3317">
                  <c:v>840.19100000000003</c:v>
                </c:pt>
                <c:pt idx="3318">
                  <c:v>840.36400000000003</c:v>
                </c:pt>
                <c:pt idx="3319">
                  <c:v>840.58100000000002</c:v>
                </c:pt>
                <c:pt idx="3320">
                  <c:v>840.97299999999996</c:v>
                </c:pt>
                <c:pt idx="3321">
                  <c:v>841.44299999999998</c:v>
                </c:pt>
                <c:pt idx="3322">
                  <c:v>841.75400000000002</c:v>
                </c:pt>
                <c:pt idx="3323">
                  <c:v>842.06299999999999</c:v>
                </c:pt>
                <c:pt idx="3324">
                  <c:v>842.31799999999998</c:v>
                </c:pt>
                <c:pt idx="3325">
                  <c:v>842.39400000000001</c:v>
                </c:pt>
                <c:pt idx="3326">
                  <c:v>842.74599999999998</c:v>
                </c:pt>
                <c:pt idx="3327">
                  <c:v>842.78800000000001</c:v>
                </c:pt>
                <c:pt idx="3328">
                  <c:v>842.87699999999995</c:v>
                </c:pt>
                <c:pt idx="3329">
                  <c:v>843.28300000000002</c:v>
                </c:pt>
                <c:pt idx="3330">
                  <c:v>843.67700000000002</c:v>
                </c:pt>
                <c:pt idx="3331">
                  <c:v>844.13199999999995</c:v>
                </c:pt>
                <c:pt idx="3332">
                  <c:v>844.51599999999996</c:v>
                </c:pt>
                <c:pt idx="3333">
                  <c:v>844.62699999999995</c:v>
                </c:pt>
                <c:pt idx="3334">
                  <c:v>844.76800000000003</c:v>
                </c:pt>
                <c:pt idx="3335">
                  <c:v>844.82799999999997</c:v>
                </c:pt>
                <c:pt idx="3336">
                  <c:v>844.97199999999998</c:v>
                </c:pt>
                <c:pt idx="3337">
                  <c:v>845.41600000000005</c:v>
                </c:pt>
                <c:pt idx="3338">
                  <c:v>845.53</c:v>
                </c:pt>
                <c:pt idx="3339">
                  <c:v>845.83399999999995</c:v>
                </c:pt>
                <c:pt idx="3340">
                  <c:v>846.18499999999995</c:v>
                </c:pt>
                <c:pt idx="3341">
                  <c:v>846.30799999999999</c:v>
                </c:pt>
                <c:pt idx="3342">
                  <c:v>846.5</c:v>
                </c:pt>
                <c:pt idx="3343">
                  <c:v>846.49099999999999</c:v>
                </c:pt>
                <c:pt idx="3344">
                  <c:v>846.5</c:v>
                </c:pt>
                <c:pt idx="3345">
                  <c:v>846.52700000000004</c:v>
                </c:pt>
                <c:pt idx="3346">
                  <c:v>846.76</c:v>
                </c:pt>
                <c:pt idx="3347">
                  <c:v>846.80600000000004</c:v>
                </c:pt>
                <c:pt idx="3348">
                  <c:v>846.73199999999997</c:v>
                </c:pt>
                <c:pt idx="3349">
                  <c:v>846.76800000000003</c:v>
                </c:pt>
                <c:pt idx="3350">
                  <c:v>846.99300000000005</c:v>
                </c:pt>
                <c:pt idx="3351">
                  <c:v>847.21100000000001</c:v>
                </c:pt>
                <c:pt idx="3352">
                  <c:v>847.37599999999998</c:v>
                </c:pt>
                <c:pt idx="3353">
                  <c:v>847.46600000000001</c:v>
                </c:pt>
                <c:pt idx="3354">
                  <c:v>847.41300000000001</c:v>
                </c:pt>
                <c:pt idx="3355">
                  <c:v>847.43299999999999</c:v>
                </c:pt>
                <c:pt idx="3356">
                  <c:v>847.62599999999998</c:v>
                </c:pt>
                <c:pt idx="3357">
                  <c:v>847.70899999999995</c:v>
                </c:pt>
                <c:pt idx="3358">
                  <c:v>847.73699999999997</c:v>
                </c:pt>
                <c:pt idx="3359">
                  <c:v>847.79499999999996</c:v>
                </c:pt>
                <c:pt idx="3360">
                  <c:v>848.154</c:v>
                </c:pt>
                <c:pt idx="3361">
                  <c:v>848.48699999999997</c:v>
                </c:pt>
                <c:pt idx="3362">
                  <c:v>848.49800000000005</c:v>
                </c:pt>
                <c:pt idx="3363">
                  <c:v>848.48599999999999</c:v>
                </c:pt>
                <c:pt idx="3364">
                  <c:v>848.64099999999996</c:v>
                </c:pt>
                <c:pt idx="3365">
                  <c:v>848.774</c:v>
                </c:pt>
                <c:pt idx="3366">
                  <c:v>849.14400000000001</c:v>
                </c:pt>
                <c:pt idx="3367">
                  <c:v>849.16300000000001</c:v>
                </c:pt>
                <c:pt idx="3368">
                  <c:v>849.154</c:v>
                </c:pt>
                <c:pt idx="3369">
                  <c:v>849.33299999999997</c:v>
                </c:pt>
                <c:pt idx="3370">
                  <c:v>849.49400000000003</c:v>
                </c:pt>
                <c:pt idx="3371">
                  <c:v>849.54899999999998</c:v>
                </c:pt>
                <c:pt idx="3372">
                  <c:v>849.53300000000002</c:v>
                </c:pt>
                <c:pt idx="3373">
                  <c:v>849.80600000000004</c:v>
                </c:pt>
                <c:pt idx="3374">
                  <c:v>849.74900000000002</c:v>
                </c:pt>
                <c:pt idx="3375">
                  <c:v>849.66700000000003</c:v>
                </c:pt>
                <c:pt idx="3376">
                  <c:v>849.60500000000002</c:v>
                </c:pt>
                <c:pt idx="3377">
                  <c:v>849.73400000000004</c:v>
                </c:pt>
                <c:pt idx="3378">
                  <c:v>849.94</c:v>
                </c:pt>
                <c:pt idx="3379">
                  <c:v>849.77700000000004</c:v>
                </c:pt>
                <c:pt idx="3380">
                  <c:v>849.70500000000004</c:v>
                </c:pt>
                <c:pt idx="3381">
                  <c:v>849.69100000000003</c:v>
                </c:pt>
                <c:pt idx="3382">
                  <c:v>849.89800000000002</c:v>
                </c:pt>
                <c:pt idx="3383">
                  <c:v>849.93700000000001</c:v>
                </c:pt>
                <c:pt idx="3384">
                  <c:v>849.84400000000005</c:v>
                </c:pt>
                <c:pt idx="3385">
                  <c:v>849.85</c:v>
                </c:pt>
                <c:pt idx="3386">
                  <c:v>849.93700000000001</c:v>
                </c:pt>
                <c:pt idx="3387">
                  <c:v>850.03700000000003</c:v>
                </c:pt>
                <c:pt idx="3388">
                  <c:v>849.779</c:v>
                </c:pt>
                <c:pt idx="3389">
                  <c:v>849.85599999999999</c:v>
                </c:pt>
                <c:pt idx="3390">
                  <c:v>849.65099999999995</c:v>
                </c:pt>
                <c:pt idx="3391">
                  <c:v>849.63599999999997</c:v>
                </c:pt>
                <c:pt idx="3392">
                  <c:v>849.44200000000001</c:v>
                </c:pt>
                <c:pt idx="3393">
                  <c:v>849.37400000000002</c:v>
                </c:pt>
                <c:pt idx="3394">
                  <c:v>849.30200000000002</c:v>
                </c:pt>
                <c:pt idx="3395">
                  <c:v>849.21799999999996</c:v>
                </c:pt>
                <c:pt idx="3396">
                  <c:v>848.827</c:v>
                </c:pt>
                <c:pt idx="3397">
                  <c:v>848.73900000000003</c:v>
                </c:pt>
                <c:pt idx="3398">
                  <c:v>848.84900000000005</c:v>
                </c:pt>
                <c:pt idx="3399">
                  <c:v>848.62199999999996</c:v>
                </c:pt>
                <c:pt idx="3400">
                  <c:v>848.625</c:v>
                </c:pt>
                <c:pt idx="3401">
                  <c:v>848.43200000000002</c:v>
                </c:pt>
                <c:pt idx="3402">
                  <c:v>848.41499999999996</c:v>
                </c:pt>
                <c:pt idx="3403">
                  <c:v>848.36400000000003</c:v>
                </c:pt>
                <c:pt idx="3404">
                  <c:v>848.27700000000004</c:v>
                </c:pt>
                <c:pt idx="3405">
                  <c:v>848.26</c:v>
                </c:pt>
                <c:pt idx="3406">
                  <c:v>848.125</c:v>
                </c:pt>
                <c:pt idx="3407">
                  <c:v>848.00900000000001</c:v>
                </c:pt>
                <c:pt idx="3408">
                  <c:v>847.89200000000005</c:v>
                </c:pt>
                <c:pt idx="3409">
                  <c:v>847.68200000000002</c:v>
                </c:pt>
                <c:pt idx="3410">
                  <c:v>847.74900000000002</c:v>
                </c:pt>
                <c:pt idx="3411">
                  <c:v>847.61400000000003</c:v>
                </c:pt>
                <c:pt idx="3412">
                  <c:v>847.59100000000001</c:v>
                </c:pt>
                <c:pt idx="3413">
                  <c:v>847.34799999999996</c:v>
                </c:pt>
                <c:pt idx="3414">
                  <c:v>847.346</c:v>
                </c:pt>
                <c:pt idx="3415">
                  <c:v>847.23099999999999</c:v>
                </c:pt>
                <c:pt idx="3416">
                  <c:v>847.14599999999996</c:v>
                </c:pt>
                <c:pt idx="3417">
                  <c:v>847.29100000000005</c:v>
                </c:pt>
                <c:pt idx="3418">
                  <c:v>846.94200000000001</c:v>
                </c:pt>
                <c:pt idx="3419">
                  <c:v>846.73099999999999</c:v>
                </c:pt>
                <c:pt idx="3420">
                  <c:v>846.92499999999995</c:v>
                </c:pt>
                <c:pt idx="3421">
                  <c:v>846.78599999999994</c:v>
                </c:pt>
                <c:pt idx="3422">
                  <c:v>846.94399999999996</c:v>
                </c:pt>
                <c:pt idx="3423">
                  <c:v>846.654</c:v>
                </c:pt>
                <c:pt idx="3424">
                  <c:v>846.74900000000002</c:v>
                </c:pt>
                <c:pt idx="3425">
                  <c:v>846.66600000000005</c:v>
                </c:pt>
                <c:pt idx="3426">
                  <c:v>846.40599999999995</c:v>
                </c:pt>
                <c:pt idx="3427">
                  <c:v>846.38599999999997</c:v>
                </c:pt>
                <c:pt idx="3428">
                  <c:v>846.28700000000003</c:v>
                </c:pt>
                <c:pt idx="3429">
                  <c:v>846.21699999999998</c:v>
                </c:pt>
                <c:pt idx="3430">
                  <c:v>845.98500000000001</c:v>
                </c:pt>
                <c:pt idx="3431">
                  <c:v>846.11</c:v>
                </c:pt>
                <c:pt idx="3432">
                  <c:v>846.14499999999998</c:v>
                </c:pt>
                <c:pt idx="3433">
                  <c:v>845.98699999999997</c:v>
                </c:pt>
                <c:pt idx="3434">
                  <c:v>845.94100000000003</c:v>
                </c:pt>
                <c:pt idx="3435">
                  <c:v>845.71100000000001</c:v>
                </c:pt>
                <c:pt idx="3436">
                  <c:v>845.50099999999998</c:v>
                </c:pt>
                <c:pt idx="3437">
                  <c:v>845.51199999999994</c:v>
                </c:pt>
                <c:pt idx="3438">
                  <c:v>845.43899999999996</c:v>
                </c:pt>
                <c:pt idx="3439">
                  <c:v>845.22900000000004</c:v>
                </c:pt>
                <c:pt idx="3440">
                  <c:v>845.34699999999998</c:v>
                </c:pt>
                <c:pt idx="3441">
                  <c:v>845.43100000000004</c:v>
                </c:pt>
                <c:pt idx="3442">
                  <c:v>845.37199999999996</c:v>
                </c:pt>
                <c:pt idx="3443">
                  <c:v>845.34199999999998</c:v>
                </c:pt>
                <c:pt idx="3444">
                  <c:v>845.27599999999995</c:v>
                </c:pt>
                <c:pt idx="3445">
                  <c:v>845.21500000000003</c:v>
                </c:pt>
                <c:pt idx="3446">
                  <c:v>845.20399999999995</c:v>
                </c:pt>
                <c:pt idx="3447">
                  <c:v>845.19100000000003</c:v>
                </c:pt>
                <c:pt idx="3448">
                  <c:v>845.05499999999995</c:v>
                </c:pt>
                <c:pt idx="3449">
                  <c:v>844.93600000000004</c:v>
                </c:pt>
                <c:pt idx="3450">
                  <c:v>844.952</c:v>
                </c:pt>
                <c:pt idx="3451">
                  <c:v>844.62800000000004</c:v>
                </c:pt>
                <c:pt idx="3452">
                  <c:v>844.35199999999998</c:v>
                </c:pt>
                <c:pt idx="3453">
                  <c:v>844.49400000000003</c:v>
                </c:pt>
                <c:pt idx="3454">
                  <c:v>844.59400000000005</c:v>
                </c:pt>
                <c:pt idx="3455">
                  <c:v>844.63400000000001</c:v>
                </c:pt>
                <c:pt idx="3456">
                  <c:v>844.58600000000001</c:v>
                </c:pt>
                <c:pt idx="3457">
                  <c:v>844.57</c:v>
                </c:pt>
                <c:pt idx="3458">
                  <c:v>844.58500000000004</c:v>
                </c:pt>
                <c:pt idx="3459">
                  <c:v>844.50099999999998</c:v>
                </c:pt>
                <c:pt idx="3460">
                  <c:v>844.16600000000005</c:v>
                </c:pt>
                <c:pt idx="3461">
                  <c:v>844.33799999999997</c:v>
                </c:pt>
                <c:pt idx="3462">
                  <c:v>844.30200000000002</c:v>
                </c:pt>
                <c:pt idx="3463">
                  <c:v>843.96699999999998</c:v>
                </c:pt>
                <c:pt idx="3464">
                  <c:v>844.13099999999997</c:v>
                </c:pt>
                <c:pt idx="3465">
                  <c:v>844.09900000000005</c:v>
                </c:pt>
                <c:pt idx="3466">
                  <c:v>844.09199999999998</c:v>
                </c:pt>
                <c:pt idx="3467">
                  <c:v>844.01900000000001</c:v>
                </c:pt>
                <c:pt idx="3468">
                  <c:v>843.92</c:v>
                </c:pt>
                <c:pt idx="3469">
                  <c:v>844.02599999999995</c:v>
                </c:pt>
                <c:pt idx="3470">
                  <c:v>843.96100000000001</c:v>
                </c:pt>
                <c:pt idx="3471">
                  <c:v>843.67600000000004</c:v>
                </c:pt>
                <c:pt idx="3472">
                  <c:v>843.88300000000004</c:v>
                </c:pt>
                <c:pt idx="3473">
                  <c:v>843.91300000000001</c:v>
                </c:pt>
                <c:pt idx="3474">
                  <c:v>843.79700000000003</c:v>
                </c:pt>
                <c:pt idx="3475">
                  <c:v>843.76800000000003</c:v>
                </c:pt>
                <c:pt idx="3476">
                  <c:v>843.60599999999999</c:v>
                </c:pt>
                <c:pt idx="3477">
                  <c:v>843.45799999999997</c:v>
                </c:pt>
                <c:pt idx="3478">
                  <c:v>843.41399999999999</c:v>
                </c:pt>
                <c:pt idx="3479">
                  <c:v>843.34</c:v>
                </c:pt>
                <c:pt idx="3480">
                  <c:v>843.47900000000004</c:v>
                </c:pt>
                <c:pt idx="3481">
                  <c:v>843.48800000000006</c:v>
                </c:pt>
                <c:pt idx="3482">
                  <c:v>843.45100000000002</c:v>
                </c:pt>
                <c:pt idx="3483">
                  <c:v>843.36900000000003</c:v>
                </c:pt>
                <c:pt idx="3484">
                  <c:v>843.40599999999995</c:v>
                </c:pt>
                <c:pt idx="3485">
                  <c:v>843.19899999999996</c:v>
                </c:pt>
                <c:pt idx="3486">
                  <c:v>843.12</c:v>
                </c:pt>
                <c:pt idx="3487">
                  <c:v>843.02599999999995</c:v>
                </c:pt>
                <c:pt idx="3488">
                  <c:v>843.13800000000003</c:v>
                </c:pt>
                <c:pt idx="3489">
                  <c:v>843.11599999999999</c:v>
                </c:pt>
                <c:pt idx="3490">
                  <c:v>842.95399999999995</c:v>
                </c:pt>
                <c:pt idx="3491">
                  <c:v>843.08199999999999</c:v>
                </c:pt>
                <c:pt idx="3492">
                  <c:v>842.94299999999998</c:v>
                </c:pt>
                <c:pt idx="3493">
                  <c:v>842.87099999999998</c:v>
                </c:pt>
                <c:pt idx="3494">
                  <c:v>842.99699999999996</c:v>
                </c:pt>
                <c:pt idx="3495">
                  <c:v>842.96799999999996</c:v>
                </c:pt>
                <c:pt idx="3496">
                  <c:v>842.95</c:v>
                </c:pt>
                <c:pt idx="3497">
                  <c:v>842.7</c:v>
                </c:pt>
                <c:pt idx="3498">
                  <c:v>842.524</c:v>
                </c:pt>
                <c:pt idx="3499">
                  <c:v>842.63699999999994</c:v>
                </c:pt>
                <c:pt idx="3500">
                  <c:v>842.38</c:v>
                </c:pt>
                <c:pt idx="3501">
                  <c:v>842.42499999999995</c:v>
                </c:pt>
                <c:pt idx="3502">
                  <c:v>842.41200000000003</c:v>
                </c:pt>
                <c:pt idx="3503">
                  <c:v>842.38400000000001</c:v>
                </c:pt>
                <c:pt idx="3504">
                  <c:v>842.34500000000003</c:v>
                </c:pt>
                <c:pt idx="3505">
                  <c:v>842.50199999999995</c:v>
                </c:pt>
                <c:pt idx="3506">
                  <c:v>842.56600000000003</c:v>
                </c:pt>
                <c:pt idx="3507">
                  <c:v>842.49699999999996</c:v>
                </c:pt>
                <c:pt idx="3508">
                  <c:v>842.39300000000003</c:v>
                </c:pt>
                <c:pt idx="3509">
                  <c:v>842.46799999999996</c:v>
                </c:pt>
                <c:pt idx="3510">
                  <c:v>842.327</c:v>
                </c:pt>
                <c:pt idx="3511">
                  <c:v>842.23500000000001</c:v>
                </c:pt>
                <c:pt idx="3512">
                  <c:v>842.25599999999997</c:v>
                </c:pt>
                <c:pt idx="3513">
                  <c:v>842.21600000000001</c:v>
                </c:pt>
                <c:pt idx="3514">
                  <c:v>842.15899999999999</c:v>
                </c:pt>
                <c:pt idx="3515">
                  <c:v>842.20299999999997</c:v>
                </c:pt>
                <c:pt idx="3516">
                  <c:v>842.03499999999997</c:v>
                </c:pt>
                <c:pt idx="3517">
                  <c:v>842.18200000000002</c:v>
                </c:pt>
                <c:pt idx="3518">
                  <c:v>842.20699999999999</c:v>
                </c:pt>
                <c:pt idx="3519">
                  <c:v>842.02099999999996</c:v>
                </c:pt>
                <c:pt idx="3520">
                  <c:v>841.87699999999995</c:v>
                </c:pt>
                <c:pt idx="3521">
                  <c:v>841.73699999999997</c:v>
                </c:pt>
                <c:pt idx="3522">
                  <c:v>841.78599999999994</c:v>
                </c:pt>
                <c:pt idx="3523">
                  <c:v>841.94600000000003</c:v>
                </c:pt>
                <c:pt idx="3524">
                  <c:v>841.99900000000002</c:v>
                </c:pt>
                <c:pt idx="3525">
                  <c:v>841.71400000000006</c:v>
                </c:pt>
                <c:pt idx="3526">
                  <c:v>841.66</c:v>
                </c:pt>
                <c:pt idx="3527">
                  <c:v>841.70899999999995</c:v>
                </c:pt>
                <c:pt idx="3528">
                  <c:v>841.60599999999999</c:v>
                </c:pt>
                <c:pt idx="3529">
                  <c:v>841.63499999999999</c:v>
                </c:pt>
                <c:pt idx="3530">
                  <c:v>841.69100000000003</c:v>
                </c:pt>
                <c:pt idx="3531">
                  <c:v>841.75900000000001</c:v>
                </c:pt>
                <c:pt idx="3532">
                  <c:v>841.529</c:v>
                </c:pt>
                <c:pt idx="3533">
                  <c:v>841.53800000000001</c:v>
                </c:pt>
                <c:pt idx="3534">
                  <c:v>841.36400000000003</c:v>
                </c:pt>
                <c:pt idx="3535">
                  <c:v>841.37199999999996</c:v>
                </c:pt>
                <c:pt idx="3536">
                  <c:v>841.48699999999997</c:v>
                </c:pt>
                <c:pt idx="3537">
                  <c:v>841.39300000000003</c:v>
                </c:pt>
                <c:pt idx="3538">
                  <c:v>841.36400000000003</c:v>
                </c:pt>
                <c:pt idx="3539">
                  <c:v>841.36300000000006</c:v>
                </c:pt>
                <c:pt idx="3540">
                  <c:v>841.23699999999997</c:v>
                </c:pt>
                <c:pt idx="3541">
                  <c:v>841.22900000000004</c:v>
                </c:pt>
                <c:pt idx="3542">
                  <c:v>841.26199999999994</c:v>
                </c:pt>
                <c:pt idx="3543">
                  <c:v>841.26599999999996</c:v>
                </c:pt>
                <c:pt idx="3544">
                  <c:v>841.154</c:v>
                </c:pt>
                <c:pt idx="3545">
                  <c:v>840.99699999999996</c:v>
                </c:pt>
                <c:pt idx="3546">
                  <c:v>840.92100000000005</c:v>
                </c:pt>
                <c:pt idx="3547">
                  <c:v>841.31799999999998</c:v>
                </c:pt>
                <c:pt idx="3548">
                  <c:v>841.524</c:v>
                </c:pt>
                <c:pt idx="3549">
                  <c:v>841.66200000000003</c:v>
                </c:pt>
                <c:pt idx="3550">
                  <c:v>841.51599999999996</c:v>
                </c:pt>
                <c:pt idx="3551">
                  <c:v>841.43399999999997</c:v>
                </c:pt>
                <c:pt idx="3552">
                  <c:v>841.08699999999999</c:v>
                </c:pt>
                <c:pt idx="3553">
                  <c:v>840.798</c:v>
                </c:pt>
                <c:pt idx="3554">
                  <c:v>840.77300000000002</c:v>
                </c:pt>
                <c:pt idx="3555">
                  <c:v>840.83100000000002</c:v>
                </c:pt>
                <c:pt idx="3556">
                  <c:v>840.79</c:v>
                </c:pt>
                <c:pt idx="3557">
                  <c:v>841.02700000000004</c:v>
                </c:pt>
                <c:pt idx="3558">
                  <c:v>841.00400000000002</c:v>
                </c:pt>
                <c:pt idx="3559">
                  <c:v>840.69399999999996</c:v>
                </c:pt>
                <c:pt idx="3560">
                  <c:v>840.72299999999996</c:v>
                </c:pt>
                <c:pt idx="3561">
                  <c:v>840.62800000000004</c:v>
                </c:pt>
                <c:pt idx="3562">
                  <c:v>840.60699999999997</c:v>
                </c:pt>
                <c:pt idx="3563">
                  <c:v>840.56100000000004</c:v>
                </c:pt>
                <c:pt idx="3564">
                  <c:v>840.47299999999996</c:v>
                </c:pt>
                <c:pt idx="3565">
                  <c:v>840.72699999999998</c:v>
                </c:pt>
                <c:pt idx="3566">
                  <c:v>840.63199999999995</c:v>
                </c:pt>
                <c:pt idx="3567">
                  <c:v>840.74099999999999</c:v>
                </c:pt>
                <c:pt idx="3568">
                  <c:v>840.82299999999998</c:v>
                </c:pt>
                <c:pt idx="3569">
                  <c:v>840.84</c:v>
                </c:pt>
                <c:pt idx="3570">
                  <c:v>840.81600000000003</c:v>
                </c:pt>
                <c:pt idx="3571">
                  <c:v>840.73</c:v>
                </c:pt>
                <c:pt idx="3572">
                  <c:v>840.70100000000002</c:v>
                </c:pt>
                <c:pt idx="3573">
                  <c:v>840.82299999999998</c:v>
                </c:pt>
                <c:pt idx="3574">
                  <c:v>840.84500000000003</c:v>
                </c:pt>
                <c:pt idx="3575">
                  <c:v>840.77300000000002</c:v>
                </c:pt>
                <c:pt idx="3576">
                  <c:v>840.69600000000003</c:v>
                </c:pt>
                <c:pt idx="3577">
                  <c:v>840.68399999999997</c:v>
                </c:pt>
                <c:pt idx="3578">
                  <c:v>840.82399999999996</c:v>
                </c:pt>
                <c:pt idx="3579">
                  <c:v>840.87599999999998</c:v>
                </c:pt>
                <c:pt idx="3580">
                  <c:v>840.76099999999997</c:v>
                </c:pt>
                <c:pt idx="3581">
                  <c:v>840.63599999999997</c:v>
                </c:pt>
                <c:pt idx="3582">
                  <c:v>840.71100000000001</c:v>
                </c:pt>
                <c:pt idx="3583">
                  <c:v>840.36599999999999</c:v>
                </c:pt>
                <c:pt idx="3584">
                  <c:v>840.50599999999997</c:v>
                </c:pt>
                <c:pt idx="3585">
                  <c:v>840.61</c:v>
                </c:pt>
                <c:pt idx="3586">
                  <c:v>840.577</c:v>
                </c:pt>
                <c:pt idx="3587">
                  <c:v>840.45500000000004</c:v>
                </c:pt>
                <c:pt idx="3588">
                  <c:v>840.46400000000006</c:v>
                </c:pt>
                <c:pt idx="3589">
                  <c:v>840.42</c:v>
                </c:pt>
                <c:pt idx="3590">
                  <c:v>840.51499999999999</c:v>
                </c:pt>
                <c:pt idx="3591">
                  <c:v>840.59100000000001</c:v>
                </c:pt>
                <c:pt idx="3592">
                  <c:v>840.62400000000002</c:v>
                </c:pt>
                <c:pt idx="3593">
                  <c:v>840.577</c:v>
                </c:pt>
                <c:pt idx="3594">
                  <c:v>840.29700000000003</c:v>
                </c:pt>
                <c:pt idx="3595">
                  <c:v>840.202</c:v>
                </c:pt>
                <c:pt idx="3596">
                  <c:v>840.18899999999996</c:v>
                </c:pt>
                <c:pt idx="3597">
                  <c:v>840.24699999999996</c:v>
                </c:pt>
                <c:pt idx="3598">
                  <c:v>840.21199999999999</c:v>
                </c:pt>
                <c:pt idx="3599">
                  <c:v>840.05700000000002</c:v>
                </c:pt>
                <c:pt idx="3600">
                  <c:v>840.048</c:v>
                </c:pt>
                <c:pt idx="3601">
                  <c:v>839.95500000000004</c:v>
                </c:pt>
                <c:pt idx="3602">
                  <c:v>840.05799999999999</c:v>
                </c:pt>
                <c:pt idx="3603">
                  <c:v>840.05799999999999</c:v>
                </c:pt>
                <c:pt idx="3604">
                  <c:v>839.86</c:v>
                </c:pt>
                <c:pt idx="3605">
                  <c:v>839.74400000000003</c:v>
                </c:pt>
                <c:pt idx="3606">
                  <c:v>839.84699999999998</c:v>
                </c:pt>
                <c:pt idx="3607">
                  <c:v>839.89</c:v>
                </c:pt>
                <c:pt idx="3608">
                  <c:v>840.04499999999996</c:v>
                </c:pt>
                <c:pt idx="3609">
                  <c:v>839.88800000000003</c:v>
                </c:pt>
                <c:pt idx="3610">
                  <c:v>840.11</c:v>
                </c:pt>
                <c:pt idx="3611">
                  <c:v>840.14800000000002</c:v>
                </c:pt>
                <c:pt idx="3612">
                  <c:v>840.36500000000001</c:v>
                </c:pt>
                <c:pt idx="3613">
                  <c:v>840.13599999999997</c:v>
                </c:pt>
                <c:pt idx="3614">
                  <c:v>840.12599999999998</c:v>
                </c:pt>
                <c:pt idx="3615">
                  <c:v>839.95799999999997</c:v>
                </c:pt>
                <c:pt idx="3616">
                  <c:v>840.04200000000003</c:v>
                </c:pt>
                <c:pt idx="3617">
                  <c:v>839.923</c:v>
                </c:pt>
                <c:pt idx="3618">
                  <c:v>839.89200000000005</c:v>
                </c:pt>
                <c:pt idx="3619">
                  <c:v>839.87</c:v>
                </c:pt>
                <c:pt idx="3620">
                  <c:v>839.92499999999995</c:v>
                </c:pt>
                <c:pt idx="3621">
                  <c:v>839.81500000000005</c:v>
                </c:pt>
                <c:pt idx="3622">
                  <c:v>839.93399999999997</c:v>
                </c:pt>
                <c:pt idx="3623">
                  <c:v>839.91600000000005</c:v>
                </c:pt>
                <c:pt idx="3624">
                  <c:v>839.85799999999995</c:v>
                </c:pt>
                <c:pt idx="3625">
                  <c:v>840.08299999999997</c:v>
                </c:pt>
                <c:pt idx="3626">
                  <c:v>840.178</c:v>
                </c:pt>
                <c:pt idx="3627">
                  <c:v>839.91499999999996</c:v>
                </c:pt>
                <c:pt idx="3628">
                  <c:v>840.04200000000003</c:v>
                </c:pt>
                <c:pt idx="3629">
                  <c:v>840.08900000000006</c:v>
                </c:pt>
                <c:pt idx="3630">
                  <c:v>840.25099999999998</c:v>
                </c:pt>
                <c:pt idx="3631">
                  <c:v>840.17700000000002</c:v>
                </c:pt>
                <c:pt idx="3632">
                  <c:v>839.98299999999995</c:v>
                </c:pt>
                <c:pt idx="3633">
                  <c:v>839.73800000000006</c:v>
                </c:pt>
                <c:pt idx="3634">
                  <c:v>839.851</c:v>
                </c:pt>
                <c:pt idx="3635">
                  <c:v>839.83500000000004</c:v>
                </c:pt>
                <c:pt idx="3636">
                  <c:v>839.8</c:v>
                </c:pt>
                <c:pt idx="3637">
                  <c:v>839.82899999999995</c:v>
                </c:pt>
                <c:pt idx="3638">
                  <c:v>839.76800000000003</c:v>
                </c:pt>
                <c:pt idx="3639">
                  <c:v>839.73</c:v>
                </c:pt>
                <c:pt idx="3640">
                  <c:v>839.79899999999998</c:v>
                </c:pt>
              </c:numCache>
            </c:numRef>
          </c:xVal>
          <c:yVal>
            <c:numRef>
              <c:f>'TG (2)'!$P$2:$P$3642</c:f>
              <c:numCache>
                <c:formatCode>General</c:formatCode>
                <c:ptCount val="3641"/>
                <c:pt idx="0">
                  <c:v>99.996439883047699</c:v>
                </c:pt>
                <c:pt idx="1">
                  <c:v>99.984468598942101</c:v>
                </c:pt>
                <c:pt idx="2">
                  <c:v>99.966810954886355</c:v>
                </c:pt>
                <c:pt idx="3">
                  <c:v>100</c:v>
                </c:pt>
                <c:pt idx="4">
                  <c:v>99.968244828840795</c:v>
                </c:pt>
                <c:pt idx="5">
                  <c:v>99.97319415077699</c:v>
                </c:pt>
                <c:pt idx="6">
                  <c:v>99.981649986900834</c:v>
                </c:pt>
                <c:pt idx="7">
                  <c:v>99.947817708611353</c:v>
                </c:pt>
                <c:pt idx="8">
                  <c:v>99.972501781733584</c:v>
                </c:pt>
                <c:pt idx="9">
                  <c:v>99.957662749719105</c:v>
                </c:pt>
                <c:pt idx="10">
                  <c:v>99.943565222615632</c:v>
                </c:pt>
                <c:pt idx="11">
                  <c:v>99.966810954886355</c:v>
                </c:pt>
                <c:pt idx="12">
                  <c:v>99.934417017448382</c:v>
                </c:pt>
                <c:pt idx="13">
                  <c:v>99.944257591659053</c:v>
                </c:pt>
                <c:pt idx="14">
                  <c:v>99.949894815741629</c:v>
                </c:pt>
                <c:pt idx="15">
                  <c:v>99.919577985433904</c:v>
                </c:pt>
                <c:pt idx="16">
                  <c:v>99.945691465613493</c:v>
                </c:pt>
                <c:pt idx="17">
                  <c:v>99.925956714427485</c:v>
                </c:pt>
                <c:pt idx="18">
                  <c:v>99.916067004349202</c:v>
                </c:pt>
                <c:pt idx="19">
                  <c:v>99.937235629489663</c:v>
                </c:pt>
                <c:pt idx="20">
                  <c:v>99.906172827373865</c:v>
                </c:pt>
                <c:pt idx="21">
                  <c:v>99.920319490344923</c:v>
                </c:pt>
                <c:pt idx="22">
                  <c:v>99.921704228431764</c:v>
                </c:pt>
                <c:pt idx="23">
                  <c:v>99.894201543268252</c:v>
                </c:pt>
                <c:pt idx="24">
                  <c:v>99.921704228431764</c:v>
                </c:pt>
                <c:pt idx="25">
                  <c:v>99.901277108202322</c:v>
                </c:pt>
                <c:pt idx="26">
                  <c:v>99.897020155309548</c:v>
                </c:pt>
                <c:pt idx="27">
                  <c:v>99.916067004349202</c:v>
                </c:pt>
                <c:pt idx="28">
                  <c:v>99.884311833189983</c:v>
                </c:pt>
                <c:pt idx="29">
                  <c:v>99.900535603291303</c:v>
                </c:pt>
                <c:pt idx="30">
                  <c:v>99.898458496161041</c:v>
                </c:pt>
                <c:pt idx="31">
                  <c:v>99.875851530169086</c:v>
                </c:pt>
                <c:pt idx="32">
                  <c:v>99.901277108202322</c:v>
                </c:pt>
                <c:pt idx="33">
                  <c:v>99.877285404123526</c:v>
                </c:pt>
                <c:pt idx="34">
                  <c:v>99.875159161125666</c:v>
                </c:pt>
                <c:pt idx="35">
                  <c:v>99.890690562183565</c:v>
                </c:pt>
                <c:pt idx="36">
                  <c:v>99.861066100919274</c:v>
                </c:pt>
                <c:pt idx="37">
                  <c:v>99.877977773166947</c:v>
                </c:pt>
                <c:pt idx="38">
                  <c:v>99.870955810997557</c:v>
                </c:pt>
                <c:pt idx="39">
                  <c:v>99.851171923943937</c:v>
                </c:pt>
                <c:pt idx="40">
                  <c:v>99.875159161125666</c:v>
                </c:pt>
                <c:pt idx="41">
                  <c:v>99.851171923943937</c:v>
                </c:pt>
                <c:pt idx="42">
                  <c:v>99.853990535985218</c:v>
                </c:pt>
                <c:pt idx="43">
                  <c:v>99.866010955958416</c:v>
                </c:pt>
                <c:pt idx="44">
                  <c:v>99.837074396840492</c:v>
                </c:pt>
                <c:pt idx="45">
                  <c:v>99.857550652937519</c:v>
                </c:pt>
                <c:pt idx="46">
                  <c:v>99.848353311902656</c:v>
                </c:pt>
                <c:pt idx="47">
                  <c:v>99.833563415755776</c:v>
                </c:pt>
                <c:pt idx="48">
                  <c:v>99.855424409939658</c:v>
                </c:pt>
                <c:pt idx="49">
                  <c:v>99.830052434671074</c:v>
                </c:pt>
                <c:pt idx="50">
                  <c:v>99.835689658753651</c:v>
                </c:pt>
                <c:pt idx="51">
                  <c:v>99.844149961774548</c:v>
                </c:pt>
                <c:pt idx="52">
                  <c:v>99.818032014697877</c:v>
                </c:pt>
                <c:pt idx="53">
                  <c:v>99.837766765883899</c:v>
                </c:pt>
                <c:pt idx="54">
                  <c:v>99.825107579631933</c:v>
                </c:pt>
                <c:pt idx="55">
                  <c:v>99.81308715965875</c:v>
                </c:pt>
                <c:pt idx="56">
                  <c:v>99.832871046712356</c:v>
                </c:pt>
                <c:pt idx="57">
                  <c:v>99.807449935576187</c:v>
                </c:pt>
                <c:pt idx="58">
                  <c:v>99.815905771700017</c:v>
                </c:pt>
                <c:pt idx="59">
                  <c:v>99.820850626739173</c:v>
                </c:pt>
                <c:pt idx="60">
                  <c:v>99.796171020513995</c:v>
                </c:pt>
                <c:pt idx="61">
                  <c:v>99.818032014697877</c:v>
                </c:pt>
                <c:pt idx="62">
                  <c:v>99.803246585448051</c:v>
                </c:pt>
                <c:pt idx="63">
                  <c:v>99.794786282427168</c:v>
                </c:pt>
                <c:pt idx="64">
                  <c:v>99.81308715965875</c:v>
                </c:pt>
                <c:pt idx="65">
                  <c:v>99.786330446303324</c:v>
                </c:pt>
                <c:pt idx="66">
                  <c:v>99.79829726351187</c:v>
                </c:pt>
                <c:pt idx="67">
                  <c:v>99.80042350650973</c:v>
                </c:pt>
                <c:pt idx="68">
                  <c:v>99.777870143282428</c:v>
                </c:pt>
                <c:pt idx="69">
                  <c:v>99.79973113746631</c:v>
                </c:pt>
                <c:pt idx="70">
                  <c:v>99.782765862453971</c:v>
                </c:pt>
                <c:pt idx="71">
                  <c:v>99.777128638371408</c:v>
                </c:pt>
                <c:pt idx="72">
                  <c:v>99.793352408472728</c:v>
                </c:pt>
                <c:pt idx="73">
                  <c:v>99.767980433204144</c:v>
                </c:pt>
                <c:pt idx="74">
                  <c:v>99.780688755323709</c:v>
                </c:pt>
                <c:pt idx="75">
                  <c:v>99.778562512325848</c:v>
                </c:pt>
                <c:pt idx="76">
                  <c:v>99.758827761139827</c:v>
                </c:pt>
                <c:pt idx="77">
                  <c:v>99.780688755323709</c:v>
                </c:pt>
                <c:pt idx="78">
                  <c:v>99.762338742224529</c:v>
                </c:pt>
                <c:pt idx="79">
                  <c:v>99.760212499226668</c:v>
                </c:pt>
                <c:pt idx="80">
                  <c:v>99.772925288243286</c:v>
                </c:pt>
                <c:pt idx="81">
                  <c:v>99.748245682018137</c:v>
                </c:pt>
                <c:pt idx="82">
                  <c:v>99.763031111267949</c:v>
                </c:pt>
                <c:pt idx="83">
                  <c:v>99.759520130183247</c:v>
                </c:pt>
                <c:pt idx="84">
                  <c:v>99.743296360081928</c:v>
                </c:pt>
                <c:pt idx="85">
                  <c:v>99.763031111267949</c:v>
                </c:pt>
                <c:pt idx="86">
                  <c:v>99.743296360081928</c:v>
                </c:pt>
                <c:pt idx="87">
                  <c:v>99.745422603079803</c:v>
                </c:pt>
                <c:pt idx="88">
                  <c:v>99.755267644187541</c:v>
                </c:pt>
                <c:pt idx="89">
                  <c:v>99.732021911916817</c:v>
                </c:pt>
                <c:pt idx="90">
                  <c:v>99.748245682018137</c:v>
                </c:pt>
                <c:pt idx="91">
                  <c:v>99.740477748040661</c:v>
                </c:pt>
                <c:pt idx="92">
                  <c:v>99.726380220937187</c:v>
                </c:pt>
                <c:pt idx="93">
                  <c:v>99.745422603079803</c:v>
                </c:pt>
                <c:pt idx="94">
                  <c:v>99.724946346982762</c:v>
                </c:pt>
                <c:pt idx="95">
                  <c:v>99.728510930832115</c:v>
                </c:pt>
                <c:pt idx="96">
                  <c:v>99.736225262044925</c:v>
                </c:pt>
                <c:pt idx="97">
                  <c:v>99.713671898817637</c:v>
                </c:pt>
                <c:pt idx="98">
                  <c:v>99.730588037962391</c:v>
                </c:pt>
                <c:pt idx="99">
                  <c:v>99.720742996854639</c:v>
                </c:pt>
                <c:pt idx="100">
                  <c:v>99.711545655819776</c:v>
                </c:pt>
                <c:pt idx="101">
                  <c:v>99.729203299875536</c:v>
                </c:pt>
                <c:pt idx="102">
                  <c:v>99.707337838794601</c:v>
                </c:pt>
                <c:pt idx="103">
                  <c:v>99.714364267861058</c:v>
                </c:pt>
                <c:pt idx="104">
                  <c:v>99.720050627811219</c:v>
                </c:pt>
                <c:pt idx="105">
                  <c:v>99.698882002670757</c:v>
                </c:pt>
                <c:pt idx="106">
                  <c:v>99.715798141815498</c:v>
                </c:pt>
                <c:pt idx="107">
                  <c:v>99.70451922675332</c:v>
                </c:pt>
                <c:pt idx="108">
                  <c:v>99.696755759672911</c:v>
                </c:pt>
                <c:pt idx="109">
                  <c:v>99.712979529774216</c:v>
                </c:pt>
                <c:pt idx="110">
                  <c:v>99.691118535590334</c:v>
                </c:pt>
                <c:pt idx="111">
                  <c:v>99.699574371714178</c:v>
                </c:pt>
                <c:pt idx="112">
                  <c:v>99.701700614712053</c:v>
                </c:pt>
                <c:pt idx="113">
                  <c:v>99.682658232569437</c:v>
                </c:pt>
                <c:pt idx="114">
                  <c:v>99.700266740757613</c:v>
                </c:pt>
                <c:pt idx="115">
                  <c:v>99.686861582697574</c:v>
                </c:pt>
                <c:pt idx="116">
                  <c:v>99.681965863526017</c:v>
                </c:pt>
                <c:pt idx="117">
                  <c:v>99.69537102158607</c:v>
                </c:pt>
                <c:pt idx="118">
                  <c:v>99.673510027402187</c:v>
                </c:pt>
                <c:pt idx="119">
                  <c:v>99.684784475567298</c:v>
                </c:pt>
                <c:pt idx="120">
                  <c:v>99.684042970656293</c:v>
                </c:pt>
                <c:pt idx="121">
                  <c:v>99.667868336422572</c:v>
                </c:pt>
                <c:pt idx="122">
                  <c:v>99.685476844610733</c:v>
                </c:pt>
                <c:pt idx="123">
                  <c:v>99.670691415360906</c:v>
                </c:pt>
                <c:pt idx="124">
                  <c:v>99.669253074509427</c:v>
                </c:pt>
                <c:pt idx="125">
                  <c:v>99.681224358615012</c:v>
                </c:pt>
                <c:pt idx="126">
                  <c:v>99.66079723838557</c:v>
                </c:pt>
                <c:pt idx="127">
                  <c:v>99.673510027402187</c:v>
                </c:pt>
                <c:pt idx="128">
                  <c:v>99.671383784404327</c:v>
                </c:pt>
                <c:pt idx="129">
                  <c:v>99.656544752389848</c:v>
                </c:pt>
                <c:pt idx="130">
                  <c:v>99.674202396445608</c:v>
                </c:pt>
                <c:pt idx="131">
                  <c:v>99.657978626344288</c:v>
                </c:pt>
                <c:pt idx="132">
                  <c:v>99.65936336443113</c:v>
                </c:pt>
                <c:pt idx="133">
                  <c:v>99.668560705465978</c:v>
                </c:pt>
                <c:pt idx="134">
                  <c:v>99.649518323323392</c:v>
                </c:pt>
                <c:pt idx="135">
                  <c:v>99.66292348138343</c:v>
                </c:pt>
                <c:pt idx="136">
                  <c:v>99.658670995387709</c:v>
                </c:pt>
                <c:pt idx="137">
                  <c:v>99.647392080325531</c:v>
                </c:pt>
                <c:pt idx="138">
                  <c:v>99.664308219470271</c:v>
                </c:pt>
                <c:pt idx="139">
                  <c:v>99.648084449368952</c:v>
                </c:pt>
                <c:pt idx="140">
                  <c:v>99.65164903321832</c:v>
                </c:pt>
                <c:pt idx="141">
                  <c:v>99.660104869342149</c:v>
                </c:pt>
                <c:pt idx="142">
                  <c:v>99.641062487199562</c:v>
                </c:pt>
                <c:pt idx="143">
                  <c:v>99.656544752389848</c:v>
                </c:pt>
                <c:pt idx="144">
                  <c:v>99.649518323323392</c:v>
                </c:pt>
                <c:pt idx="145">
                  <c:v>99.641062487199562</c:v>
                </c:pt>
                <c:pt idx="146">
                  <c:v>99.656544752389848</c:v>
                </c:pt>
                <c:pt idx="147">
                  <c:v>99.640370118156127</c:v>
                </c:pt>
                <c:pt idx="148">
                  <c:v>99.645265837327671</c:v>
                </c:pt>
                <c:pt idx="149">
                  <c:v>99.650903061410233</c:v>
                </c:pt>
                <c:pt idx="150">
                  <c:v>99.63399138916256</c:v>
                </c:pt>
                <c:pt idx="151">
                  <c:v>99.648825954279971</c:v>
                </c:pt>
                <c:pt idx="152">
                  <c:v>99.641754856242983</c:v>
                </c:pt>
                <c:pt idx="153">
                  <c:v>99.635425263117</c:v>
                </c:pt>
                <c:pt idx="154">
                  <c:v>99.648825954279971</c:v>
                </c:pt>
                <c:pt idx="155">
                  <c:v>99.633299020119125</c:v>
                </c:pt>
                <c:pt idx="156">
                  <c:v>99.636810001203841</c:v>
                </c:pt>
                <c:pt idx="157">
                  <c:v>99.640370118156127</c:v>
                </c:pt>
                <c:pt idx="158">
                  <c:v>99.625531086141663</c:v>
                </c:pt>
                <c:pt idx="159">
                  <c:v>99.641754856242983</c:v>
                </c:pt>
                <c:pt idx="160">
                  <c:v>99.632602184178666</c:v>
                </c:pt>
                <c:pt idx="161">
                  <c:v>99.62978357213737</c:v>
                </c:pt>
                <c:pt idx="162">
                  <c:v>99.64457346828425</c:v>
                </c:pt>
                <c:pt idx="163">
                  <c:v>99.626223455185084</c:v>
                </c:pt>
                <c:pt idx="164">
                  <c:v>99.63399138916256</c:v>
                </c:pt>
                <c:pt idx="165">
                  <c:v>99.63399138916256</c:v>
                </c:pt>
                <c:pt idx="166">
                  <c:v>99.620586231102521</c:v>
                </c:pt>
                <c:pt idx="167">
                  <c:v>99.63611763216042</c:v>
                </c:pt>
                <c:pt idx="168">
                  <c:v>99.624146348054808</c:v>
                </c:pt>
                <c:pt idx="169">
                  <c:v>99.622712474100368</c:v>
                </c:pt>
                <c:pt idx="170">
                  <c:v>99.632602184178666</c:v>
                </c:pt>
                <c:pt idx="171">
                  <c:v>99.614949007019959</c:v>
                </c:pt>
                <c:pt idx="172">
                  <c:v>99.624146348054808</c:v>
                </c:pt>
                <c:pt idx="173">
                  <c:v>99.621327736013541</c:v>
                </c:pt>
                <c:pt idx="174">
                  <c:v>99.608614946996923</c:v>
                </c:pt>
                <c:pt idx="175">
                  <c:v>99.623404843143788</c:v>
                </c:pt>
                <c:pt idx="176">
                  <c:v>99.609307316040358</c:v>
                </c:pt>
                <c:pt idx="177">
                  <c:v>99.609307316040358</c:v>
                </c:pt>
                <c:pt idx="178">
                  <c:v>99.616382880974399</c:v>
                </c:pt>
                <c:pt idx="179">
                  <c:v>99.598725236918639</c:v>
                </c:pt>
                <c:pt idx="180">
                  <c:v>99.609307316040358</c:v>
                </c:pt>
                <c:pt idx="181">
                  <c:v>99.604362461001202</c:v>
                </c:pt>
                <c:pt idx="182">
                  <c:v>99.593083545939024</c:v>
                </c:pt>
                <c:pt idx="183">
                  <c:v>99.605796334955642</c:v>
                </c:pt>
                <c:pt idx="184">
                  <c:v>99.591006438808762</c:v>
                </c:pt>
                <c:pt idx="185">
                  <c:v>99.592391176895603</c:v>
                </c:pt>
                <c:pt idx="186">
                  <c:v>99.598032867875219</c:v>
                </c:pt>
                <c:pt idx="187">
                  <c:v>99.581809097773913</c:v>
                </c:pt>
                <c:pt idx="188">
                  <c:v>99.591698807852183</c:v>
                </c:pt>
                <c:pt idx="189">
                  <c:v>99.584627709815194</c:v>
                </c:pt>
                <c:pt idx="190">
                  <c:v>99.575475037750877</c:v>
                </c:pt>
                <c:pt idx="191">
                  <c:v>99.585320078858601</c:v>
                </c:pt>
                <c:pt idx="192">
                  <c:v>99.5698378136683</c:v>
                </c:pt>
                <c:pt idx="193">
                  <c:v>99.571964056666161</c:v>
                </c:pt>
                <c:pt idx="194">
                  <c:v>99.574782668707456</c:v>
                </c:pt>
                <c:pt idx="195">
                  <c:v>99.55856336550319</c:v>
                </c:pt>
                <c:pt idx="196">
                  <c:v>99.56914544462488</c:v>
                </c:pt>
                <c:pt idx="197">
                  <c:v>99.559948103590031</c:v>
                </c:pt>
                <c:pt idx="198">
                  <c:v>99.551487800569134</c:v>
                </c:pt>
                <c:pt idx="199">
                  <c:v>99.561381977544471</c:v>
                </c:pt>
                <c:pt idx="200">
                  <c:v>99.545850576486572</c:v>
                </c:pt>
                <c:pt idx="201">
                  <c:v>99.549361557571274</c:v>
                </c:pt>
                <c:pt idx="202">
                  <c:v>99.549361557571274</c:v>
                </c:pt>
                <c:pt idx="203">
                  <c:v>99.533879292380973</c:v>
                </c:pt>
                <c:pt idx="204">
                  <c:v>99.543031964445291</c:v>
                </c:pt>
                <c:pt idx="205">
                  <c:v>99.531753049383113</c:v>
                </c:pt>
                <c:pt idx="206">
                  <c:v>99.52398958230269</c:v>
                </c:pt>
                <c:pt idx="207">
                  <c:v>99.532445418426533</c:v>
                </c:pt>
                <c:pt idx="208">
                  <c:v>99.515529279281793</c:v>
                </c:pt>
                <c:pt idx="209">
                  <c:v>99.519040260366509</c:v>
                </c:pt>
                <c:pt idx="210">
                  <c:v>99.517655522279654</c:v>
                </c:pt>
                <c:pt idx="211">
                  <c:v>99.501436219075401</c:v>
                </c:pt>
                <c:pt idx="212">
                  <c:v>99.510584424242651</c:v>
                </c:pt>
                <c:pt idx="213">
                  <c:v>99.498613140137067</c:v>
                </c:pt>
                <c:pt idx="214">
                  <c:v>99.492283547011084</c:v>
                </c:pt>
                <c:pt idx="215">
                  <c:v>99.498613140137067</c:v>
                </c:pt>
                <c:pt idx="216">
                  <c:v>99.480955496081307</c:v>
                </c:pt>
                <c:pt idx="217">
                  <c:v>99.485904818017502</c:v>
                </c:pt>
                <c:pt idx="218">
                  <c:v>99.480263127037887</c:v>
                </c:pt>
                <c:pt idx="219">
                  <c:v>99.46547769778806</c:v>
                </c:pt>
                <c:pt idx="220">
                  <c:v>99.474625902955339</c:v>
                </c:pt>
                <c:pt idx="221">
                  <c:v>99.460528375851879</c:v>
                </c:pt>
                <c:pt idx="222">
                  <c:v>99.456275889856144</c:v>
                </c:pt>
                <c:pt idx="223">
                  <c:v>99.460528375851879</c:v>
                </c:pt>
                <c:pt idx="224">
                  <c:v>99.441485993709264</c:v>
                </c:pt>
                <c:pt idx="225">
                  <c:v>99.446435315645473</c:v>
                </c:pt>
                <c:pt idx="226">
                  <c:v>99.439359750711418</c:v>
                </c:pt>
                <c:pt idx="227">
                  <c:v>99.425954592651379</c:v>
                </c:pt>
                <c:pt idx="228">
                  <c:v>99.433030157585435</c:v>
                </c:pt>
                <c:pt idx="229">
                  <c:v>99.418240261438555</c:v>
                </c:pt>
                <c:pt idx="230">
                  <c:v>99.415421649397288</c:v>
                </c:pt>
                <c:pt idx="231">
                  <c:v>99.417498756527536</c:v>
                </c:pt>
                <c:pt idx="232">
                  <c:v>99.399197879295954</c:v>
                </c:pt>
                <c:pt idx="233">
                  <c:v>99.404835103378517</c:v>
                </c:pt>
                <c:pt idx="234">
                  <c:v>99.397764005341514</c:v>
                </c:pt>
                <c:pt idx="235">
                  <c:v>99.386485090279336</c:v>
                </c:pt>
                <c:pt idx="236">
                  <c:v>99.393560655213406</c:v>
                </c:pt>
                <c:pt idx="237">
                  <c:v>99.376595380201067</c:v>
                </c:pt>
                <c:pt idx="238">
                  <c:v>99.373776768159786</c:v>
                </c:pt>
                <c:pt idx="239">
                  <c:v>99.373084399116365</c:v>
                </c:pt>
                <c:pt idx="240">
                  <c:v>99.354042016973764</c:v>
                </c:pt>
                <c:pt idx="241">
                  <c:v>99.359679241056327</c:v>
                </c:pt>
                <c:pt idx="242">
                  <c:v>99.349834199948589</c:v>
                </c:pt>
                <c:pt idx="243">
                  <c:v>99.339252120826885</c:v>
                </c:pt>
                <c:pt idx="244">
                  <c:v>99.342763101911586</c:v>
                </c:pt>
                <c:pt idx="245">
                  <c:v>99.32441308881242</c:v>
                </c:pt>
                <c:pt idx="246">
                  <c:v>99.323720719769</c:v>
                </c:pt>
                <c:pt idx="247">
                  <c:v>99.321594476771139</c:v>
                </c:pt>
                <c:pt idx="248">
                  <c:v>99.303985968582992</c:v>
                </c:pt>
                <c:pt idx="249">
                  <c:v>99.309623192665541</c:v>
                </c:pt>
                <c:pt idx="250">
                  <c:v>99.296914870545976</c:v>
                </c:pt>
                <c:pt idx="251">
                  <c:v>99.287762198481673</c:v>
                </c:pt>
                <c:pt idx="252">
                  <c:v>99.29058081052294</c:v>
                </c:pt>
                <c:pt idx="253">
                  <c:v>99.272230797423774</c:v>
                </c:pt>
                <c:pt idx="254">
                  <c:v>99.271538428380353</c:v>
                </c:pt>
                <c:pt idx="255">
                  <c:v>99.267335078252231</c:v>
                </c:pt>
                <c:pt idx="256">
                  <c:v>99.250369803239892</c:v>
                </c:pt>
                <c:pt idx="257">
                  <c:v>99.253188415281173</c:v>
                </c:pt>
                <c:pt idx="258">
                  <c:v>99.240529229029207</c:v>
                </c:pt>
                <c:pt idx="259">
                  <c:v>99.232761295051731</c:v>
                </c:pt>
                <c:pt idx="260">
                  <c:v>99.234887538049605</c:v>
                </c:pt>
                <c:pt idx="261">
                  <c:v>99.216537524950411</c:v>
                </c:pt>
                <c:pt idx="262">
                  <c:v>99.215152786863584</c:v>
                </c:pt>
                <c:pt idx="263">
                  <c:v>99.208774057870002</c:v>
                </c:pt>
                <c:pt idx="264">
                  <c:v>99.191165549681841</c:v>
                </c:pt>
                <c:pt idx="265">
                  <c:v>99.195368899809949</c:v>
                </c:pt>
                <c:pt idx="266">
                  <c:v>99.18057900366307</c:v>
                </c:pt>
                <c:pt idx="267">
                  <c:v>99.173507905626096</c:v>
                </c:pt>
                <c:pt idx="268">
                  <c:v>99.174249410537101</c:v>
                </c:pt>
                <c:pt idx="269">
                  <c:v>99.155899397437935</c:v>
                </c:pt>
                <c:pt idx="270">
                  <c:v>99.155207028394514</c:v>
                </c:pt>
                <c:pt idx="271">
                  <c:v>99.146009687359651</c:v>
                </c:pt>
                <c:pt idx="272">
                  <c:v>99.129785917258346</c:v>
                </c:pt>
                <c:pt idx="273">
                  <c:v>99.132604529299613</c:v>
                </c:pt>
                <c:pt idx="274">
                  <c:v>99.117122264109312</c:v>
                </c:pt>
                <c:pt idx="275">
                  <c:v>99.11148504002675</c:v>
                </c:pt>
                <c:pt idx="276">
                  <c:v>99.109358797028904</c:v>
                </c:pt>
                <c:pt idx="277">
                  <c:v>99.090316414886288</c:v>
                </c:pt>
                <c:pt idx="278">
                  <c:v>99.091750288840728</c:v>
                </c:pt>
                <c:pt idx="279">
                  <c:v>99.080422237910966</c:v>
                </c:pt>
                <c:pt idx="280">
                  <c:v>99.066324710807493</c:v>
                </c:pt>
                <c:pt idx="281">
                  <c:v>99.068455420702421</c:v>
                </c:pt>
                <c:pt idx="282">
                  <c:v>99.050846912514274</c:v>
                </c:pt>
                <c:pt idx="283">
                  <c:v>99.044463716623625</c:v>
                </c:pt>
                <c:pt idx="284">
                  <c:v>99.040260366495517</c:v>
                </c:pt>
                <c:pt idx="285">
                  <c:v>99.021910353396322</c:v>
                </c:pt>
                <c:pt idx="286">
                  <c:v>99.023344227350762</c:v>
                </c:pt>
                <c:pt idx="287">
                  <c:v>99.010631438334158</c:v>
                </c:pt>
                <c:pt idx="288">
                  <c:v>98.997923116214594</c:v>
                </c:pt>
                <c:pt idx="289">
                  <c:v>98.997230747171173</c:v>
                </c:pt>
                <c:pt idx="290">
                  <c:v>98.979622238983012</c:v>
                </c:pt>
                <c:pt idx="291">
                  <c:v>98.97467738394387</c:v>
                </c:pt>
                <c:pt idx="292">
                  <c:v>98.969035692964255</c:v>
                </c:pt>
                <c:pt idx="293">
                  <c:v>98.949993310821668</c:v>
                </c:pt>
                <c:pt idx="294">
                  <c:v>98.949993310821668</c:v>
                </c:pt>
                <c:pt idx="295">
                  <c:v>98.935900250615276</c:v>
                </c:pt>
                <c:pt idx="296">
                  <c:v>98.922495092555224</c:v>
                </c:pt>
                <c:pt idx="297">
                  <c:v>98.921802723511803</c:v>
                </c:pt>
                <c:pt idx="298">
                  <c:v>98.903452710412637</c:v>
                </c:pt>
                <c:pt idx="299">
                  <c:v>98.898507855373495</c:v>
                </c:pt>
                <c:pt idx="300">
                  <c:v>98.892173795350459</c:v>
                </c:pt>
                <c:pt idx="301">
                  <c:v>98.873823782251293</c:v>
                </c:pt>
                <c:pt idx="302">
                  <c:v>98.872439044164437</c:v>
                </c:pt>
                <c:pt idx="303">
                  <c:v>98.857600012149973</c:v>
                </c:pt>
                <c:pt idx="304">
                  <c:v>98.847759437939288</c:v>
                </c:pt>
                <c:pt idx="305">
                  <c:v>98.847017933028269</c:v>
                </c:pt>
                <c:pt idx="306">
                  <c:v>98.827975550885654</c:v>
                </c:pt>
                <c:pt idx="307">
                  <c:v>98.82446456980098</c:v>
                </c:pt>
                <c:pt idx="308">
                  <c:v>98.81669663582349</c:v>
                </c:pt>
                <c:pt idx="309">
                  <c:v>98.799088127635343</c:v>
                </c:pt>
                <c:pt idx="310">
                  <c:v>98.797654253680903</c:v>
                </c:pt>
                <c:pt idx="311">
                  <c:v>98.780738114536163</c:v>
                </c:pt>
                <c:pt idx="312">
                  <c:v>98.770156035414459</c:v>
                </c:pt>
                <c:pt idx="313">
                  <c:v>98.767337423373164</c:v>
                </c:pt>
                <c:pt idx="314">
                  <c:v>98.748295041230577</c:v>
                </c:pt>
                <c:pt idx="315">
                  <c:v>98.744779593248822</c:v>
                </c:pt>
                <c:pt idx="316">
                  <c:v>98.734197514127132</c:v>
                </c:pt>
                <c:pt idx="317">
                  <c:v>98.717281374982392</c:v>
                </c:pt>
                <c:pt idx="318">
                  <c:v>98.715896636895536</c:v>
                </c:pt>
                <c:pt idx="319">
                  <c:v>98.698238992839791</c:v>
                </c:pt>
                <c:pt idx="320">
                  <c:v>98.688393951732053</c:v>
                </c:pt>
                <c:pt idx="321">
                  <c:v>98.684833834779752</c:v>
                </c:pt>
                <c:pt idx="322">
                  <c:v>98.665099083593745</c:v>
                </c:pt>
                <c:pt idx="323">
                  <c:v>98.66228047155245</c:v>
                </c:pt>
                <c:pt idx="324">
                  <c:v>98.651001556490286</c:v>
                </c:pt>
                <c:pt idx="325">
                  <c:v>98.634782253286019</c:v>
                </c:pt>
                <c:pt idx="326">
                  <c:v>98.63265154339112</c:v>
                </c:pt>
                <c:pt idx="327">
                  <c:v>98.615739871143433</c:v>
                </c:pt>
                <c:pt idx="328">
                  <c:v>98.605845694168096</c:v>
                </c:pt>
                <c:pt idx="329">
                  <c:v>98.600208470085533</c:v>
                </c:pt>
                <c:pt idx="330">
                  <c:v>98.582599961897373</c:v>
                </c:pt>
                <c:pt idx="331">
                  <c:v>98.581907592853952</c:v>
                </c:pt>
                <c:pt idx="332">
                  <c:v>98.569194803837334</c:v>
                </c:pt>
                <c:pt idx="333">
                  <c:v>98.553663402779449</c:v>
                </c:pt>
                <c:pt idx="334">
                  <c:v>98.550844790738168</c:v>
                </c:pt>
                <c:pt idx="335">
                  <c:v>98.532543913506586</c:v>
                </c:pt>
                <c:pt idx="336">
                  <c:v>98.524780446426163</c:v>
                </c:pt>
                <c:pt idx="337">
                  <c:v>98.517704881492108</c:v>
                </c:pt>
                <c:pt idx="338">
                  <c:v>98.498662499349521</c:v>
                </c:pt>
                <c:pt idx="339">
                  <c:v>98.495843887308226</c:v>
                </c:pt>
                <c:pt idx="340">
                  <c:v>98.482487865115786</c:v>
                </c:pt>
                <c:pt idx="341">
                  <c:v>98.469087173952801</c:v>
                </c:pt>
                <c:pt idx="342">
                  <c:v>98.466960930954954</c:v>
                </c:pt>
                <c:pt idx="343">
                  <c:v>98.447918548812368</c:v>
                </c:pt>
                <c:pt idx="344">
                  <c:v>98.441584488789317</c:v>
                </c:pt>
                <c:pt idx="345">
                  <c:v>98.432387147754469</c:v>
                </c:pt>
                <c:pt idx="346">
                  <c:v>98.414086270522887</c:v>
                </c:pt>
                <c:pt idx="347">
                  <c:v>98.413344765611868</c:v>
                </c:pt>
                <c:pt idx="348">
                  <c:v>98.399247238508408</c:v>
                </c:pt>
                <c:pt idx="349">
                  <c:v>98.386583585359404</c:v>
                </c:pt>
                <c:pt idx="350">
                  <c:v>98.382331099363668</c:v>
                </c:pt>
                <c:pt idx="351">
                  <c:v>98.363981086264502</c:v>
                </c:pt>
                <c:pt idx="352">
                  <c:v>98.359085367092959</c:v>
                </c:pt>
                <c:pt idx="353">
                  <c:v>98.349191190117622</c:v>
                </c:pt>
                <c:pt idx="354">
                  <c:v>98.332971886913356</c:v>
                </c:pt>
                <c:pt idx="355">
                  <c:v>98.332279517869935</c:v>
                </c:pt>
                <c:pt idx="356">
                  <c:v>98.316748116812036</c:v>
                </c:pt>
                <c:pt idx="357">
                  <c:v>98.306161570793293</c:v>
                </c:pt>
                <c:pt idx="358">
                  <c:v>98.301216715754151</c:v>
                </c:pt>
                <c:pt idx="359">
                  <c:v>98.282915838522584</c:v>
                </c:pt>
                <c:pt idx="360">
                  <c:v>98.278663352526848</c:v>
                </c:pt>
                <c:pt idx="361">
                  <c:v>98.268076806508091</c:v>
                </c:pt>
                <c:pt idx="362">
                  <c:v>98.251853036406771</c:v>
                </c:pt>
                <c:pt idx="363">
                  <c:v>98.24903442436549</c:v>
                </c:pt>
                <c:pt idx="364">
                  <c:v>98.23355215917519</c:v>
                </c:pt>
                <c:pt idx="365">
                  <c:v>98.224354818140341</c:v>
                </c:pt>
                <c:pt idx="366">
                  <c:v>98.21871312716074</c:v>
                </c:pt>
                <c:pt idx="367">
                  <c:v>98.201109085869632</c:v>
                </c:pt>
                <c:pt idx="368">
                  <c:v>98.196159763933423</c:v>
                </c:pt>
                <c:pt idx="369">
                  <c:v>98.185577684811733</c:v>
                </c:pt>
                <c:pt idx="370">
                  <c:v>98.172172526751694</c:v>
                </c:pt>
                <c:pt idx="371">
                  <c:v>98.167969176623558</c:v>
                </c:pt>
                <c:pt idx="372">
                  <c:v>98.152437775565687</c:v>
                </c:pt>
                <c:pt idx="373">
                  <c:v>98.145415813396269</c:v>
                </c:pt>
                <c:pt idx="374">
                  <c:v>98.140466491460074</c:v>
                </c:pt>
                <c:pt idx="375">
                  <c:v>98.124242721358769</c:v>
                </c:pt>
                <c:pt idx="376">
                  <c:v>98.121424109317473</c:v>
                </c:pt>
                <c:pt idx="377">
                  <c:v>98.109457292108942</c:v>
                </c:pt>
                <c:pt idx="378">
                  <c:v>98.096744503092324</c:v>
                </c:pt>
                <c:pt idx="379">
                  <c:v>98.093925891051043</c:v>
                </c:pt>
                <c:pt idx="380">
                  <c:v>98.077009751906303</c:v>
                </c:pt>
                <c:pt idx="381">
                  <c:v>98.070631022912735</c:v>
                </c:pt>
                <c:pt idx="382">
                  <c:v>98.062912224802858</c:v>
                </c:pt>
                <c:pt idx="383">
                  <c:v>98.045254580747098</c:v>
                </c:pt>
                <c:pt idx="384">
                  <c:v>98.042435968705817</c:v>
                </c:pt>
                <c:pt idx="385">
                  <c:v>98.030464684600219</c:v>
                </c:pt>
                <c:pt idx="386">
                  <c:v>98.018448731524089</c:v>
                </c:pt>
                <c:pt idx="387">
                  <c:v>98.014245381395966</c:v>
                </c:pt>
                <c:pt idx="388">
                  <c:v>97.997329242251226</c:v>
                </c:pt>
                <c:pt idx="389">
                  <c:v>97.99168755127161</c:v>
                </c:pt>
                <c:pt idx="390">
                  <c:v>97.983924084191187</c:v>
                </c:pt>
                <c:pt idx="391">
                  <c:v>97.969826557087728</c:v>
                </c:pt>
                <c:pt idx="392">
                  <c:v>97.968392683133288</c:v>
                </c:pt>
                <c:pt idx="393">
                  <c:v>97.95498752507325</c:v>
                </c:pt>
                <c:pt idx="394">
                  <c:v>97.945146950862579</c:v>
                </c:pt>
                <c:pt idx="395">
                  <c:v>97.942328338821284</c:v>
                </c:pt>
                <c:pt idx="396">
                  <c:v>97.926104568719978</c:v>
                </c:pt>
                <c:pt idx="397">
                  <c:v>97.920467344637402</c:v>
                </c:pt>
                <c:pt idx="398">
                  <c:v>97.912007041616505</c:v>
                </c:pt>
                <c:pt idx="399">
                  <c:v>97.897168009602055</c:v>
                </c:pt>
                <c:pt idx="400">
                  <c:v>97.894349397560759</c:v>
                </c:pt>
                <c:pt idx="401">
                  <c:v>97.881690211308808</c:v>
                </c:pt>
                <c:pt idx="402">
                  <c:v>97.871796034333471</c:v>
                </c:pt>
                <c:pt idx="403">
                  <c:v>97.866158810250909</c:v>
                </c:pt>
                <c:pt idx="404">
                  <c:v>97.852061283147435</c:v>
                </c:pt>
                <c:pt idx="405">
                  <c:v>97.849242671106168</c:v>
                </c:pt>
                <c:pt idx="406">
                  <c:v>97.841474737128692</c:v>
                </c:pt>
                <c:pt idx="407">
                  <c:v>97.826640172011281</c:v>
                </c:pt>
                <c:pt idx="408">
                  <c:v>97.823817093072947</c:v>
                </c:pt>
                <c:pt idx="409">
                  <c:v>97.811157906820981</c:v>
                </c:pt>
                <c:pt idx="410">
                  <c:v>97.802005234756663</c:v>
                </c:pt>
                <c:pt idx="411">
                  <c:v>97.797060379717522</c:v>
                </c:pt>
                <c:pt idx="412">
                  <c:v>97.781528978659622</c:v>
                </c:pt>
                <c:pt idx="413">
                  <c:v>97.778710366618355</c:v>
                </c:pt>
                <c:pt idx="414">
                  <c:v>97.770946899537932</c:v>
                </c:pt>
                <c:pt idx="415">
                  <c:v>97.757541741477894</c:v>
                </c:pt>
                <c:pt idx="416">
                  <c:v>97.754723129436613</c:v>
                </c:pt>
                <c:pt idx="417">
                  <c:v>97.742751845331014</c:v>
                </c:pt>
                <c:pt idx="418">
                  <c:v>97.734988378250591</c:v>
                </c:pt>
                <c:pt idx="419">
                  <c:v>97.730785028122469</c:v>
                </c:pt>
                <c:pt idx="420">
                  <c:v>97.716638365151411</c:v>
                </c:pt>
                <c:pt idx="421">
                  <c:v>97.713819753110144</c:v>
                </c:pt>
                <c:pt idx="422">
                  <c:v>97.704667081045827</c:v>
                </c:pt>
                <c:pt idx="423">
                  <c:v>97.692700263837267</c:v>
                </c:pt>
                <c:pt idx="424">
                  <c:v>97.690569553942368</c:v>
                </c:pt>
                <c:pt idx="425">
                  <c:v>97.677861231822803</c:v>
                </c:pt>
                <c:pt idx="426">
                  <c:v>97.670834802756346</c:v>
                </c:pt>
                <c:pt idx="427">
                  <c:v>97.665889947717204</c:v>
                </c:pt>
                <c:pt idx="428">
                  <c:v>97.651100051570339</c:v>
                </c:pt>
                <c:pt idx="429">
                  <c:v>97.649666177615899</c:v>
                </c:pt>
                <c:pt idx="430">
                  <c:v>97.64051797244862</c:v>
                </c:pt>
                <c:pt idx="431">
                  <c:v>97.629239057386457</c:v>
                </c:pt>
                <c:pt idx="432">
                  <c:v>97.626420445345175</c:v>
                </c:pt>
                <c:pt idx="433">
                  <c:v>97.613707656328558</c:v>
                </c:pt>
                <c:pt idx="434">
                  <c:v>97.608762801289416</c:v>
                </c:pt>
                <c:pt idx="435">
                  <c:v>97.602433208163447</c:v>
                </c:pt>
                <c:pt idx="436">
                  <c:v>97.588335681059974</c:v>
                </c:pt>
                <c:pt idx="437">
                  <c:v>97.586901807105548</c:v>
                </c:pt>
                <c:pt idx="438">
                  <c:v>97.57774913504123</c:v>
                </c:pt>
                <c:pt idx="439">
                  <c:v>97.568551794006382</c:v>
                </c:pt>
                <c:pt idx="440">
                  <c:v>97.565040812921666</c:v>
                </c:pt>
                <c:pt idx="441">
                  <c:v>97.551635654861641</c:v>
                </c:pt>
                <c:pt idx="442">
                  <c:v>97.546690799822485</c:v>
                </c:pt>
                <c:pt idx="443">
                  <c:v>97.539664370756029</c:v>
                </c:pt>
                <c:pt idx="444">
                  <c:v>97.526263679593058</c:v>
                </c:pt>
                <c:pt idx="445">
                  <c:v>97.522752698508341</c:v>
                </c:pt>
                <c:pt idx="446">
                  <c:v>97.512166152489598</c:v>
                </c:pt>
                <c:pt idx="447">
                  <c:v>97.504402685409175</c:v>
                </c:pt>
                <c:pt idx="448">
                  <c:v>97.503017947322334</c:v>
                </c:pt>
                <c:pt idx="449">
                  <c:v>97.491689896392558</c:v>
                </c:pt>
                <c:pt idx="450">
                  <c:v>97.48817891530787</c:v>
                </c:pt>
                <c:pt idx="451">
                  <c:v>97.48184485528482</c:v>
                </c:pt>
                <c:pt idx="452">
                  <c:v>97.46982890220869</c:v>
                </c:pt>
                <c:pt idx="453">
                  <c:v>97.467751795078414</c:v>
                </c:pt>
                <c:pt idx="454">
                  <c:v>97.45716524905967</c:v>
                </c:pt>
                <c:pt idx="455">
                  <c:v>97.449401781979248</c:v>
                </c:pt>
                <c:pt idx="456">
                  <c:v>97.445886333997493</c:v>
                </c:pt>
                <c:pt idx="457">
                  <c:v>97.433870380921348</c:v>
                </c:pt>
                <c:pt idx="458">
                  <c:v>97.431051768880067</c:v>
                </c:pt>
                <c:pt idx="459">
                  <c:v>97.424025339813625</c:v>
                </c:pt>
                <c:pt idx="460">
                  <c:v>97.412750891648486</c:v>
                </c:pt>
                <c:pt idx="461">
                  <c:v>97.410624648650639</c:v>
                </c:pt>
                <c:pt idx="462">
                  <c:v>97.400038102631868</c:v>
                </c:pt>
                <c:pt idx="463">
                  <c:v>97.39440087854932</c:v>
                </c:pt>
                <c:pt idx="464">
                  <c:v>97.388759187569704</c:v>
                </c:pt>
                <c:pt idx="465">
                  <c:v>97.376792370361159</c:v>
                </c:pt>
                <c:pt idx="466">
                  <c:v>97.374666127363312</c:v>
                </c:pt>
                <c:pt idx="467">
                  <c:v>97.366898193385836</c:v>
                </c:pt>
                <c:pt idx="468">
                  <c:v>97.356316114264118</c:v>
                </c:pt>
                <c:pt idx="469">
                  <c:v>97.353497502222837</c:v>
                </c:pt>
                <c:pt idx="470">
                  <c:v>97.340784713206219</c:v>
                </c:pt>
                <c:pt idx="471">
                  <c:v>97.335147489123671</c:v>
                </c:pt>
                <c:pt idx="472">
                  <c:v>97.331632041141916</c:v>
                </c:pt>
                <c:pt idx="473">
                  <c:v>97.320357592976805</c:v>
                </c:pt>
                <c:pt idx="474">
                  <c:v>97.31823134997893</c:v>
                </c:pt>
                <c:pt idx="475">
                  <c:v>97.309771046958033</c:v>
                </c:pt>
                <c:pt idx="476">
                  <c:v>97.299930472747349</c:v>
                </c:pt>
                <c:pt idx="477">
                  <c:v>97.297062724838483</c:v>
                </c:pt>
                <c:pt idx="478">
                  <c:v>97.285091440732884</c:v>
                </c:pt>
                <c:pt idx="479">
                  <c:v>97.280888090604762</c:v>
                </c:pt>
                <c:pt idx="480">
                  <c:v>97.274504894714127</c:v>
                </c:pt>
                <c:pt idx="481">
                  <c:v>97.263230446549002</c:v>
                </c:pt>
                <c:pt idx="482">
                  <c:v>97.261104203551156</c:v>
                </c:pt>
                <c:pt idx="483">
                  <c:v>97.251951531486839</c:v>
                </c:pt>
                <c:pt idx="484">
                  <c:v>97.244188064406416</c:v>
                </c:pt>
                <c:pt idx="485">
                  <c:v>97.24136945236512</c:v>
                </c:pt>
                <c:pt idx="486">
                  <c:v>97.230090537302956</c:v>
                </c:pt>
                <c:pt idx="487">
                  <c:v>97.225887187174834</c:v>
                </c:pt>
                <c:pt idx="488">
                  <c:v>97.220942332135678</c:v>
                </c:pt>
                <c:pt idx="489">
                  <c:v>97.208921912162495</c:v>
                </c:pt>
                <c:pt idx="490">
                  <c:v>97.2061033001212</c:v>
                </c:pt>
                <c:pt idx="491">
                  <c:v>97.196258259013476</c:v>
                </c:pt>
                <c:pt idx="492">
                  <c:v>97.188494791933053</c:v>
                </c:pt>
                <c:pt idx="493">
                  <c:v>97.184242305937346</c:v>
                </c:pt>
                <c:pt idx="494">
                  <c:v>97.174397264829594</c:v>
                </c:pt>
                <c:pt idx="495">
                  <c:v>97.170837147877307</c:v>
                </c:pt>
                <c:pt idx="496">
                  <c:v>97.165199923794745</c:v>
                </c:pt>
                <c:pt idx="497">
                  <c:v>97.155354882687007</c:v>
                </c:pt>
                <c:pt idx="498">
                  <c:v>97.153228639689132</c:v>
                </c:pt>
                <c:pt idx="499">
                  <c:v>97.141949724626969</c:v>
                </c:pt>
                <c:pt idx="500">
                  <c:v>97.134186257546546</c:v>
                </c:pt>
                <c:pt idx="501">
                  <c:v>97.129982907418423</c:v>
                </c:pt>
                <c:pt idx="502">
                  <c:v>97.117962487445226</c:v>
                </c:pt>
                <c:pt idx="503">
                  <c:v>97.115143875403945</c:v>
                </c:pt>
                <c:pt idx="504">
                  <c:v>97.108814282277962</c:v>
                </c:pt>
                <c:pt idx="505">
                  <c:v>97.099661610213644</c:v>
                </c:pt>
                <c:pt idx="506">
                  <c:v>97.096842998172377</c:v>
                </c:pt>
                <c:pt idx="507">
                  <c:v>97.085514947242615</c:v>
                </c:pt>
                <c:pt idx="508">
                  <c:v>97.079185354116632</c:v>
                </c:pt>
                <c:pt idx="509">
                  <c:v>97.073548130034055</c:v>
                </c:pt>
                <c:pt idx="510">
                  <c:v>97.062269214971877</c:v>
                </c:pt>
                <c:pt idx="511">
                  <c:v>97.05801672897617</c:v>
                </c:pt>
                <c:pt idx="512">
                  <c:v>97.050994766806767</c:v>
                </c:pt>
                <c:pt idx="513">
                  <c:v>97.041792958874851</c:v>
                </c:pt>
                <c:pt idx="514">
                  <c:v>97.040408220787995</c:v>
                </c:pt>
                <c:pt idx="515">
                  <c:v>97.031255548723678</c:v>
                </c:pt>
                <c:pt idx="516">
                  <c:v>97.026310693684565</c:v>
                </c:pt>
                <c:pt idx="517">
                  <c:v>97.021365838645409</c:v>
                </c:pt>
                <c:pt idx="518">
                  <c:v>97.00939455453981</c:v>
                </c:pt>
                <c:pt idx="519">
                  <c:v>97.006575942498529</c:v>
                </c:pt>
                <c:pt idx="520">
                  <c:v>96.99881247541812</c:v>
                </c:pt>
                <c:pt idx="521">
                  <c:v>96.991044541440644</c:v>
                </c:pt>
                <c:pt idx="522">
                  <c:v>96.987533560355928</c:v>
                </c:pt>
                <c:pt idx="523">
                  <c:v>96.977643850277659</c:v>
                </c:pt>
                <c:pt idx="524">
                  <c:v>96.972694528341478</c:v>
                </c:pt>
                <c:pt idx="525">
                  <c:v>96.967749673302322</c:v>
                </c:pt>
                <c:pt idx="526">
                  <c:v>96.956470758240144</c:v>
                </c:pt>
                <c:pt idx="527">
                  <c:v>96.953652146198863</c:v>
                </c:pt>
                <c:pt idx="528">
                  <c:v>96.944503941031613</c:v>
                </c:pt>
                <c:pt idx="529">
                  <c:v>96.937428376097557</c:v>
                </c:pt>
                <c:pt idx="530">
                  <c:v>96.934609764056276</c:v>
                </c:pt>
                <c:pt idx="531">
                  <c:v>96.923335315891151</c:v>
                </c:pt>
                <c:pt idx="532">
                  <c:v>96.919131965763029</c:v>
                </c:pt>
                <c:pt idx="533">
                  <c:v>96.912748769872408</c:v>
                </c:pt>
                <c:pt idx="534">
                  <c:v>96.902908195661709</c:v>
                </c:pt>
                <c:pt idx="535">
                  <c:v>96.898651242768935</c:v>
                </c:pt>
                <c:pt idx="536">
                  <c:v>96.890195406645091</c:v>
                </c:pt>
                <c:pt idx="537">
                  <c:v>96.882431939564668</c:v>
                </c:pt>
                <c:pt idx="538">
                  <c:v>96.877531753496086</c:v>
                </c:pt>
                <c:pt idx="539">
                  <c:v>96.866208169463349</c:v>
                </c:pt>
                <c:pt idx="540">
                  <c:v>96.862697188378661</c:v>
                </c:pt>
                <c:pt idx="541">
                  <c:v>96.856363128355625</c:v>
                </c:pt>
                <c:pt idx="542">
                  <c:v>96.846473418277341</c:v>
                </c:pt>
                <c:pt idx="543">
                  <c:v>96.842265601252166</c:v>
                </c:pt>
                <c:pt idx="544">
                  <c:v>96.833809765128336</c:v>
                </c:pt>
                <c:pt idx="545">
                  <c:v>96.827431036134755</c:v>
                </c:pt>
                <c:pt idx="546">
                  <c:v>96.822530850066144</c:v>
                </c:pt>
                <c:pt idx="547">
                  <c:v>96.811207266033421</c:v>
                </c:pt>
                <c:pt idx="548">
                  <c:v>96.807003915905312</c:v>
                </c:pt>
                <c:pt idx="549">
                  <c:v>96.799235981927822</c:v>
                </c:pt>
                <c:pt idx="550">
                  <c:v>96.790087776760572</c:v>
                </c:pt>
                <c:pt idx="551">
                  <c:v>96.786523192911218</c:v>
                </c:pt>
                <c:pt idx="552">
                  <c:v>96.77737498774394</c:v>
                </c:pt>
                <c:pt idx="553">
                  <c:v>96.770353025574551</c:v>
                </c:pt>
                <c:pt idx="554">
                  <c:v>96.764662198727351</c:v>
                </c:pt>
                <c:pt idx="555">
                  <c:v>96.754821624516651</c:v>
                </c:pt>
                <c:pt idx="556">
                  <c:v>96.750569138520945</c:v>
                </c:pt>
                <c:pt idx="557">
                  <c:v>96.743542709454488</c:v>
                </c:pt>
                <c:pt idx="558">
                  <c:v>96.732960630332769</c:v>
                </c:pt>
                <c:pt idx="559">
                  <c:v>96.728703677440009</c:v>
                </c:pt>
                <c:pt idx="560">
                  <c:v>96.718121598318319</c:v>
                </c:pt>
                <c:pt idx="561">
                  <c:v>96.711792005192336</c:v>
                </c:pt>
                <c:pt idx="562">
                  <c:v>96.706150314212707</c:v>
                </c:pt>
                <c:pt idx="563">
                  <c:v>96.695568235091002</c:v>
                </c:pt>
                <c:pt idx="564">
                  <c:v>96.692052787109247</c:v>
                </c:pt>
                <c:pt idx="565">
                  <c:v>96.684981689072245</c:v>
                </c:pt>
                <c:pt idx="566">
                  <c:v>96.675833483904995</c:v>
                </c:pt>
                <c:pt idx="567">
                  <c:v>96.671625666879805</c:v>
                </c:pt>
                <c:pt idx="568">
                  <c:v>96.661043587758115</c:v>
                </c:pt>
                <c:pt idx="569">
                  <c:v>96.655406363675553</c:v>
                </c:pt>
                <c:pt idx="570">
                  <c:v>96.649023167784918</c:v>
                </c:pt>
                <c:pt idx="571">
                  <c:v>96.639874962617654</c:v>
                </c:pt>
                <c:pt idx="572">
                  <c:v>96.634233271638038</c:v>
                </c:pt>
                <c:pt idx="573">
                  <c:v>96.623651192516348</c:v>
                </c:pt>
                <c:pt idx="574">
                  <c:v>96.614498520452031</c:v>
                </c:pt>
                <c:pt idx="575">
                  <c:v>96.61024603445631</c:v>
                </c:pt>
                <c:pt idx="576">
                  <c:v>96.59966395533462</c:v>
                </c:pt>
                <c:pt idx="577">
                  <c:v>96.594763769266009</c:v>
                </c:pt>
                <c:pt idx="578">
                  <c:v>96.589077409315848</c:v>
                </c:pt>
                <c:pt idx="579">
                  <c:v>96.579929204148598</c:v>
                </c:pt>
                <c:pt idx="580">
                  <c:v>96.576413756166843</c:v>
                </c:pt>
                <c:pt idx="581">
                  <c:v>96.567216415131981</c:v>
                </c:pt>
                <c:pt idx="582">
                  <c:v>96.559497617022089</c:v>
                </c:pt>
                <c:pt idx="583">
                  <c:v>96.554552761982961</c:v>
                </c:pt>
                <c:pt idx="584">
                  <c:v>96.544663051904678</c:v>
                </c:pt>
                <c:pt idx="585">
                  <c:v>96.537636622838235</c:v>
                </c:pt>
                <c:pt idx="586">
                  <c:v>96.530565524801233</c:v>
                </c:pt>
                <c:pt idx="587">
                  <c:v>96.519978978782461</c:v>
                </c:pt>
                <c:pt idx="588">
                  <c:v>96.516467997697774</c:v>
                </c:pt>
                <c:pt idx="589">
                  <c:v>96.507319792530495</c:v>
                </c:pt>
                <c:pt idx="590">
                  <c:v>96.499551858553019</c:v>
                </c:pt>
                <c:pt idx="591">
                  <c:v>96.493914634470485</c:v>
                </c:pt>
                <c:pt idx="592">
                  <c:v>96.482635719408293</c:v>
                </c:pt>
                <c:pt idx="593">
                  <c:v>96.477690864369166</c:v>
                </c:pt>
                <c:pt idx="594">
                  <c:v>96.469235028245308</c:v>
                </c:pt>
                <c:pt idx="595">
                  <c:v>96.460033220313392</c:v>
                </c:pt>
                <c:pt idx="596">
                  <c:v>96.455137501141849</c:v>
                </c:pt>
                <c:pt idx="597">
                  <c:v>96.445935693209933</c:v>
                </c:pt>
                <c:pt idx="598">
                  <c:v>96.437479857086089</c:v>
                </c:pt>
                <c:pt idx="599">
                  <c:v>96.432535002046947</c:v>
                </c:pt>
                <c:pt idx="600">
                  <c:v>96.421997591895803</c:v>
                </c:pt>
                <c:pt idx="601">
                  <c:v>96.4149264938588</c:v>
                </c:pt>
                <c:pt idx="602">
                  <c:v>96.406466190837904</c:v>
                </c:pt>
                <c:pt idx="603">
                  <c:v>96.398010354714074</c:v>
                </c:pt>
                <c:pt idx="604">
                  <c:v>96.393065499674918</c:v>
                </c:pt>
                <c:pt idx="605">
                  <c:v>96.383171322699596</c:v>
                </c:pt>
                <c:pt idx="606">
                  <c:v>96.375456991486772</c:v>
                </c:pt>
                <c:pt idx="607">
                  <c:v>96.369073795596137</c:v>
                </c:pt>
                <c:pt idx="608">
                  <c:v>96.357799347431026</c:v>
                </c:pt>
                <c:pt idx="609">
                  <c:v>96.351465287407976</c:v>
                </c:pt>
                <c:pt idx="610">
                  <c:v>96.343009451284146</c:v>
                </c:pt>
                <c:pt idx="611">
                  <c:v>96.33380764335223</c:v>
                </c:pt>
                <c:pt idx="612">
                  <c:v>96.328911924180687</c:v>
                </c:pt>
                <c:pt idx="613">
                  <c:v>96.318329845058983</c:v>
                </c:pt>
                <c:pt idx="614">
                  <c:v>96.310561911081507</c:v>
                </c:pt>
                <c:pt idx="615">
                  <c:v>96.304924686998945</c:v>
                </c:pt>
                <c:pt idx="616">
                  <c:v>96.292211897982327</c:v>
                </c:pt>
                <c:pt idx="617">
                  <c:v>96.287267042943185</c:v>
                </c:pt>
                <c:pt idx="618">
                  <c:v>96.278811206819341</c:v>
                </c:pt>
                <c:pt idx="619">
                  <c:v>96.269658534755038</c:v>
                </c:pt>
                <c:pt idx="620">
                  <c:v>96.264713679715882</c:v>
                </c:pt>
                <c:pt idx="621">
                  <c:v>96.255561007651579</c:v>
                </c:pt>
                <c:pt idx="622">
                  <c:v>96.248489909614577</c:v>
                </c:pt>
                <c:pt idx="623">
                  <c:v>96.24002960659368</c:v>
                </c:pt>
                <c:pt idx="624">
                  <c:v>96.230189032382995</c:v>
                </c:pt>
                <c:pt idx="625">
                  <c:v>96.223810303389428</c:v>
                </c:pt>
                <c:pt idx="626">
                  <c:v>96.213965262281675</c:v>
                </c:pt>
                <c:pt idx="627">
                  <c:v>96.205509426157846</c:v>
                </c:pt>
                <c:pt idx="628">
                  <c:v>96.199867735178231</c:v>
                </c:pt>
                <c:pt idx="629">
                  <c:v>96.189978025099947</c:v>
                </c:pt>
                <c:pt idx="630">
                  <c:v>96.182902460165892</c:v>
                </c:pt>
                <c:pt idx="631">
                  <c:v>96.174446624042048</c:v>
                </c:pt>
                <c:pt idx="632">
                  <c:v>96.163167708979884</c:v>
                </c:pt>
                <c:pt idx="633">
                  <c:v>96.157530484897308</c:v>
                </c:pt>
                <c:pt idx="634">
                  <c:v>96.148382279730058</c:v>
                </c:pt>
                <c:pt idx="635">
                  <c:v>96.139180471798142</c:v>
                </c:pt>
                <c:pt idx="636">
                  <c:v>96.132850878672159</c:v>
                </c:pt>
                <c:pt idx="637">
                  <c:v>96.121571963609981</c:v>
                </c:pt>
                <c:pt idx="638">
                  <c:v>96.113116127486137</c:v>
                </c:pt>
                <c:pt idx="639">
                  <c:v>96.10465582446524</c:v>
                </c:pt>
                <c:pt idx="640">
                  <c:v>96.094073745343536</c:v>
                </c:pt>
                <c:pt idx="641">
                  <c:v>96.089124423407341</c:v>
                </c:pt>
                <c:pt idx="642">
                  <c:v>96.079283849196656</c:v>
                </c:pt>
                <c:pt idx="643">
                  <c:v>96.070082041264754</c:v>
                </c:pt>
                <c:pt idx="644">
                  <c:v>96.064444817182206</c:v>
                </c:pt>
                <c:pt idx="645">
                  <c:v>96.053862738060488</c:v>
                </c:pt>
                <c:pt idx="646">
                  <c:v>96.048962551991892</c:v>
                </c:pt>
                <c:pt idx="647">
                  <c:v>96.039765210957029</c:v>
                </c:pt>
                <c:pt idx="648">
                  <c:v>96.029178664938286</c:v>
                </c:pt>
                <c:pt idx="649">
                  <c:v>96.022849071812303</c:v>
                </c:pt>
                <c:pt idx="650">
                  <c:v>96.012954894836966</c:v>
                </c:pt>
                <c:pt idx="651">
                  <c:v>96.005932932667577</c:v>
                </c:pt>
                <c:pt idx="652">
                  <c:v>95.999603339541579</c:v>
                </c:pt>
                <c:pt idx="653">
                  <c:v>95.987582919568382</c:v>
                </c:pt>
                <c:pt idx="654">
                  <c:v>95.980560957398993</c:v>
                </c:pt>
                <c:pt idx="655">
                  <c:v>95.971359149467077</c:v>
                </c:pt>
                <c:pt idx="656">
                  <c:v>95.960084701301966</c:v>
                </c:pt>
                <c:pt idx="657">
                  <c:v>95.953750641278916</c:v>
                </c:pt>
                <c:pt idx="658">
                  <c:v>95.943168562157211</c:v>
                </c:pt>
                <c:pt idx="659">
                  <c:v>95.93609299722317</c:v>
                </c:pt>
                <c:pt idx="660">
                  <c:v>95.927637161099312</c:v>
                </c:pt>
                <c:pt idx="661">
                  <c:v>95.917099750948168</c:v>
                </c:pt>
                <c:pt idx="662">
                  <c:v>95.910028652911166</c:v>
                </c:pt>
                <c:pt idx="663">
                  <c:v>95.900880447743901</c:v>
                </c:pt>
                <c:pt idx="664">
                  <c:v>95.890293901725144</c:v>
                </c:pt>
                <c:pt idx="665">
                  <c:v>95.883915172731562</c:v>
                </c:pt>
                <c:pt idx="666">
                  <c:v>95.873377762580404</c:v>
                </c:pt>
                <c:pt idx="667">
                  <c:v>95.865614295499995</c:v>
                </c:pt>
                <c:pt idx="668">
                  <c:v>95.857153992479098</c:v>
                </c:pt>
                <c:pt idx="669">
                  <c:v>95.845879544313959</c:v>
                </c:pt>
                <c:pt idx="670">
                  <c:v>95.839496348423339</c:v>
                </c:pt>
                <c:pt idx="671">
                  <c:v>95.828221900258214</c:v>
                </c:pt>
                <c:pt idx="672">
                  <c:v>95.819069228193896</c:v>
                </c:pt>
                <c:pt idx="673">
                  <c:v>95.811305761113488</c:v>
                </c:pt>
                <c:pt idx="674">
                  <c:v>95.800719215094716</c:v>
                </c:pt>
                <c:pt idx="675">
                  <c:v>95.792263378970873</c:v>
                </c:pt>
                <c:pt idx="676">
                  <c:v>95.783803075949976</c:v>
                </c:pt>
                <c:pt idx="677">
                  <c:v>95.772528627784865</c:v>
                </c:pt>
                <c:pt idx="678">
                  <c:v>95.764760693807389</c:v>
                </c:pt>
                <c:pt idx="679">
                  <c:v>95.752793876598858</c:v>
                </c:pt>
                <c:pt idx="680">
                  <c:v>95.743592068666942</c:v>
                </c:pt>
                <c:pt idx="681">
                  <c:v>95.737262475540945</c:v>
                </c:pt>
                <c:pt idx="682">
                  <c:v>95.724549686524327</c:v>
                </c:pt>
                <c:pt idx="683">
                  <c:v>95.716835355311517</c:v>
                </c:pt>
                <c:pt idx="684">
                  <c:v>95.707633547379601</c:v>
                </c:pt>
                <c:pt idx="685">
                  <c:v>95.696359099214462</c:v>
                </c:pt>
                <c:pt idx="686">
                  <c:v>95.688591165237014</c:v>
                </c:pt>
                <c:pt idx="687">
                  <c:v>95.678009086115296</c:v>
                </c:pt>
                <c:pt idx="688">
                  <c:v>95.668164045007572</c:v>
                </c:pt>
                <c:pt idx="689">
                  <c:v>95.659708208883714</c:v>
                </c:pt>
                <c:pt idx="690">
                  <c:v>95.64842929382155</c:v>
                </c:pt>
                <c:pt idx="691">
                  <c:v>95.639973457697707</c:v>
                </c:pt>
                <c:pt idx="692">
                  <c:v>95.630771649765805</c:v>
                </c:pt>
                <c:pt idx="693">
                  <c:v>95.619497201600666</c:v>
                </c:pt>
                <c:pt idx="694">
                  <c:v>95.611036898579769</c:v>
                </c:pt>
                <c:pt idx="695">
                  <c:v>95.599762450414644</c:v>
                </c:pt>
                <c:pt idx="696">
                  <c:v>95.589868273439322</c:v>
                </c:pt>
                <c:pt idx="697">
                  <c:v>95.581412437315478</c:v>
                </c:pt>
                <c:pt idx="698">
                  <c:v>95.569441153209894</c:v>
                </c:pt>
                <c:pt idx="699">
                  <c:v>95.561677686129457</c:v>
                </c:pt>
                <c:pt idx="700">
                  <c:v>95.551091140110714</c:v>
                </c:pt>
                <c:pt idx="701">
                  <c:v>95.540504594091956</c:v>
                </c:pt>
                <c:pt idx="702">
                  <c:v>95.532741127011533</c:v>
                </c:pt>
                <c:pt idx="703">
                  <c:v>95.520769842905935</c:v>
                </c:pt>
                <c:pt idx="704">
                  <c:v>95.511621637738671</c:v>
                </c:pt>
                <c:pt idx="705">
                  <c:v>95.502419829806769</c:v>
                </c:pt>
                <c:pt idx="706">
                  <c:v>95.489760643554803</c:v>
                </c:pt>
                <c:pt idx="707">
                  <c:v>95.480558835622887</c:v>
                </c:pt>
                <c:pt idx="708">
                  <c:v>95.468592018414341</c:v>
                </c:pt>
                <c:pt idx="709">
                  <c:v>95.456620734308757</c:v>
                </c:pt>
                <c:pt idx="710">
                  <c:v>95.44885726722832</c:v>
                </c:pt>
                <c:pt idx="711">
                  <c:v>95.436144478211716</c:v>
                </c:pt>
                <c:pt idx="712">
                  <c:v>95.426991806147399</c:v>
                </c:pt>
                <c:pt idx="713">
                  <c:v>95.41784360098012</c:v>
                </c:pt>
                <c:pt idx="714">
                  <c:v>95.405823181006937</c:v>
                </c:pt>
                <c:pt idx="715">
                  <c:v>95.396674975839673</c:v>
                </c:pt>
                <c:pt idx="716">
                  <c:v>95.385396060777495</c:v>
                </c:pt>
                <c:pt idx="717">
                  <c:v>95.374813981655805</c:v>
                </c:pt>
                <c:pt idx="718">
                  <c:v>95.365661309591474</c:v>
                </c:pt>
                <c:pt idx="719">
                  <c:v>95.353640889618291</c:v>
                </c:pt>
                <c:pt idx="720">
                  <c:v>95.343800315407606</c:v>
                </c:pt>
                <c:pt idx="721">
                  <c:v>95.332472264477829</c:v>
                </c:pt>
                <c:pt idx="722">
                  <c:v>95.319813078225863</c:v>
                </c:pt>
                <c:pt idx="723">
                  <c:v>95.312045144248387</c:v>
                </c:pt>
                <c:pt idx="724">
                  <c:v>95.300770696083276</c:v>
                </c:pt>
                <c:pt idx="725">
                  <c:v>95.289491781021098</c:v>
                </c:pt>
                <c:pt idx="726">
                  <c:v>95.280294439986235</c:v>
                </c:pt>
                <c:pt idx="727">
                  <c:v>95.266196912882776</c:v>
                </c:pt>
                <c:pt idx="728">
                  <c:v>95.256351871775053</c:v>
                </c:pt>
                <c:pt idx="729">
                  <c:v>95.246462161696783</c:v>
                </c:pt>
                <c:pt idx="730">
                  <c:v>95.23379850854775</c:v>
                </c:pt>
                <c:pt idx="731">
                  <c:v>95.225293536556308</c:v>
                </c:pt>
                <c:pt idx="732">
                  <c:v>95.213322252450709</c:v>
                </c:pt>
                <c:pt idx="733">
                  <c:v>95.202735706431966</c:v>
                </c:pt>
                <c:pt idx="734">
                  <c:v>95.192895132221267</c:v>
                </c:pt>
                <c:pt idx="735">
                  <c:v>95.180182343204663</c:v>
                </c:pt>
                <c:pt idx="736">
                  <c:v>95.17029263312638</c:v>
                </c:pt>
                <c:pt idx="737">
                  <c:v>95.159013718064202</c:v>
                </c:pt>
                <c:pt idx="738">
                  <c:v>95.147046900855656</c:v>
                </c:pt>
                <c:pt idx="739">
                  <c:v>95.137894228791339</c:v>
                </c:pt>
                <c:pt idx="740">
                  <c:v>95.125873808818156</c:v>
                </c:pt>
                <c:pt idx="741">
                  <c:v>95.114599360653031</c:v>
                </c:pt>
                <c:pt idx="742">
                  <c:v>95.104705183677694</c:v>
                </c:pt>
                <c:pt idx="743">
                  <c:v>95.091353628382308</c:v>
                </c:pt>
                <c:pt idx="744">
                  <c:v>95.081459451406985</c:v>
                </c:pt>
                <c:pt idx="745">
                  <c:v>95.070180536344793</c:v>
                </c:pt>
                <c:pt idx="746">
                  <c:v>95.058213719136248</c:v>
                </c:pt>
                <c:pt idx="747">
                  <c:v>95.048319542160925</c:v>
                </c:pt>
                <c:pt idx="748">
                  <c:v>95.03491885099794</c:v>
                </c:pt>
                <c:pt idx="749">
                  <c:v>95.022947566892341</c:v>
                </c:pt>
                <c:pt idx="750">
                  <c:v>95.012361020873598</c:v>
                </c:pt>
                <c:pt idx="751">
                  <c:v>94.998960329710613</c:v>
                </c:pt>
                <c:pt idx="752">
                  <c:v>94.989066152735262</c:v>
                </c:pt>
                <c:pt idx="753">
                  <c:v>94.977099335526731</c:v>
                </c:pt>
                <c:pt idx="754">
                  <c:v>94.965128051421132</c:v>
                </c:pt>
                <c:pt idx="755">
                  <c:v>94.955233874445796</c:v>
                </c:pt>
                <c:pt idx="756">
                  <c:v>94.94326705723725</c:v>
                </c:pt>
                <c:pt idx="757">
                  <c:v>94.932680511218507</c:v>
                </c:pt>
                <c:pt idx="758">
                  <c:v>94.922098432096803</c:v>
                </c:pt>
                <c:pt idx="759">
                  <c:v>94.909385643080185</c:v>
                </c:pt>
                <c:pt idx="760">
                  <c:v>94.898799097061428</c:v>
                </c:pt>
                <c:pt idx="761">
                  <c:v>94.886139910809462</c:v>
                </c:pt>
                <c:pt idx="762">
                  <c:v>94.874119490836279</c:v>
                </c:pt>
                <c:pt idx="763">
                  <c:v>94.863586547582173</c:v>
                </c:pt>
                <c:pt idx="764">
                  <c:v>94.850181389522149</c:v>
                </c:pt>
                <c:pt idx="765">
                  <c:v>94.838160969548937</c:v>
                </c:pt>
                <c:pt idx="766">
                  <c:v>94.826189685443353</c:v>
                </c:pt>
                <c:pt idx="767">
                  <c:v>94.813481363323788</c:v>
                </c:pt>
                <c:pt idx="768">
                  <c:v>94.802894817305045</c:v>
                </c:pt>
                <c:pt idx="769">
                  <c:v>94.788797290201572</c:v>
                </c:pt>
                <c:pt idx="770">
                  <c:v>94.776830472993041</c:v>
                </c:pt>
                <c:pt idx="771">
                  <c:v>94.765551557930863</c:v>
                </c:pt>
                <c:pt idx="772">
                  <c:v>94.751458497724457</c:v>
                </c:pt>
                <c:pt idx="773">
                  <c:v>94.740871951705699</c:v>
                </c:pt>
                <c:pt idx="774">
                  <c:v>94.728159162689096</c:v>
                </c:pt>
                <c:pt idx="775">
                  <c:v>94.71406610248269</c:v>
                </c:pt>
                <c:pt idx="776">
                  <c:v>94.702094818377091</c:v>
                </c:pt>
                <c:pt idx="777">
                  <c:v>94.689382029360473</c:v>
                </c:pt>
                <c:pt idx="778">
                  <c:v>94.676673707240923</c:v>
                </c:pt>
                <c:pt idx="779">
                  <c:v>94.66470242313531</c:v>
                </c:pt>
                <c:pt idx="780">
                  <c:v>94.651989634118706</c:v>
                </c:pt>
                <c:pt idx="781">
                  <c:v>94.640715185953582</c:v>
                </c:pt>
                <c:pt idx="782">
                  <c:v>94.629436270891404</c:v>
                </c:pt>
                <c:pt idx="783">
                  <c:v>94.616031112831365</c:v>
                </c:pt>
                <c:pt idx="784">
                  <c:v>94.60406429562282</c:v>
                </c:pt>
                <c:pt idx="785">
                  <c:v>94.590659137562781</c:v>
                </c:pt>
                <c:pt idx="786">
                  <c:v>94.577253979502757</c:v>
                </c:pt>
                <c:pt idx="787">
                  <c:v>94.565979531337632</c:v>
                </c:pt>
                <c:pt idx="788">
                  <c:v>94.550448130279747</c:v>
                </c:pt>
                <c:pt idx="789">
                  <c:v>94.539910720128589</c:v>
                </c:pt>
                <c:pt idx="790">
                  <c:v>94.527202398009024</c:v>
                </c:pt>
                <c:pt idx="791">
                  <c:v>94.513104870905565</c:v>
                </c:pt>
                <c:pt idx="792">
                  <c:v>94.501084450932382</c:v>
                </c:pt>
                <c:pt idx="793">
                  <c:v>94.486986923828923</c:v>
                </c:pt>
                <c:pt idx="794">
                  <c:v>94.472893863622517</c:v>
                </c:pt>
                <c:pt idx="795">
                  <c:v>94.460922579516918</c:v>
                </c:pt>
                <c:pt idx="796">
                  <c:v>94.446825052413459</c:v>
                </c:pt>
                <c:pt idx="797">
                  <c:v>94.434809099337329</c:v>
                </c:pt>
                <c:pt idx="798">
                  <c:v>94.421403941277276</c:v>
                </c:pt>
                <c:pt idx="799">
                  <c:v>94.407306414173831</c:v>
                </c:pt>
                <c:pt idx="800">
                  <c:v>94.396031966008692</c:v>
                </c:pt>
                <c:pt idx="801">
                  <c:v>94.381242069861827</c:v>
                </c:pt>
                <c:pt idx="802">
                  <c:v>94.367836911801788</c:v>
                </c:pt>
                <c:pt idx="803">
                  <c:v>94.354431753741764</c:v>
                </c:pt>
                <c:pt idx="804">
                  <c:v>94.339646324491937</c:v>
                </c:pt>
                <c:pt idx="805">
                  <c:v>94.327625904518726</c:v>
                </c:pt>
                <c:pt idx="806">
                  <c:v>94.314220746458716</c:v>
                </c:pt>
                <c:pt idx="807">
                  <c:v>94.30012768625231</c:v>
                </c:pt>
                <c:pt idx="808">
                  <c:v>94.287464033103291</c:v>
                </c:pt>
                <c:pt idx="809">
                  <c:v>94.273317370132219</c:v>
                </c:pt>
                <c:pt idx="810">
                  <c:v>94.259961347939793</c:v>
                </c:pt>
                <c:pt idx="811">
                  <c:v>94.246560656776808</c:v>
                </c:pt>
                <c:pt idx="812">
                  <c:v>94.232463129673363</c:v>
                </c:pt>
                <c:pt idx="813">
                  <c:v>94.219750340656745</c:v>
                </c:pt>
                <c:pt idx="814">
                  <c:v>94.204964911406918</c:v>
                </c:pt>
                <c:pt idx="815">
                  <c:v>94.191559753346894</c:v>
                </c:pt>
                <c:pt idx="816">
                  <c:v>94.177462226243421</c:v>
                </c:pt>
                <c:pt idx="817">
                  <c:v>94.163315563272377</c:v>
                </c:pt>
                <c:pt idx="818">
                  <c:v>94.149914872109392</c:v>
                </c:pt>
                <c:pt idx="819">
                  <c:v>94.136558849916966</c:v>
                </c:pt>
                <c:pt idx="820">
                  <c:v>94.121719817902488</c:v>
                </c:pt>
                <c:pt idx="821">
                  <c:v>94.109056164753454</c:v>
                </c:pt>
                <c:pt idx="822">
                  <c:v>94.094221599636043</c:v>
                </c:pt>
                <c:pt idx="823">
                  <c:v>94.079431703489163</c:v>
                </c:pt>
                <c:pt idx="824">
                  <c:v>94.06671891447256</c:v>
                </c:pt>
                <c:pt idx="825">
                  <c:v>94.051236649282245</c:v>
                </c:pt>
                <c:pt idx="826">
                  <c:v>94.038528327162695</c:v>
                </c:pt>
                <c:pt idx="827">
                  <c:v>94.023689295148216</c:v>
                </c:pt>
                <c:pt idx="828">
                  <c:v>94.00820702995793</c:v>
                </c:pt>
                <c:pt idx="829">
                  <c:v>93.995494240941298</c:v>
                </c:pt>
                <c:pt idx="830">
                  <c:v>93.980708811691485</c:v>
                </c:pt>
                <c:pt idx="831">
                  <c:v>93.966611284588026</c:v>
                </c:pt>
                <c:pt idx="832">
                  <c:v>93.953206126527988</c:v>
                </c:pt>
                <c:pt idx="833">
                  <c:v>93.936982356426668</c:v>
                </c:pt>
                <c:pt idx="834">
                  <c:v>93.923581665263683</c:v>
                </c:pt>
                <c:pt idx="835">
                  <c:v>93.909484138160252</c:v>
                </c:pt>
                <c:pt idx="836">
                  <c:v>93.893952737102353</c:v>
                </c:pt>
                <c:pt idx="837">
                  <c:v>93.87985520999888</c:v>
                </c:pt>
                <c:pt idx="838">
                  <c:v>93.864323808940995</c:v>
                </c:pt>
                <c:pt idx="839">
                  <c:v>93.850230748734603</c:v>
                </c:pt>
                <c:pt idx="840">
                  <c:v>93.83613322163113</c:v>
                </c:pt>
                <c:pt idx="841">
                  <c:v>93.820601820573231</c:v>
                </c:pt>
                <c:pt idx="842">
                  <c:v>93.807245798380805</c:v>
                </c:pt>
                <c:pt idx="843">
                  <c:v>93.791026495176538</c:v>
                </c:pt>
                <c:pt idx="844">
                  <c:v>93.775495094118639</c:v>
                </c:pt>
                <c:pt idx="845">
                  <c:v>93.762089936058615</c:v>
                </c:pt>
                <c:pt idx="846">
                  <c:v>93.745173796913875</c:v>
                </c:pt>
                <c:pt idx="847">
                  <c:v>93.730383900766995</c:v>
                </c:pt>
                <c:pt idx="848">
                  <c:v>93.71624170469299</c:v>
                </c:pt>
                <c:pt idx="849">
                  <c:v>93.700759439502704</c:v>
                </c:pt>
                <c:pt idx="850">
                  <c:v>93.686661912399245</c:v>
                </c:pt>
                <c:pt idx="851">
                  <c:v>93.671822880384767</c:v>
                </c:pt>
                <c:pt idx="852">
                  <c:v>93.656340615194466</c:v>
                </c:pt>
                <c:pt idx="853">
                  <c:v>93.642198419120476</c:v>
                </c:pt>
                <c:pt idx="854">
                  <c:v>93.626023784886755</c:v>
                </c:pt>
                <c:pt idx="855">
                  <c:v>93.610492383828856</c:v>
                </c:pt>
                <c:pt idx="856">
                  <c:v>93.596394856725396</c:v>
                </c:pt>
                <c:pt idx="857">
                  <c:v>93.57947871758067</c:v>
                </c:pt>
                <c:pt idx="858">
                  <c:v>93.565336521506666</c:v>
                </c:pt>
                <c:pt idx="859">
                  <c:v>93.549854256316365</c:v>
                </c:pt>
                <c:pt idx="860">
                  <c:v>93.53432285525848</c:v>
                </c:pt>
                <c:pt idx="861">
                  <c:v>93.520225328155021</c:v>
                </c:pt>
                <c:pt idx="862">
                  <c:v>93.50261681996686</c:v>
                </c:pt>
                <c:pt idx="863">
                  <c:v>93.487777787952382</c:v>
                </c:pt>
                <c:pt idx="864">
                  <c:v>93.472299989659135</c:v>
                </c:pt>
                <c:pt idx="865">
                  <c:v>93.456076219557815</c:v>
                </c:pt>
                <c:pt idx="866">
                  <c:v>93.44054481849993</c:v>
                </c:pt>
                <c:pt idx="867">
                  <c:v>93.425013417442031</c:v>
                </c:pt>
                <c:pt idx="868">
                  <c:v>93.408789647340711</c:v>
                </c:pt>
                <c:pt idx="869">
                  <c:v>93.393307382150411</c:v>
                </c:pt>
                <c:pt idx="870">
                  <c:v>93.375654204991704</c:v>
                </c:pt>
                <c:pt idx="871">
                  <c:v>93.360864308844839</c:v>
                </c:pt>
                <c:pt idx="872">
                  <c:v>93.344640538743519</c:v>
                </c:pt>
                <c:pt idx="873">
                  <c:v>93.328416768642214</c:v>
                </c:pt>
                <c:pt idx="874">
                  <c:v>93.31362687249532</c:v>
                </c:pt>
                <c:pt idx="875">
                  <c:v>93.296710733350594</c:v>
                </c:pt>
                <c:pt idx="876">
                  <c:v>93.279745458338255</c:v>
                </c:pt>
                <c:pt idx="877">
                  <c:v>93.264960029088442</c:v>
                </c:pt>
                <c:pt idx="878">
                  <c:v>93.248043889943702</c:v>
                </c:pt>
                <c:pt idx="879">
                  <c:v>93.232512488885803</c:v>
                </c:pt>
                <c:pt idx="880">
                  <c:v>93.215596349741077</c:v>
                </c:pt>
                <c:pt idx="881">
                  <c:v>93.198680210596336</c:v>
                </c:pt>
                <c:pt idx="882">
                  <c:v>93.183841178581858</c:v>
                </c:pt>
                <c:pt idx="883">
                  <c:v>93.166232670393697</c:v>
                </c:pt>
                <c:pt idx="884">
                  <c:v>93.15001336718943</c:v>
                </c:pt>
                <c:pt idx="885">
                  <c:v>93.133789597088125</c:v>
                </c:pt>
                <c:pt idx="886">
                  <c:v>93.115439583988945</c:v>
                </c:pt>
                <c:pt idx="887">
                  <c:v>93.100649687842079</c:v>
                </c:pt>
                <c:pt idx="888">
                  <c:v>93.083733548697339</c:v>
                </c:pt>
                <c:pt idx="889">
                  <c:v>93.066817409552598</c:v>
                </c:pt>
                <c:pt idx="890">
                  <c:v>93.051286008494699</c:v>
                </c:pt>
                <c:pt idx="891">
                  <c:v>93.033677500306538</c:v>
                </c:pt>
                <c:pt idx="892">
                  <c:v>93.016019856250793</c:v>
                </c:pt>
                <c:pt idx="893">
                  <c:v>92.999108184003106</c:v>
                </c:pt>
                <c:pt idx="894">
                  <c:v>92.981499675814945</c:v>
                </c:pt>
                <c:pt idx="895">
                  <c:v>92.96596827475706</c:v>
                </c:pt>
                <c:pt idx="896">
                  <c:v>92.948359766568913</c:v>
                </c:pt>
                <c:pt idx="897">
                  <c:v>92.930009753469719</c:v>
                </c:pt>
                <c:pt idx="898">
                  <c:v>92.91447835241182</c:v>
                </c:pt>
                <c:pt idx="899">
                  <c:v>92.896177475180252</c:v>
                </c:pt>
                <c:pt idx="900">
                  <c:v>92.879953705078947</c:v>
                </c:pt>
                <c:pt idx="901">
                  <c:v>92.862988430066594</c:v>
                </c:pt>
                <c:pt idx="902">
                  <c:v>92.843995183791606</c:v>
                </c:pt>
                <c:pt idx="903">
                  <c:v>92.827029908779267</c:v>
                </c:pt>
                <c:pt idx="904">
                  <c:v>92.810118236531579</c:v>
                </c:pt>
                <c:pt idx="905">
                  <c:v>92.791817359300012</c:v>
                </c:pt>
                <c:pt idx="906">
                  <c:v>92.776285958242127</c:v>
                </c:pt>
                <c:pt idx="907">
                  <c:v>92.757935945142933</c:v>
                </c:pt>
                <c:pt idx="908">
                  <c:v>92.740327436954786</c:v>
                </c:pt>
                <c:pt idx="909">
                  <c:v>92.722669792899026</c:v>
                </c:pt>
                <c:pt idx="910">
                  <c:v>92.703627410756425</c:v>
                </c:pt>
                <c:pt idx="911">
                  <c:v>92.686711271611685</c:v>
                </c:pt>
                <c:pt idx="912">
                  <c:v>92.666976520425663</c:v>
                </c:pt>
                <c:pt idx="913">
                  <c:v>92.648626507326497</c:v>
                </c:pt>
                <c:pt idx="914">
                  <c:v>92.631710368181757</c:v>
                </c:pt>
                <c:pt idx="915">
                  <c:v>92.614101859993596</c:v>
                </c:pt>
                <c:pt idx="916">
                  <c:v>92.596444215937851</c:v>
                </c:pt>
                <c:pt idx="917">
                  <c:v>92.57883570774969</c:v>
                </c:pt>
                <c:pt idx="918">
                  <c:v>92.560485694650524</c:v>
                </c:pt>
                <c:pt idx="919">
                  <c:v>92.544261924549204</c:v>
                </c:pt>
                <c:pt idx="920">
                  <c:v>92.525219542406617</c:v>
                </c:pt>
                <c:pt idx="921">
                  <c:v>92.506918665175036</c:v>
                </c:pt>
                <c:pt idx="922">
                  <c:v>92.489261021119276</c:v>
                </c:pt>
                <c:pt idx="923">
                  <c:v>92.470218638976675</c:v>
                </c:pt>
                <c:pt idx="924">
                  <c:v>92.452614597685582</c:v>
                </c:pt>
                <c:pt idx="925">
                  <c:v>92.433572215542981</c:v>
                </c:pt>
                <c:pt idx="926">
                  <c:v>92.414529833400366</c:v>
                </c:pt>
                <c:pt idx="927">
                  <c:v>92.396921325212219</c:v>
                </c:pt>
                <c:pt idx="928">
                  <c:v>92.377137438158613</c:v>
                </c:pt>
                <c:pt idx="929">
                  <c:v>92.359528929970452</c:v>
                </c:pt>
                <c:pt idx="930">
                  <c:v>92.341920421782291</c:v>
                </c:pt>
                <c:pt idx="931">
                  <c:v>92.32287803963969</c:v>
                </c:pt>
                <c:pt idx="932">
                  <c:v>92.304528026540524</c:v>
                </c:pt>
                <c:pt idx="933">
                  <c:v>92.284793275354502</c:v>
                </c:pt>
                <c:pt idx="934">
                  <c:v>92.265058524168481</c:v>
                </c:pt>
                <c:pt idx="935">
                  <c:v>92.247400880112735</c:v>
                </c:pt>
                <c:pt idx="936">
                  <c:v>92.227666128926728</c:v>
                </c:pt>
                <c:pt idx="937">
                  <c:v>92.208623746784113</c:v>
                </c:pt>
                <c:pt idx="938">
                  <c:v>92.191015238595966</c:v>
                </c:pt>
                <c:pt idx="939">
                  <c:v>92.170538982498925</c:v>
                </c:pt>
                <c:pt idx="940">
                  <c:v>92.152188969399745</c:v>
                </c:pt>
                <c:pt idx="941">
                  <c:v>92.132454218213738</c:v>
                </c:pt>
                <c:pt idx="942">
                  <c:v>92.113411836071137</c:v>
                </c:pt>
                <c:pt idx="943">
                  <c:v>92.094369453928536</c:v>
                </c:pt>
                <c:pt idx="944">
                  <c:v>92.074634702742514</c:v>
                </c:pt>
                <c:pt idx="945">
                  <c:v>92.054895484659454</c:v>
                </c:pt>
                <c:pt idx="946">
                  <c:v>92.036545471560274</c:v>
                </c:pt>
                <c:pt idx="947">
                  <c:v>92.016118351330846</c:v>
                </c:pt>
                <c:pt idx="948">
                  <c:v>91.997075969188245</c:v>
                </c:pt>
                <c:pt idx="949">
                  <c:v>91.978033587045644</c:v>
                </c:pt>
                <c:pt idx="950">
                  <c:v>91.958298835859637</c:v>
                </c:pt>
                <c:pt idx="951">
                  <c:v>91.939256453717022</c:v>
                </c:pt>
                <c:pt idx="952">
                  <c:v>91.918087828576589</c:v>
                </c:pt>
                <c:pt idx="953">
                  <c:v>91.898353077390567</c:v>
                </c:pt>
                <c:pt idx="954">
                  <c:v>91.878618326204545</c:v>
                </c:pt>
                <c:pt idx="955">
                  <c:v>91.858142070107519</c:v>
                </c:pt>
                <c:pt idx="956">
                  <c:v>91.839099687964904</c:v>
                </c:pt>
                <c:pt idx="957">
                  <c:v>91.818672567735476</c:v>
                </c:pt>
                <c:pt idx="958">
                  <c:v>91.798196311638449</c:v>
                </c:pt>
                <c:pt idx="959">
                  <c:v>91.778461560452413</c:v>
                </c:pt>
                <c:pt idx="960">
                  <c:v>91.757292935311966</c:v>
                </c:pt>
                <c:pt idx="961">
                  <c:v>91.736865815082524</c:v>
                </c:pt>
                <c:pt idx="962">
                  <c:v>91.717131063896517</c:v>
                </c:pt>
                <c:pt idx="963">
                  <c:v>91.696650340902423</c:v>
                </c:pt>
                <c:pt idx="964">
                  <c:v>91.676915589716415</c:v>
                </c:pt>
                <c:pt idx="965">
                  <c:v>91.657180838530394</c:v>
                </c:pt>
                <c:pt idx="966">
                  <c:v>91.636012213389932</c:v>
                </c:pt>
                <c:pt idx="967">
                  <c:v>91.61558509316049</c:v>
                </c:pt>
                <c:pt idx="968">
                  <c:v>91.594416468020029</c:v>
                </c:pt>
                <c:pt idx="969">
                  <c:v>91.573247842879596</c:v>
                </c:pt>
                <c:pt idx="970">
                  <c:v>91.55351309169356</c:v>
                </c:pt>
                <c:pt idx="971">
                  <c:v>91.532393602420697</c:v>
                </c:pt>
                <c:pt idx="972">
                  <c:v>91.511917346323671</c:v>
                </c:pt>
                <c:pt idx="973">
                  <c:v>91.490056352139788</c:v>
                </c:pt>
                <c:pt idx="974">
                  <c:v>91.468883260102288</c:v>
                </c:pt>
                <c:pt idx="975">
                  <c:v>91.448456139872846</c:v>
                </c:pt>
                <c:pt idx="976">
                  <c:v>91.425902776645557</c:v>
                </c:pt>
                <c:pt idx="977">
                  <c:v>91.405426520548502</c:v>
                </c:pt>
                <c:pt idx="978">
                  <c:v>91.383565526364634</c:v>
                </c:pt>
                <c:pt idx="979">
                  <c:v>91.361704532180752</c:v>
                </c:pt>
                <c:pt idx="980">
                  <c:v>91.341277411951324</c:v>
                </c:pt>
                <c:pt idx="981">
                  <c:v>91.32010431991381</c:v>
                </c:pt>
                <c:pt idx="982">
                  <c:v>91.298243325729928</c:v>
                </c:pt>
                <c:pt idx="983">
                  <c:v>91.27638233154606</c:v>
                </c:pt>
                <c:pt idx="984">
                  <c:v>91.255262842273197</c:v>
                </c:pt>
                <c:pt idx="985">
                  <c:v>91.234094217132736</c:v>
                </c:pt>
                <c:pt idx="986">
                  <c:v>91.212925591992303</c:v>
                </c:pt>
                <c:pt idx="987">
                  <c:v>91.191064597808406</c:v>
                </c:pt>
                <c:pt idx="988">
                  <c:v>91.169891505770892</c:v>
                </c:pt>
                <c:pt idx="989">
                  <c:v>91.147338142543603</c:v>
                </c:pt>
                <c:pt idx="990">
                  <c:v>91.125477148359721</c:v>
                </c:pt>
                <c:pt idx="991">
                  <c:v>91.103616154175853</c:v>
                </c:pt>
                <c:pt idx="992">
                  <c:v>91.08106279094855</c:v>
                </c:pt>
                <c:pt idx="993">
                  <c:v>91.058509427721262</c:v>
                </c:pt>
                <c:pt idx="994">
                  <c:v>91.035951597596892</c:v>
                </c:pt>
                <c:pt idx="995">
                  <c:v>91.014782972456445</c:v>
                </c:pt>
                <c:pt idx="996">
                  <c:v>90.992921978272562</c:v>
                </c:pt>
                <c:pt idx="997">
                  <c:v>90.970368615045274</c:v>
                </c:pt>
                <c:pt idx="998">
                  <c:v>90.948507620861392</c:v>
                </c:pt>
                <c:pt idx="999">
                  <c:v>90.92590512176649</c:v>
                </c:pt>
                <c:pt idx="1000">
                  <c:v>90.902654922598728</c:v>
                </c:pt>
                <c:pt idx="1001">
                  <c:v>90.880793928414846</c:v>
                </c:pt>
                <c:pt idx="1002">
                  <c:v>90.856806691233118</c:v>
                </c:pt>
                <c:pt idx="1003">
                  <c:v>90.833560958962394</c:v>
                </c:pt>
                <c:pt idx="1004">
                  <c:v>90.811699964778526</c:v>
                </c:pt>
                <c:pt idx="1005">
                  <c:v>90.787708260699731</c:v>
                </c:pt>
                <c:pt idx="1006">
                  <c:v>90.765154897472428</c:v>
                </c:pt>
                <c:pt idx="1007">
                  <c:v>90.741167660290699</c:v>
                </c:pt>
                <c:pt idx="1008">
                  <c:v>90.71792192801999</c:v>
                </c:pt>
                <c:pt idx="1009">
                  <c:v>90.696056466939041</c:v>
                </c:pt>
                <c:pt idx="1010">
                  <c:v>90.672761598800733</c:v>
                </c:pt>
                <c:pt idx="1011">
                  <c:v>90.648774361619004</c:v>
                </c:pt>
                <c:pt idx="1012">
                  <c:v>90.625528629348267</c:v>
                </c:pt>
                <c:pt idx="1013">
                  <c:v>90.601536925269471</c:v>
                </c:pt>
                <c:pt idx="1014">
                  <c:v>90.578291192998776</c:v>
                </c:pt>
                <c:pt idx="1015">
                  <c:v>90.554996324860454</c:v>
                </c:pt>
                <c:pt idx="1016">
                  <c:v>90.531058223546324</c:v>
                </c:pt>
                <c:pt idx="1017">
                  <c:v>90.506374150424108</c:v>
                </c:pt>
                <c:pt idx="1018">
                  <c:v>90.481694544198945</c:v>
                </c:pt>
                <c:pt idx="1019">
                  <c:v>90.457707307017216</c:v>
                </c:pt>
                <c:pt idx="1020">
                  <c:v>90.435153943789913</c:v>
                </c:pt>
                <c:pt idx="1021">
                  <c:v>90.410469870667711</c:v>
                </c:pt>
                <c:pt idx="1022">
                  <c:v>90.387175002529389</c:v>
                </c:pt>
                <c:pt idx="1023">
                  <c:v>90.362495396304226</c:v>
                </c:pt>
                <c:pt idx="1024">
                  <c:v>90.337811323182009</c:v>
                </c:pt>
                <c:pt idx="1025">
                  <c:v>90.313824086000281</c:v>
                </c:pt>
                <c:pt idx="1026">
                  <c:v>90.289885984686151</c:v>
                </c:pt>
                <c:pt idx="1027">
                  <c:v>90.26446040665293</c:v>
                </c:pt>
                <c:pt idx="1028">
                  <c:v>90.239780800427752</c:v>
                </c:pt>
                <c:pt idx="1029">
                  <c:v>90.214408825159182</c:v>
                </c:pt>
                <c:pt idx="1030">
                  <c:v>90.190421587977426</c:v>
                </c:pt>
                <c:pt idx="1031">
                  <c:v>90.165045145811803</c:v>
                </c:pt>
                <c:pt idx="1032">
                  <c:v>90.139673170543233</c:v>
                </c:pt>
                <c:pt idx="1033">
                  <c:v>90.11568593336149</c:v>
                </c:pt>
                <c:pt idx="1034">
                  <c:v>90.089617122152447</c:v>
                </c:pt>
                <c:pt idx="1035">
                  <c:v>90.064196011016278</c:v>
                </c:pt>
                <c:pt idx="1036">
                  <c:v>90.039516404791115</c:v>
                </c:pt>
                <c:pt idx="1037">
                  <c:v>90.012755224538637</c:v>
                </c:pt>
                <c:pt idx="1038">
                  <c:v>89.987334113402454</c:v>
                </c:pt>
                <c:pt idx="1039">
                  <c:v>89.961265302193411</c:v>
                </c:pt>
                <c:pt idx="1040">
                  <c:v>89.936585695968247</c:v>
                </c:pt>
                <c:pt idx="1041">
                  <c:v>89.911213720699664</c:v>
                </c:pt>
                <c:pt idx="1042">
                  <c:v>89.885788142666442</c:v>
                </c:pt>
                <c:pt idx="1043">
                  <c:v>89.859723798354437</c:v>
                </c:pt>
                <c:pt idx="1044">
                  <c:v>89.833610318174848</c:v>
                </c:pt>
                <c:pt idx="1045">
                  <c:v>89.80684913792237</c:v>
                </c:pt>
                <c:pt idx="1046">
                  <c:v>89.780735657742781</c:v>
                </c:pt>
                <c:pt idx="1047">
                  <c:v>89.754666846533738</c:v>
                </c:pt>
                <c:pt idx="1048">
                  <c:v>89.727860997310714</c:v>
                </c:pt>
                <c:pt idx="1049">
                  <c:v>89.703181391085536</c:v>
                </c:pt>
                <c:pt idx="1050">
                  <c:v>89.675678705922053</c:v>
                </c:pt>
                <c:pt idx="1051">
                  <c:v>89.64956522574245</c:v>
                </c:pt>
                <c:pt idx="1052">
                  <c:v>89.622804045489985</c:v>
                </c:pt>
                <c:pt idx="1053">
                  <c:v>89.595305827223541</c:v>
                </c:pt>
                <c:pt idx="1054">
                  <c:v>89.569192347043952</c:v>
                </c:pt>
                <c:pt idx="1055">
                  <c:v>89.542382030923889</c:v>
                </c:pt>
                <c:pt idx="1056">
                  <c:v>89.515576181700879</c:v>
                </c:pt>
                <c:pt idx="1057">
                  <c:v>89.488815001448401</c:v>
                </c:pt>
                <c:pt idx="1058">
                  <c:v>89.462009152225377</c:v>
                </c:pt>
                <c:pt idx="1059">
                  <c:v>89.435198836105315</c:v>
                </c:pt>
                <c:pt idx="1060">
                  <c:v>89.40770061783887</c:v>
                </c:pt>
                <c:pt idx="1061">
                  <c:v>89.38020239957244</c:v>
                </c:pt>
                <c:pt idx="1062">
                  <c:v>89.354133588363382</c:v>
                </c:pt>
                <c:pt idx="1063">
                  <c:v>89.327327739140358</c:v>
                </c:pt>
                <c:pt idx="1064">
                  <c:v>89.299825053976875</c:v>
                </c:pt>
                <c:pt idx="1065">
                  <c:v>89.273019204753851</c:v>
                </c:pt>
                <c:pt idx="1066">
                  <c:v>89.244131781503526</c:v>
                </c:pt>
                <c:pt idx="1067">
                  <c:v>89.217325932280517</c:v>
                </c:pt>
                <c:pt idx="1068">
                  <c:v>89.188389373162565</c:v>
                </c:pt>
                <c:pt idx="1069">
                  <c:v>89.160198785852714</c:v>
                </c:pt>
                <c:pt idx="1070">
                  <c:v>89.13269610068923</c:v>
                </c:pt>
                <c:pt idx="1071">
                  <c:v>89.10450551337938</c:v>
                </c:pt>
                <c:pt idx="1072">
                  <c:v>89.077007295112935</c:v>
                </c:pt>
                <c:pt idx="1073">
                  <c:v>89.048763105038432</c:v>
                </c:pt>
                <c:pt idx="1074">
                  <c:v>89.019875681788079</c:v>
                </c:pt>
                <c:pt idx="1075">
                  <c:v>88.991685094478228</c:v>
                </c:pt>
                <c:pt idx="1076">
                  <c:v>88.963440904403711</c:v>
                </c:pt>
                <c:pt idx="1077">
                  <c:v>88.935250317093846</c:v>
                </c:pt>
                <c:pt idx="1078">
                  <c:v>88.907059729783995</c:v>
                </c:pt>
                <c:pt idx="1079">
                  <c:v>88.878123170666072</c:v>
                </c:pt>
                <c:pt idx="1080">
                  <c:v>88.849235747415733</c:v>
                </c:pt>
                <c:pt idx="1081">
                  <c:v>88.820303655194863</c:v>
                </c:pt>
                <c:pt idx="1082">
                  <c:v>88.791416231944524</c:v>
                </c:pt>
                <c:pt idx="1083">
                  <c:v>88.762484139723654</c:v>
                </c:pt>
                <c:pt idx="1084">
                  <c:v>88.733547580605716</c:v>
                </c:pt>
                <c:pt idx="1085">
                  <c:v>88.70323075029799</c:v>
                </c:pt>
                <c:pt idx="1086">
                  <c:v>88.673650958004259</c:v>
                </c:pt>
                <c:pt idx="1087">
                  <c:v>88.644718865783375</c:v>
                </c:pt>
                <c:pt idx="1088">
                  <c:v>88.615089937622031</c:v>
                </c:pt>
                <c:pt idx="1089">
                  <c:v>88.586202514371692</c:v>
                </c:pt>
                <c:pt idx="1090">
                  <c:v>88.555885684063966</c:v>
                </c:pt>
                <c:pt idx="1091">
                  <c:v>88.526256755902622</c:v>
                </c:pt>
                <c:pt idx="1092">
                  <c:v>88.495939925594897</c:v>
                </c:pt>
                <c:pt idx="1093">
                  <c:v>88.466310997433553</c:v>
                </c:pt>
                <c:pt idx="1094">
                  <c:v>88.437428041080267</c:v>
                </c:pt>
                <c:pt idx="1095">
                  <c:v>88.406365238964483</c:v>
                </c:pt>
                <c:pt idx="1096">
                  <c:v>88.376736310803125</c:v>
                </c:pt>
                <c:pt idx="1097">
                  <c:v>88.346419480495413</c:v>
                </c:pt>
                <c:pt idx="1098">
                  <c:v>88.315405814247214</c:v>
                </c:pt>
                <c:pt idx="1099">
                  <c:v>88.285781352982923</c:v>
                </c:pt>
                <c:pt idx="1100">
                  <c:v>88.254767686734738</c:v>
                </c:pt>
                <c:pt idx="1101">
                  <c:v>88.223754020486538</c:v>
                </c:pt>
                <c:pt idx="1102">
                  <c:v>88.193437190178813</c:v>
                </c:pt>
                <c:pt idx="1103">
                  <c:v>88.161682019019608</c:v>
                </c:pt>
                <c:pt idx="1104">
                  <c:v>88.130668352771409</c:v>
                </c:pt>
                <c:pt idx="1105">
                  <c:v>88.100351522463697</c:v>
                </c:pt>
                <c:pt idx="1106">
                  <c:v>88.068596351304478</c:v>
                </c:pt>
                <c:pt idx="1107">
                  <c:v>88.038275054099714</c:v>
                </c:pt>
                <c:pt idx="1108">
                  <c:v>88.007265854748567</c:v>
                </c:pt>
                <c:pt idx="1109">
                  <c:v>87.974818314545942</c:v>
                </c:pt>
                <c:pt idx="1110">
                  <c:v>87.943063143386723</c:v>
                </c:pt>
                <c:pt idx="1111">
                  <c:v>87.911361574992171</c:v>
                </c:pt>
                <c:pt idx="1112">
                  <c:v>87.880347908743985</c:v>
                </c:pt>
                <c:pt idx="1113">
                  <c:v>87.848592737584781</c:v>
                </c:pt>
                <c:pt idx="1114">
                  <c:v>87.81614966427918</c:v>
                </c:pt>
                <c:pt idx="1115">
                  <c:v>87.783702124076555</c:v>
                </c:pt>
                <c:pt idx="1116">
                  <c:v>87.750562214830509</c:v>
                </c:pt>
                <c:pt idx="1117">
                  <c:v>87.718114674627884</c:v>
                </c:pt>
                <c:pt idx="1118">
                  <c:v>87.686413106233317</c:v>
                </c:pt>
                <c:pt idx="1119">
                  <c:v>87.653965566030692</c:v>
                </c:pt>
                <c:pt idx="1120">
                  <c:v>87.622210394871473</c:v>
                </c:pt>
                <c:pt idx="1121">
                  <c:v>87.589816457433486</c:v>
                </c:pt>
                <c:pt idx="1122">
                  <c:v>87.55667654818744</c:v>
                </c:pt>
                <c:pt idx="1123">
                  <c:v>87.524921377028235</c:v>
                </c:pt>
                <c:pt idx="1124">
                  <c:v>87.491781467782175</c:v>
                </c:pt>
                <c:pt idx="1125">
                  <c:v>87.459338394476603</c:v>
                </c:pt>
                <c:pt idx="1126">
                  <c:v>87.426198485230529</c:v>
                </c:pt>
                <c:pt idx="1127">
                  <c:v>87.393058575984497</c:v>
                </c:pt>
                <c:pt idx="1128">
                  <c:v>87.359918666738452</c:v>
                </c:pt>
                <c:pt idx="1129">
                  <c:v>87.327475593432851</c:v>
                </c:pt>
                <c:pt idx="1130">
                  <c:v>87.293643315143399</c:v>
                </c:pt>
                <c:pt idx="1131">
                  <c:v>87.261195774940774</c:v>
                </c:pt>
                <c:pt idx="1132">
                  <c:v>87.227363496651293</c:v>
                </c:pt>
                <c:pt idx="1133">
                  <c:v>87.194920423345707</c:v>
                </c:pt>
                <c:pt idx="1134">
                  <c:v>87.161780514099647</c:v>
                </c:pt>
                <c:pt idx="1135">
                  <c:v>87.128640604853601</c:v>
                </c:pt>
                <c:pt idx="1136">
                  <c:v>87.095451559739956</c:v>
                </c:pt>
                <c:pt idx="1137">
                  <c:v>87.060239010260702</c:v>
                </c:pt>
                <c:pt idx="1138">
                  <c:v>87.025665227060202</c:v>
                </c:pt>
                <c:pt idx="1139">
                  <c:v>86.992525317814156</c:v>
                </c:pt>
                <c:pt idx="1140">
                  <c:v>86.958693039524675</c:v>
                </c:pt>
                <c:pt idx="1141">
                  <c:v>86.925553130278615</c:v>
                </c:pt>
                <c:pt idx="1142">
                  <c:v>86.891676183018589</c:v>
                </c:pt>
                <c:pt idx="1143">
                  <c:v>86.857843904729137</c:v>
                </c:pt>
                <c:pt idx="1144">
                  <c:v>86.824703995483077</c:v>
                </c:pt>
                <c:pt idx="1145">
                  <c:v>86.790130212282591</c:v>
                </c:pt>
                <c:pt idx="1146">
                  <c:v>86.75629793399311</c:v>
                </c:pt>
                <c:pt idx="1147">
                  <c:v>86.721728617689692</c:v>
                </c:pt>
                <c:pt idx="1148">
                  <c:v>86.687203970356791</c:v>
                </c:pt>
                <c:pt idx="1149">
                  <c:v>86.653322556199726</c:v>
                </c:pt>
                <c:pt idx="1150">
                  <c:v>86.619490277910245</c:v>
                </c:pt>
                <c:pt idx="1151">
                  <c:v>86.584916494709745</c:v>
                </c:pt>
                <c:pt idx="1152">
                  <c:v>86.551781052360752</c:v>
                </c:pt>
                <c:pt idx="1153">
                  <c:v>86.517256405027851</c:v>
                </c:pt>
                <c:pt idx="1154">
                  <c:v>86.481990252783945</c:v>
                </c:pt>
                <c:pt idx="1155">
                  <c:v>86.447416469583445</c:v>
                </c:pt>
                <c:pt idx="1156">
                  <c:v>86.412891822250558</c:v>
                </c:pt>
                <c:pt idx="1157">
                  <c:v>86.379010408093478</c:v>
                </c:pt>
                <c:pt idx="1158">
                  <c:v>86.345182596701065</c:v>
                </c:pt>
                <c:pt idx="1159">
                  <c:v>86.310608813500579</c:v>
                </c:pt>
                <c:pt idx="1160">
                  <c:v>86.276084166167678</c:v>
                </c:pt>
                <c:pt idx="1161">
                  <c:v>86.240818013923771</c:v>
                </c:pt>
                <c:pt idx="1162">
                  <c:v>86.205551861679851</c:v>
                </c:pt>
                <c:pt idx="1163">
                  <c:v>86.171719583390399</c:v>
                </c:pt>
                <c:pt idx="1164">
                  <c:v>86.136457898043531</c:v>
                </c:pt>
                <c:pt idx="1165">
                  <c:v>86.101884114843031</c:v>
                </c:pt>
                <c:pt idx="1166">
                  <c:v>86.06735946751013</c:v>
                </c:pt>
                <c:pt idx="1167">
                  <c:v>86.031400946222817</c:v>
                </c:pt>
                <c:pt idx="1168">
                  <c:v>85.996827163022317</c:v>
                </c:pt>
                <c:pt idx="1169">
                  <c:v>85.961561010778411</c:v>
                </c:pt>
                <c:pt idx="1170">
                  <c:v>85.92629485853449</c:v>
                </c:pt>
                <c:pt idx="1171">
                  <c:v>85.891774678098656</c:v>
                </c:pt>
                <c:pt idx="1172">
                  <c:v>85.855816156811315</c:v>
                </c:pt>
                <c:pt idx="1173">
                  <c:v>85.820550004567409</c:v>
                </c:pt>
                <c:pt idx="1174">
                  <c:v>85.785283852323488</c:v>
                </c:pt>
                <c:pt idx="1175">
                  <c:v>85.750017700079567</c:v>
                </c:pt>
                <c:pt idx="1176">
                  <c:v>85.714751547835675</c:v>
                </c:pt>
                <c:pt idx="1177">
                  <c:v>85.678100657504913</c:v>
                </c:pt>
                <c:pt idx="1178">
                  <c:v>85.642142136217586</c:v>
                </c:pt>
                <c:pt idx="1179">
                  <c:v>85.606875983973666</c:v>
                </c:pt>
                <c:pt idx="1180">
                  <c:v>85.571614298626812</c:v>
                </c:pt>
                <c:pt idx="1181">
                  <c:v>85.535655777339485</c:v>
                </c:pt>
                <c:pt idx="1182">
                  <c:v>85.499697256052158</c:v>
                </c:pt>
                <c:pt idx="1183">
                  <c:v>85.463738734764817</c:v>
                </c:pt>
                <c:pt idx="1184">
                  <c:v>85.427780213477476</c:v>
                </c:pt>
                <c:pt idx="1185">
                  <c:v>85.391821692190163</c:v>
                </c:pt>
                <c:pt idx="1186">
                  <c:v>85.355814035035209</c:v>
                </c:pt>
                <c:pt idx="1187">
                  <c:v>85.319855513747882</c:v>
                </c:pt>
                <c:pt idx="1188">
                  <c:v>85.283896992460555</c:v>
                </c:pt>
                <c:pt idx="1189">
                  <c:v>85.247938471173228</c:v>
                </c:pt>
                <c:pt idx="1190">
                  <c:v>85.21128758084248</c:v>
                </c:pt>
                <c:pt idx="1191">
                  <c:v>85.175333526452192</c:v>
                </c:pt>
                <c:pt idx="1192">
                  <c:v>85.139375005164851</c:v>
                </c:pt>
                <c:pt idx="1193">
                  <c:v>85.10267497896649</c:v>
                </c:pt>
                <c:pt idx="1194">
                  <c:v>85.066024088635743</c:v>
                </c:pt>
                <c:pt idx="1195">
                  <c:v>85.030757936391836</c:v>
                </c:pt>
                <c:pt idx="1196">
                  <c:v>84.993365541150069</c:v>
                </c:pt>
                <c:pt idx="1197">
                  <c:v>84.957407019862742</c:v>
                </c:pt>
                <c:pt idx="1198">
                  <c:v>84.921448498575401</c:v>
                </c:pt>
                <c:pt idx="1199">
                  <c:v>84.884797608244639</c:v>
                </c:pt>
                <c:pt idx="1200">
                  <c:v>84.848097582046293</c:v>
                </c:pt>
                <c:pt idx="1201">
                  <c:v>84.811446691715531</c:v>
                </c:pt>
                <c:pt idx="1202">
                  <c:v>84.774795801384784</c:v>
                </c:pt>
                <c:pt idx="1203">
                  <c:v>84.738837280097457</c:v>
                </c:pt>
                <c:pt idx="1204">
                  <c:v>84.702829622942517</c:v>
                </c:pt>
                <c:pt idx="1205">
                  <c:v>84.666178732611769</c:v>
                </c:pt>
                <c:pt idx="1206">
                  <c:v>84.629532309178074</c:v>
                </c:pt>
                <c:pt idx="1207">
                  <c:v>84.592832282979714</c:v>
                </c:pt>
                <c:pt idx="1208">
                  <c:v>84.556181392648966</c:v>
                </c:pt>
                <c:pt idx="1209">
                  <c:v>84.518788997407185</c:v>
                </c:pt>
                <c:pt idx="1210">
                  <c:v>84.482138107076437</c:v>
                </c:pt>
                <c:pt idx="1211">
                  <c:v>84.44617958578911</c:v>
                </c:pt>
                <c:pt idx="1212">
                  <c:v>84.408787190547343</c:v>
                </c:pt>
                <c:pt idx="1213">
                  <c:v>84.372828669260002</c:v>
                </c:pt>
                <c:pt idx="1214">
                  <c:v>84.335485409885834</c:v>
                </c:pt>
                <c:pt idx="1215">
                  <c:v>84.299477752730894</c:v>
                </c:pt>
                <c:pt idx="1216">
                  <c:v>84.262826862400146</c:v>
                </c:pt>
                <c:pt idx="1217">
                  <c:v>84.225434467158365</c:v>
                </c:pt>
                <c:pt idx="1218">
                  <c:v>84.188783576827632</c:v>
                </c:pt>
                <c:pt idx="1219">
                  <c:v>84.15069881254243</c:v>
                </c:pt>
                <c:pt idx="1220">
                  <c:v>84.114740291255103</c:v>
                </c:pt>
                <c:pt idx="1221">
                  <c:v>84.078089400924341</c:v>
                </c:pt>
                <c:pt idx="1222">
                  <c:v>84.040004636639154</c:v>
                </c:pt>
                <c:pt idx="1223">
                  <c:v>84.004046115351812</c:v>
                </c:pt>
                <c:pt idx="1224">
                  <c:v>83.968087594064471</c:v>
                </c:pt>
                <c:pt idx="1225">
                  <c:v>83.930002829779284</c:v>
                </c:pt>
                <c:pt idx="1226">
                  <c:v>83.89404877538901</c:v>
                </c:pt>
                <c:pt idx="1227">
                  <c:v>83.855964011103822</c:v>
                </c:pt>
                <c:pt idx="1228">
                  <c:v>83.818571615862041</c:v>
                </c:pt>
                <c:pt idx="1229">
                  <c:v>83.782613094574714</c:v>
                </c:pt>
                <c:pt idx="1230">
                  <c:v>83.745220699332933</c:v>
                </c:pt>
                <c:pt idx="1231">
                  <c:v>83.708569809002171</c:v>
                </c:pt>
                <c:pt idx="1232">
                  <c:v>83.671918918671437</c:v>
                </c:pt>
                <c:pt idx="1233">
                  <c:v>83.63452652342967</c:v>
                </c:pt>
                <c:pt idx="1234">
                  <c:v>83.597134128187889</c:v>
                </c:pt>
                <c:pt idx="1235">
                  <c:v>83.559790868813721</c:v>
                </c:pt>
                <c:pt idx="1236">
                  <c:v>83.523139978482959</c:v>
                </c:pt>
                <c:pt idx="1237">
                  <c:v>83.486439952284613</c:v>
                </c:pt>
                <c:pt idx="1238">
                  <c:v>83.449789061953865</c:v>
                </c:pt>
                <c:pt idx="1239">
                  <c:v>83.413089035755505</c:v>
                </c:pt>
                <c:pt idx="1240">
                  <c:v>83.377130514468163</c:v>
                </c:pt>
                <c:pt idx="1241">
                  <c:v>83.339787255093995</c:v>
                </c:pt>
                <c:pt idx="1242">
                  <c:v>83.303087228895663</c:v>
                </c:pt>
                <c:pt idx="1243">
                  <c:v>83.26574396952148</c:v>
                </c:pt>
                <c:pt idx="1244">
                  <c:v>83.22904394332312</c:v>
                </c:pt>
                <c:pt idx="1245">
                  <c:v>83.192393052992372</c:v>
                </c:pt>
                <c:pt idx="1246">
                  <c:v>83.155000657750605</c:v>
                </c:pt>
                <c:pt idx="1247">
                  <c:v>83.118349767419843</c:v>
                </c:pt>
                <c:pt idx="1248">
                  <c:v>83.081698877089082</c:v>
                </c:pt>
                <c:pt idx="1249">
                  <c:v>83.044998850890721</c:v>
                </c:pt>
                <c:pt idx="1250">
                  <c:v>83.008352427457027</c:v>
                </c:pt>
                <c:pt idx="1251">
                  <c:v>82.971701537126279</c:v>
                </c:pt>
                <c:pt idx="1252">
                  <c:v>82.935001510927933</c:v>
                </c:pt>
                <c:pt idx="1253">
                  <c:v>82.898350620597185</c:v>
                </c:pt>
                <c:pt idx="1254">
                  <c:v>82.862392099309844</c:v>
                </c:pt>
                <c:pt idx="1255">
                  <c:v>82.824999704068077</c:v>
                </c:pt>
                <c:pt idx="1256">
                  <c:v>82.78904118278075</c:v>
                </c:pt>
                <c:pt idx="1257">
                  <c:v>82.752390292449988</c:v>
                </c:pt>
                <c:pt idx="1258">
                  <c:v>82.717124140206096</c:v>
                </c:pt>
                <c:pt idx="1259">
                  <c:v>82.680424114007735</c:v>
                </c:pt>
                <c:pt idx="1260">
                  <c:v>82.643773223676973</c:v>
                </c:pt>
                <c:pt idx="1261">
                  <c:v>82.607814702389632</c:v>
                </c:pt>
                <c:pt idx="1262">
                  <c:v>82.571163812058884</c:v>
                </c:pt>
                <c:pt idx="1263">
                  <c:v>82.535902126712017</c:v>
                </c:pt>
                <c:pt idx="1264">
                  <c:v>82.499202100513671</c:v>
                </c:pt>
                <c:pt idx="1265">
                  <c:v>82.463243579226358</c:v>
                </c:pt>
                <c:pt idx="1266">
                  <c:v>82.427285057939017</c:v>
                </c:pt>
                <c:pt idx="1267">
                  <c:v>82.392018905695096</c:v>
                </c:pt>
                <c:pt idx="1268">
                  <c:v>82.356060384407755</c:v>
                </c:pt>
                <c:pt idx="1269">
                  <c:v>82.320794232163848</c:v>
                </c:pt>
                <c:pt idx="1270">
                  <c:v>82.284835710876507</c:v>
                </c:pt>
                <c:pt idx="1271">
                  <c:v>82.24887718958918</c:v>
                </c:pt>
                <c:pt idx="1272">
                  <c:v>82.213611037345274</c:v>
                </c:pt>
                <c:pt idx="1273">
                  <c:v>82.177652516057947</c:v>
                </c:pt>
                <c:pt idx="1274">
                  <c:v>82.141698461667673</c:v>
                </c:pt>
                <c:pt idx="1275">
                  <c:v>82.106432309423752</c:v>
                </c:pt>
                <c:pt idx="1276">
                  <c:v>82.071166157179846</c:v>
                </c:pt>
                <c:pt idx="1277">
                  <c:v>82.035900004935925</c:v>
                </c:pt>
                <c:pt idx="1278">
                  <c:v>81.999941483648584</c:v>
                </c:pt>
                <c:pt idx="1279">
                  <c:v>81.964724467272276</c:v>
                </c:pt>
                <c:pt idx="1280">
                  <c:v>81.92945831502837</c:v>
                </c:pt>
                <c:pt idx="1281">
                  <c:v>81.893499793741029</c:v>
                </c:pt>
                <c:pt idx="1282">
                  <c:v>81.858238108394175</c:v>
                </c:pt>
                <c:pt idx="1283">
                  <c:v>81.822971956150255</c:v>
                </c:pt>
                <c:pt idx="1284">
                  <c:v>81.787705803906348</c:v>
                </c:pt>
                <c:pt idx="1285">
                  <c:v>81.753132020705849</c:v>
                </c:pt>
                <c:pt idx="1286">
                  <c:v>81.717173499418521</c:v>
                </c:pt>
                <c:pt idx="1287">
                  <c:v>81.682648852085634</c:v>
                </c:pt>
                <c:pt idx="1288">
                  <c:v>81.647382699841714</c:v>
                </c:pt>
                <c:pt idx="1289">
                  <c:v>81.611424178554387</c:v>
                </c:pt>
                <c:pt idx="1290">
                  <c:v>81.576854862250954</c:v>
                </c:pt>
                <c:pt idx="1291">
                  <c:v>81.541588710007034</c:v>
                </c:pt>
                <c:pt idx="1292">
                  <c:v>81.506322557763127</c:v>
                </c:pt>
                <c:pt idx="1293">
                  <c:v>81.471797910430226</c:v>
                </c:pt>
                <c:pt idx="1294">
                  <c:v>81.435839389142899</c:v>
                </c:pt>
                <c:pt idx="1295">
                  <c:v>81.401265605942399</c:v>
                </c:pt>
                <c:pt idx="1296">
                  <c:v>81.366740958609512</c:v>
                </c:pt>
                <c:pt idx="1297">
                  <c:v>81.330737768351639</c:v>
                </c:pt>
                <c:pt idx="1298">
                  <c:v>81.296905490062159</c:v>
                </c:pt>
                <c:pt idx="1299">
                  <c:v>81.261639337818252</c:v>
                </c:pt>
                <c:pt idx="1300">
                  <c:v>81.226373185574346</c:v>
                </c:pt>
                <c:pt idx="1301">
                  <c:v>81.190414664287005</c:v>
                </c:pt>
                <c:pt idx="1302">
                  <c:v>81.155890016954118</c:v>
                </c:pt>
                <c:pt idx="1303">
                  <c:v>81.121316233753618</c:v>
                </c:pt>
                <c:pt idx="1304">
                  <c:v>81.086054548406764</c:v>
                </c:pt>
                <c:pt idx="1305">
                  <c:v>81.051529901073877</c:v>
                </c:pt>
                <c:pt idx="1306">
                  <c:v>81.016956117873377</c:v>
                </c:pt>
                <c:pt idx="1307">
                  <c:v>80.98243147054049</c:v>
                </c:pt>
                <c:pt idx="1308">
                  <c:v>80.94785768733999</c:v>
                </c:pt>
                <c:pt idx="1309">
                  <c:v>80.913283904139504</c:v>
                </c:pt>
                <c:pt idx="1310">
                  <c:v>80.878763723703656</c:v>
                </c:pt>
                <c:pt idx="1311">
                  <c:v>80.844189940503171</c:v>
                </c:pt>
                <c:pt idx="1312">
                  <c:v>80.810357662213704</c:v>
                </c:pt>
                <c:pt idx="1313">
                  <c:v>80.77578387901319</c:v>
                </c:pt>
                <c:pt idx="1314">
                  <c:v>80.741259231680303</c:v>
                </c:pt>
                <c:pt idx="1315">
                  <c:v>80.706685448479817</c:v>
                </c:pt>
                <c:pt idx="1316">
                  <c:v>80.67211613217637</c:v>
                </c:pt>
                <c:pt idx="1317">
                  <c:v>80.638283853886918</c:v>
                </c:pt>
                <c:pt idx="1318">
                  <c:v>80.603759206554017</c:v>
                </c:pt>
                <c:pt idx="1319">
                  <c:v>80.569877792396952</c:v>
                </c:pt>
                <c:pt idx="1320">
                  <c:v>80.536045514107471</c:v>
                </c:pt>
                <c:pt idx="1321">
                  <c:v>80.502217702715043</c:v>
                </c:pt>
                <c:pt idx="1322">
                  <c:v>80.468336288557978</c:v>
                </c:pt>
                <c:pt idx="1323">
                  <c:v>80.433811641225077</c:v>
                </c:pt>
                <c:pt idx="1324">
                  <c:v>80.400671731979031</c:v>
                </c:pt>
                <c:pt idx="1325">
                  <c:v>80.366097948778545</c:v>
                </c:pt>
                <c:pt idx="1326">
                  <c:v>80.332962506429539</c:v>
                </c:pt>
                <c:pt idx="1327">
                  <c:v>80.299822597183507</c:v>
                </c:pt>
                <c:pt idx="1328">
                  <c:v>80.267375056980853</c:v>
                </c:pt>
                <c:pt idx="1329">
                  <c:v>80.233542778691387</c:v>
                </c:pt>
                <c:pt idx="1330">
                  <c:v>80.20040733634238</c:v>
                </c:pt>
                <c:pt idx="1331">
                  <c:v>80.166525922185315</c:v>
                </c:pt>
                <c:pt idx="1332">
                  <c:v>80.133386012939269</c:v>
                </c:pt>
                <c:pt idx="1333">
                  <c:v>80.099553734649788</c:v>
                </c:pt>
                <c:pt idx="1334">
                  <c:v>80.066418292300796</c:v>
                </c:pt>
                <c:pt idx="1335">
                  <c:v>80.033970752098156</c:v>
                </c:pt>
                <c:pt idx="1336">
                  <c:v>80.00083084285211</c:v>
                </c:pt>
                <c:pt idx="1337">
                  <c:v>79.968383302649485</c:v>
                </c:pt>
                <c:pt idx="1338">
                  <c:v>79.934555491257058</c:v>
                </c:pt>
                <c:pt idx="1339">
                  <c:v>79.901415582011012</c:v>
                </c:pt>
                <c:pt idx="1340">
                  <c:v>79.868968041808373</c:v>
                </c:pt>
                <c:pt idx="1341">
                  <c:v>79.836520501605747</c:v>
                </c:pt>
                <c:pt idx="1342">
                  <c:v>79.80269269021332</c:v>
                </c:pt>
                <c:pt idx="1343">
                  <c:v>79.770245150010695</c:v>
                </c:pt>
                <c:pt idx="1344">
                  <c:v>79.737797609808055</c:v>
                </c:pt>
                <c:pt idx="1345">
                  <c:v>79.704657700562009</c:v>
                </c:pt>
                <c:pt idx="1346">
                  <c:v>79.672214627256437</c:v>
                </c:pt>
                <c:pt idx="1347">
                  <c:v>79.639074718010377</c:v>
                </c:pt>
                <c:pt idx="1348">
                  <c:v>79.607319546851173</c:v>
                </c:pt>
                <c:pt idx="1349">
                  <c:v>79.574179637605113</c:v>
                </c:pt>
                <c:pt idx="1350">
                  <c:v>79.543170438253981</c:v>
                </c:pt>
                <c:pt idx="1351">
                  <c:v>79.510030529007921</c:v>
                </c:pt>
                <c:pt idx="1352">
                  <c:v>79.477582988805281</c:v>
                </c:pt>
                <c:pt idx="1353">
                  <c:v>79.445139915499723</c:v>
                </c:pt>
                <c:pt idx="1354">
                  <c:v>79.412692375297084</c:v>
                </c:pt>
                <c:pt idx="1355">
                  <c:v>79.380293970962043</c:v>
                </c:pt>
                <c:pt idx="1356">
                  <c:v>79.347846430759418</c:v>
                </c:pt>
                <c:pt idx="1357">
                  <c:v>79.315403357453846</c:v>
                </c:pt>
                <c:pt idx="1358">
                  <c:v>79.282955817251207</c:v>
                </c:pt>
                <c:pt idx="1359">
                  <c:v>79.251249781959586</c:v>
                </c:pt>
                <c:pt idx="1360">
                  <c:v>79.218806708654029</c:v>
                </c:pt>
                <c:pt idx="1361">
                  <c:v>79.18705153749481</c:v>
                </c:pt>
                <c:pt idx="1362">
                  <c:v>79.15391162824875</c:v>
                </c:pt>
                <c:pt idx="1363">
                  <c:v>79.121464088046125</c:v>
                </c:pt>
                <c:pt idx="1364">
                  <c:v>79.089021014740553</c:v>
                </c:pt>
                <c:pt idx="1365">
                  <c:v>79.055881105494478</c:v>
                </c:pt>
                <c:pt idx="1366">
                  <c:v>79.024175070202872</c:v>
                </c:pt>
                <c:pt idx="1367">
                  <c:v>78.991727530000247</c:v>
                </c:pt>
                <c:pt idx="1368">
                  <c:v>78.959976825738082</c:v>
                </c:pt>
                <c:pt idx="1369">
                  <c:v>78.928270790446476</c:v>
                </c:pt>
                <c:pt idx="1370">
                  <c:v>78.895823250243851</c:v>
                </c:pt>
                <c:pt idx="1371">
                  <c:v>78.863380176938264</c:v>
                </c:pt>
                <c:pt idx="1372">
                  <c:v>78.830240267692204</c:v>
                </c:pt>
                <c:pt idx="1373">
                  <c:v>78.797792727489579</c:v>
                </c:pt>
                <c:pt idx="1374">
                  <c:v>78.765394323154538</c:v>
                </c:pt>
                <c:pt idx="1375">
                  <c:v>78.732951249848966</c:v>
                </c:pt>
                <c:pt idx="1376">
                  <c:v>78.69981134060292</c:v>
                </c:pt>
                <c:pt idx="1377">
                  <c:v>78.667363800400281</c:v>
                </c:pt>
                <c:pt idx="1378">
                  <c:v>78.63561309613813</c:v>
                </c:pt>
                <c:pt idx="1379">
                  <c:v>78.60316555593549</c:v>
                </c:pt>
                <c:pt idx="1380">
                  <c:v>78.571459520643884</c:v>
                </c:pt>
                <c:pt idx="1381">
                  <c:v>78.539011980441245</c:v>
                </c:pt>
                <c:pt idx="1382">
                  <c:v>78.507261276179079</c:v>
                </c:pt>
                <c:pt idx="1383">
                  <c:v>78.474121366933048</c:v>
                </c:pt>
                <c:pt idx="1384">
                  <c:v>78.441722962598007</c:v>
                </c:pt>
                <c:pt idx="1385">
                  <c:v>78.409279889292421</c:v>
                </c:pt>
                <c:pt idx="1386">
                  <c:v>78.376832349089796</c:v>
                </c:pt>
                <c:pt idx="1387">
                  <c:v>78.343692439843736</c:v>
                </c:pt>
                <c:pt idx="1388">
                  <c:v>78.311937268684531</c:v>
                </c:pt>
                <c:pt idx="1389">
                  <c:v>78.279494195378959</c:v>
                </c:pt>
                <c:pt idx="1390">
                  <c:v>78.247095791043918</c:v>
                </c:pt>
                <c:pt idx="1391">
                  <c:v>78.214648250841293</c:v>
                </c:pt>
                <c:pt idx="1392">
                  <c:v>78.181512808492286</c:v>
                </c:pt>
                <c:pt idx="1393">
                  <c:v>78.149065268289647</c:v>
                </c:pt>
                <c:pt idx="1394">
                  <c:v>78.116617728087022</c:v>
                </c:pt>
                <c:pt idx="1395">
                  <c:v>78.084170187884396</c:v>
                </c:pt>
                <c:pt idx="1396">
                  <c:v>78.053160988533264</c:v>
                </c:pt>
                <c:pt idx="1397">
                  <c:v>78.020713448330611</c:v>
                </c:pt>
                <c:pt idx="1398">
                  <c:v>77.989007413039019</c:v>
                </c:pt>
                <c:pt idx="1399">
                  <c:v>77.956564339733433</c:v>
                </c:pt>
                <c:pt idx="1400">
                  <c:v>77.922682925576353</c:v>
                </c:pt>
                <c:pt idx="1401">
                  <c:v>77.890976890284747</c:v>
                </c:pt>
                <c:pt idx="1402">
                  <c:v>77.859221719125543</c:v>
                </c:pt>
                <c:pt idx="1403">
                  <c:v>77.827520150730962</c:v>
                </c:pt>
                <c:pt idx="1404">
                  <c:v>77.79438024148493</c:v>
                </c:pt>
                <c:pt idx="1405">
                  <c:v>77.762625070325726</c:v>
                </c:pt>
                <c:pt idx="1406">
                  <c:v>77.730181997020139</c:v>
                </c:pt>
                <c:pt idx="1407">
                  <c:v>77.698475961728519</c:v>
                </c:pt>
                <c:pt idx="1408">
                  <c:v>77.666720790569315</c:v>
                </c:pt>
                <c:pt idx="1409">
                  <c:v>77.635019222174762</c:v>
                </c:pt>
                <c:pt idx="1410">
                  <c:v>77.602571681972137</c:v>
                </c:pt>
                <c:pt idx="1411">
                  <c:v>77.570124141769483</c:v>
                </c:pt>
                <c:pt idx="1412">
                  <c:v>77.538368970610279</c:v>
                </c:pt>
                <c:pt idx="1413">
                  <c:v>77.505975033172305</c:v>
                </c:pt>
                <c:pt idx="1414">
                  <c:v>77.474219862013101</c:v>
                </c:pt>
                <c:pt idx="1415">
                  <c:v>77.443206195764887</c:v>
                </c:pt>
                <c:pt idx="1416">
                  <c:v>77.410763122459315</c:v>
                </c:pt>
                <c:pt idx="1417">
                  <c:v>77.37900795130011</c:v>
                </c:pt>
                <c:pt idx="1418">
                  <c:v>77.34730191600849</c:v>
                </c:pt>
                <c:pt idx="1419">
                  <c:v>77.315551211746339</c:v>
                </c:pt>
                <c:pt idx="1420">
                  <c:v>77.283103671543714</c:v>
                </c:pt>
                <c:pt idx="1421">
                  <c:v>77.251397636252094</c:v>
                </c:pt>
                <c:pt idx="1422">
                  <c:v>77.220334834136295</c:v>
                </c:pt>
                <c:pt idx="1423">
                  <c:v>77.188633265741728</c:v>
                </c:pt>
                <c:pt idx="1424">
                  <c:v>77.156185725539103</c:v>
                </c:pt>
                <c:pt idx="1425">
                  <c:v>77.123738185336478</c:v>
                </c:pt>
                <c:pt idx="1426">
                  <c:v>77.091295112030906</c:v>
                </c:pt>
                <c:pt idx="1427">
                  <c:v>77.058896707695865</c:v>
                </c:pt>
                <c:pt idx="1428">
                  <c:v>77.027833905580067</c:v>
                </c:pt>
                <c:pt idx="1429">
                  <c:v>76.995390832274495</c:v>
                </c:pt>
                <c:pt idx="1430">
                  <c:v>76.963684796982889</c:v>
                </c:pt>
                <c:pt idx="1431">
                  <c:v>76.93123725678025</c:v>
                </c:pt>
                <c:pt idx="1432">
                  <c:v>76.899535688385697</c:v>
                </c:pt>
                <c:pt idx="1433">
                  <c:v>76.867780517226478</c:v>
                </c:pt>
                <c:pt idx="1434">
                  <c:v>76.836025346067274</c:v>
                </c:pt>
                <c:pt idx="1435">
                  <c:v>76.803626941732233</c:v>
                </c:pt>
                <c:pt idx="1436">
                  <c:v>76.771183868426661</c:v>
                </c:pt>
                <c:pt idx="1437">
                  <c:v>76.739428697267456</c:v>
                </c:pt>
                <c:pt idx="1438">
                  <c:v>76.706981157064831</c:v>
                </c:pt>
                <c:pt idx="1439">
                  <c:v>76.674587219626829</c:v>
                </c:pt>
                <c:pt idx="1440">
                  <c:v>76.642832048467625</c:v>
                </c:pt>
                <c:pt idx="1441">
                  <c:v>76.61107687730842</c:v>
                </c:pt>
                <c:pt idx="1442">
                  <c:v>76.578678472973365</c:v>
                </c:pt>
                <c:pt idx="1443">
                  <c:v>76.546235399667808</c:v>
                </c:pt>
                <c:pt idx="1444">
                  <c:v>76.513787859465182</c:v>
                </c:pt>
                <c:pt idx="1445">
                  <c:v>76.481340319262529</c:v>
                </c:pt>
                <c:pt idx="1446">
                  <c:v>76.448897245956957</c:v>
                </c:pt>
                <c:pt idx="1447">
                  <c:v>76.416449705754331</c:v>
                </c:pt>
                <c:pt idx="1448">
                  <c:v>76.384743670462711</c:v>
                </c:pt>
                <c:pt idx="1449">
                  <c:v>76.352296130260072</c:v>
                </c:pt>
                <c:pt idx="1450">
                  <c:v>76.319160687911094</c:v>
                </c:pt>
                <c:pt idx="1451">
                  <c:v>76.287405516751889</c:v>
                </c:pt>
                <c:pt idx="1452">
                  <c:v>76.255007112416834</c:v>
                </c:pt>
                <c:pt idx="1453">
                  <c:v>76.222564039111262</c:v>
                </c:pt>
                <c:pt idx="1454">
                  <c:v>76.189424129865202</c:v>
                </c:pt>
                <c:pt idx="1455">
                  <c:v>76.156976589662577</c:v>
                </c:pt>
                <c:pt idx="1456">
                  <c:v>76.123836680416517</c:v>
                </c:pt>
                <c:pt idx="1457">
                  <c:v>76.091393607110945</c:v>
                </c:pt>
                <c:pt idx="1458">
                  <c:v>76.058946066908319</c:v>
                </c:pt>
                <c:pt idx="1459">
                  <c:v>76.025806157662274</c:v>
                </c:pt>
                <c:pt idx="1460">
                  <c:v>75.993358617459634</c:v>
                </c:pt>
                <c:pt idx="1461">
                  <c:v>75.960223175110627</c:v>
                </c:pt>
                <c:pt idx="1462">
                  <c:v>75.927775634908002</c:v>
                </c:pt>
                <c:pt idx="1463">
                  <c:v>75.894635725661942</c:v>
                </c:pt>
                <c:pt idx="1464">
                  <c:v>75.862188185459317</c:v>
                </c:pt>
                <c:pt idx="1465">
                  <c:v>75.82905274311031</c:v>
                </c:pt>
                <c:pt idx="1466">
                  <c:v>75.796654338775284</c:v>
                </c:pt>
                <c:pt idx="1467">
                  <c:v>75.764206798572658</c:v>
                </c:pt>
                <c:pt idx="1468">
                  <c:v>75.730325384415593</c:v>
                </c:pt>
                <c:pt idx="1469">
                  <c:v>75.697931446977606</c:v>
                </c:pt>
                <c:pt idx="1470">
                  <c:v>75.66548390677498</c:v>
                </c:pt>
                <c:pt idx="1471">
                  <c:v>75.63234399752892</c:v>
                </c:pt>
                <c:pt idx="1472">
                  <c:v>75.599900924223334</c:v>
                </c:pt>
                <c:pt idx="1473">
                  <c:v>75.567453384020709</c:v>
                </c:pt>
                <c:pt idx="1474">
                  <c:v>75.534313474774649</c:v>
                </c:pt>
                <c:pt idx="1475">
                  <c:v>75.501865934572024</c:v>
                </c:pt>
                <c:pt idx="1476">
                  <c:v>75.468730492223017</c:v>
                </c:pt>
                <c:pt idx="1477">
                  <c:v>75.436282952020392</c:v>
                </c:pt>
                <c:pt idx="1478">
                  <c:v>75.403143042774346</c:v>
                </c:pt>
                <c:pt idx="1479">
                  <c:v>75.3700031335283</c:v>
                </c:pt>
                <c:pt idx="1480">
                  <c:v>75.337560060222714</c:v>
                </c:pt>
                <c:pt idx="1481">
                  <c:v>75.305112520020074</c:v>
                </c:pt>
                <c:pt idx="1482">
                  <c:v>75.271972610774014</c:v>
                </c:pt>
                <c:pt idx="1483">
                  <c:v>75.239574206438988</c:v>
                </c:pt>
                <c:pt idx="1484">
                  <c:v>75.207131133133416</c:v>
                </c:pt>
                <c:pt idx="1485">
                  <c:v>75.174683592930776</c:v>
                </c:pt>
                <c:pt idx="1486">
                  <c:v>75.142236052728151</c:v>
                </c:pt>
                <c:pt idx="1487">
                  <c:v>75.109096143482105</c:v>
                </c:pt>
                <c:pt idx="1488">
                  <c:v>75.076653070176519</c:v>
                </c:pt>
                <c:pt idx="1489">
                  <c:v>75.04420552997388</c:v>
                </c:pt>
                <c:pt idx="1490">
                  <c:v>75.011807125638867</c:v>
                </c:pt>
                <c:pt idx="1491">
                  <c:v>74.979364052333281</c:v>
                </c:pt>
                <c:pt idx="1492">
                  <c:v>74.946224143087221</c:v>
                </c:pt>
                <c:pt idx="1493">
                  <c:v>74.914468971928017</c:v>
                </c:pt>
                <c:pt idx="1494">
                  <c:v>74.882713800768812</c:v>
                </c:pt>
                <c:pt idx="1495">
                  <c:v>74.85031986333081</c:v>
                </c:pt>
                <c:pt idx="1496">
                  <c:v>74.817179954084779</c:v>
                </c:pt>
                <c:pt idx="1497">
                  <c:v>74.78542478292556</c:v>
                </c:pt>
                <c:pt idx="1498">
                  <c:v>74.752289340576567</c:v>
                </c:pt>
                <c:pt idx="1499">
                  <c:v>74.720534169417348</c:v>
                </c:pt>
                <c:pt idx="1500">
                  <c:v>74.688135765082322</c:v>
                </c:pt>
                <c:pt idx="1501">
                  <c:v>74.655688224879682</c:v>
                </c:pt>
                <c:pt idx="1502">
                  <c:v>74.623937520617517</c:v>
                </c:pt>
                <c:pt idx="1503">
                  <c:v>74.591489980414892</c:v>
                </c:pt>
                <c:pt idx="1504">
                  <c:v>74.559091576079851</c:v>
                </c:pt>
                <c:pt idx="1505">
                  <c:v>74.525906997863274</c:v>
                </c:pt>
                <c:pt idx="1506">
                  <c:v>74.494200962571654</c:v>
                </c:pt>
                <c:pt idx="1507">
                  <c:v>74.463187296323468</c:v>
                </c:pt>
                <c:pt idx="1508">
                  <c:v>74.430744223017882</c:v>
                </c:pt>
                <c:pt idx="1509">
                  <c:v>74.398296682815243</c:v>
                </c:pt>
                <c:pt idx="1510">
                  <c:v>74.366541511656038</c:v>
                </c:pt>
                <c:pt idx="1511">
                  <c:v>74.334143107321012</c:v>
                </c:pt>
                <c:pt idx="1512">
                  <c:v>74.301700034015425</c:v>
                </c:pt>
                <c:pt idx="1513">
                  <c:v>74.2692524938128</c:v>
                </c:pt>
                <c:pt idx="1514">
                  <c:v>74.236804953610175</c:v>
                </c:pt>
                <c:pt idx="1515">
                  <c:v>74.205103385215594</c:v>
                </c:pt>
                <c:pt idx="1516">
                  <c:v>74.173348214056389</c:v>
                </c:pt>
                <c:pt idx="1517">
                  <c:v>74.140900673853764</c:v>
                </c:pt>
                <c:pt idx="1518">
                  <c:v>74.108453133651125</c:v>
                </c:pt>
                <c:pt idx="1519">
                  <c:v>74.076751565256572</c:v>
                </c:pt>
                <c:pt idx="1520">
                  <c:v>74.043611656010526</c:v>
                </c:pt>
                <c:pt idx="1521">
                  <c:v>74.011856484851307</c:v>
                </c:pt>
                <c:pt idx="1522">
                  <c:v>73.98015491645674</c:v>
                </c:pt>
                <c:pt idx="1523">
                  <c:v>73.948399745297536</c:v>
                </c:pt>
                <c:pt idx="1524">
                  <c:v>73.915952205094896</c:v>
                </c:pt>
                <c:pt idx="1525">
                  <c:v>73.882812295848851</c:v>
                </c:pt>
                <c:pt idx="1526">
                  <c:v>73.850369222543264</c:v>
                </c:pt>
                <c:pt idx="1527">
                  <c:v>73.817921682340653</c:v>
                </c:pt>
                <c:pt idx="1528">
                  <c:v>73.785523278005599</c:v>
                </c:pt>
                <c:pt idx="1529">
                  <c:v>73.753080204700026</c:v>
                </c:pt>
                <c:pt idx="1530">
                  <c:v>73.721325033540822</c:v>
                </c:pt>
                <c:pt idx="1531">
                  <c:v>73.688877493338197</c:v>
                </c:pt>
                <c:pt idx="1532">
                  <c:v>73.656479089003142</c:v>
                </c:pt>
                <c:pt idx="1533">
                  <c:v>73.624036015697584</c:v>
                </c:pt>
                <c:pt idx="1534">
                  <c:v>73.592973213581786</c:v>
                </c:pt>
                <c:pt idx="1535">
                  <c:v>73.55983330433574</c:v>
                </c:pt>
                <c:pt idx="1536">
                  <c:v>73.527439366897752</c:v>
                </c:pt>
                <c:pt idx="1537">
                  <c:v>73.495684195738548</c:v>
                </c:pt>
                <c:pt idx="1538">
                  <c:v>73.463929024579329</c:v>
                </c:pt>
                <c:pt idx="1539">
                  <c:v>73.431535087141341</c:v>
                </c:pt>
                <c:pt idx="1540">
                  <c:v>73.39908754693873</c:v>
                </c:pt>
                <c:pt idx="1541">
                  <c:v>73.366640006736091</c:v>
                </c:pt>
                <c:pt idx="1542">
                  <c:v>73.335626340487906</c:v>
                </c:pt>
                <c:pt idx="1543">
                  <c:v>73.30387563622574</c:v>
                </c:pt>
                <c:pt idx="1544">
                  <c:v>73.271428096023101</c:v>
                </c:pt>
                <c:pt idx="1545">
                  <c:v>73.239722060731495</c:v>
                </c:pt>
                <c:pt idx="1546">
                  <c:v>73.207278987425909</c:v>
                </c:pt>
                <c:pt idx="1547">
                  <c:v>73.17552381626669</c:v>
                </c:pt>
                <c:pt idx="1548">
                  <c:v>73.143817780975084</c:v>
                </c:pt>
                <c:pt idx="1549">
                  <c:v>73.112067076712933</c:v>
                </c:pt>
                <c:pt idx="1550">
                  <c:v>73.080361041421298</c:v>
                </c:pt>
                <c:pt idx="1551">
                  <c:v>73.048605870262094</c:v>
                </c:pt>
                <c:pt idx="1552">
                  <c:v>73.017596670910962</c:v>
                </c:pt>
                <c:pt idx="1553">
                  <c:v>72.985841499751757</c:v>
                </c:pt>
                <c:pt idx="1554">
                  <c:v>72.953393959549132</c:v>
                </c:pt>
                <c:pt idx="1555">
                  <c:v>72.921687924257512</c:v>
                </c:pt>
                <c:pt idx="1556">
                  <c:v>72.890629589038767</c:v>
                </c:pt>
                <c:pt idx="1557">
                  <c:v>72.858923553747161</c:v>
                </c:pt>
                <c:pt idx="1558">
                  <c:v>72.827168382587942</c:v>
                </c:pt>
                <c:pt idx="1559">
                  <c:v>72.796851552280245</c:v>
                </c:pt>
                <c:pt idx="1560">
                  <c:v>72.765837886032045</c:v>
                </c:pt>
                <c:pt idx="1561">
                  <c:v>72.734082714872841</c:v>
                </c:pt>
                <c:pt idx="1562">
                  <c:v>72.702381146478274</c:v>
                </c:pt>
                <c:pt idx="1563">
                  <c:v>72.670625975319055</c:v>
                </c:pt>
                <c:pt idx="1564">
                  <c:v>72.63961230907087</c:v>
                </c:pt>
                <c:pt idx="1565">
                  <c:v>72.608603109719724</c:v>
                </c:pt>
                <c:pt idx="1566">
                  <c:v>72.57754030760394</c:v>
                </c:pt>
                <c:pt idx="1567">
                  <c:v>72.546531108252793</c:v>
                </c:pt>
                <c:pt idx="1568">
                  <c:v>72.515517442004594</c:v>
                </c:pt>
                <c:pt idx="1569">
                  <c:v>72.48445463988881</c:v>
                </c:pt>
                <c:pt idx="1570">
                  <c:v>72.453445440537678</c:v>
                </c:pt>
                <c:pt idx="1571">
                  <c:v>72.423124143332913</c:v>
                </c:pt>
                <c:pt idx="1572">
                  <c:v>72.392110477084714</c:v>
                </c:pt>
                <c:pt idx="1573">
                  <c:v>72.361793646776988</c:v>
                </c:pt>
                <c:pt idx="1574">
                  <c:v>72.331472349572223</c:v>
                </c:pt>
                <c:pt idx="1575">
                  <c:v>72.301155519264498</c:v>
                </c:pt>
                <c:pt idx="1576">
                  <c:v>72.270092717148714</c:v>
                </c:pt>
                <c:pt idx="1577">
                  <c:v>72.239771419943949</c:v>
                </c:pt>
                <c:pt idx="1578">
                  <c:v>72.209454589636223</c:v>
                </c:pt>
                <c:pt idx="1579">
                  <c:v>72.178440923388024</c:v>
                </c:pt>
                <c:pt idx="1580">
                  <c:v>72.148119626183259</c:v>
                </c:pt>
                <c:pt idx="1581">
                  <c:v>72.118495164918954</c:v>
                </c:pt>
                <c:pt idx="1582">
                  <c:v>72.08886623675761</c:v>
                </c:pt>
                <c:pt idx="1583">
                  <c:v>72.057857037406464</c:v>
                </c:pt>
                <c:pt idx="1584">
                  <c:v>72.027535740201685</c:v>
                </c:pt>
                <c:pt idx="1585">
                  <c:v>71.997214442996921</c:v>
                </c:pt>
                <c:pt idx="1586">
                  <c:v>71.96758998173263</c:v>
                </c:pt>
                <c:pt idx="1587">
                  <c:v>71.937961053571286</c:v>
                </c:pt>
                <c:pt idx="1588">
                  <c:v>71.908336592306981</c:v>
                </c:pt>
                <c:pt idx="1589">
                  <c:v>71.878756800013235</c:v>
                </c:pt>
                <c:pt idx="1590">
                  <c:v>71.848439969705495</c:v>
                </c:pt>
                <c:pt idx="1591">
                  <c:v>71.818118672500731</c:v>
                </c:pt>
                <c:pt idx="1592">
                  <c:v>71.787797375295952</c:v>
                </c:pt>
                <c:pt idx="1593">
                  <c:v>71.757431409120642</c:v>
                </c:pt>
                <c:pt idx="1594">
                  <c:v>71.727110111915877</c:v>
                </c:pt>
                <c:pt idx="1595">
                  <c:v>71.697534786519171</c:v>
                </c:pt>
                <c:pt idx="1596">
                  <c:v>71.667213489314392</c:v>
                </c:pt>
                <c:pt idx="1597">
                  <c:v>71.637584561153062</c:v>
                </c:pt>
                <c:pt idx="1598">
                  <c:v>71.607960099888743</c:v>
                </c:pt>
                <c:pt idx="1599">
                  <c:v>71.578331171727399</c:v>
                </c:pt>
                <c:pt idx="1600">
                  <c:v>71.548706710463122</c:v>
                </c:pt>
                <c:pt idx="1601">
                  <c:v>71.519819287212783</c:v>
                </c:pt>
                <c:pt idx="1602">
                  <c:v>71.490194825948478</c:v>
                </c:pt>
                <c:pt idx="1603">
                  <c:v>71.461307402698154</c:v>
                </c:pt>
                <c:pt idx="1604">
                  <c:v>71.432370843580216</c:v>
                </c:pt>
                <c:pt idx="1605">
                  <c:v>71.402054013272505</c:v>
                </c:pt>
                <c:pt idx="1606">
                  <c:v>71.372425085111146</c:v>
                </c:pt>
                <c:pt idx="1607">
                  <c:v>71.343542128757861</c:v>
                </c:pt>
                <c:pt idx="1608">
                  <c:v>71.314605569639937</c:v>
                </c:pt>
                <c:pt idx="1609">
                  <c:v>71.284288739332226</c:v>
                </c:pt>
                <c:pt idx="1610">
                  <c:v>71.256093685125293</c:v>
                </c:pt>
                <c:pt idx="1611">
                  <c:v>71.226469223861002</c:v>
                </c:pt>
                <c:pt idx="1612">
                  <c:v>71.197532664743079</c:v>
                </c:pt>
                <c:pt idx="1613">
                  <c:v>71.169337610536161</c:v>
                </c:pt>
                <c:pt idx="1614">
                  <c:v>71.13971314927187</c:v>
                </c:pt>
                <c:pt idx="1615">
                  <c:v>71.110825726021531</c:v>
                </c:pt>
                <c:pt idx="1616">
                  <c:v>71.080508895713805</c:v>
                </c:pt>
                <c:pt idx="1617">
                  <c:v>71.052264705639303</c:v>
                </c:pt>
                <c:pt idx="1618">
                  <c:v>71.023381749286031</c:v>
                </c:pt>
                <c:pt idx="1619">
                  <c:v>70.994445190168094</c:v>
                </c:pt>
                <c:pt idx="1620">
                  <c:v>70.966254602858243</c:v>
                </c:pt>
                <c:pt idx="1621">
                  <c:v>70.937367179607904</c:v>
                </c:pt>
                <c:pt idx="1622">
                  <c:v>70.909868961341473</c:v>
                </c:pt>
                <c:pt idx="1623">
                  <c:v>70.880932402223536</c:v>
                </c:pt>
                <c:pt idx="1624">
                  <c:v>70.853434183957091</c:v>
                </c:pt>
                <c:pt idx="1625">
                  <c:v>70.824497624839168</c:v>
                </c:pt>
                <c:pt idx="1626">
                  <c:v>70.796307037529317</c:v>
                </c:pt>
                <c:pt idx="1627">
                  <c:v>70.768111983322399</c:v>
                </c:pt>
                <c:pt idx="1628">
                  <c:v>70.739179891101529</c:v>
                </c:pt>
                <c:pt idx="1629">
                  <c:v>70.71241871084905</c:v>
                </c:pt>
                <c:pt idx="1630">
                  <c:v>70.684178987671586</c:v>
                </c:pt>
                <c:pt idx="1631">
                  <c:v>70.655983933464682</c:v>
                </c:pt>
                <c:pt idx="1632">
                  <c:v>70.627793346154817</c:v>
                </c:pt>
                <c:pt idx="1633">
                  <c:v>70.600290660991334</c:v>
                </c:pt>
                <c:pt idx="1634">
                  <c:v>70.572792442724889</c:v>
                </c:pt>
                <c:pt idx="1635">
                  <c:v>70.545289757561406</c:v>
                </c:pt>
                <c:pt idx="1636">
                  <c:v>70.517050034383942</c:v>
                </c:pt>
                <c:pt idx="1637">
                  <c:v>70.490288854131478</c:v>
                </c:pt>
                <c:pt idx="1638">
                  <c:v>70.462790635865034</c:v>
                </c:pt>
                <c:pt idx="1639">
                  <c:v>70.435292417598589</c:v>
                </c:pt>
                <c:pt idx="1640">
                  <c:v>70.408482101478526</c:v>
                </c:pt>
                <c:pt idx="1641">
                  <c:v>70.380983883212096</c:v>
                </c:pt>
                <c:pt idx="1642">
                  <c:v>70.354173567092019</c:v>
                </c:pt>
                <c:pt idx="1643">
                  <c:v>70.327367717868995</c:v>
                </c:pt>
                <c:pt idx="1644">
                  <c:v>70.299865032705512</c:v>
                </c:pt>
                <c:pt idx="1645">
                  <c:v>70.273800688393507</c:v>
                </c:pt>
                <c:pt idx="1646">
                  <c:v>70.246994839170483</c:v>
                </c:pt>
                <c:pt idx="1647">
                  <c:v>70.22018452305042</c:v>
                </c:pt>
                <c:pt idx="1648">
                  <c:v>70.194120178738416</c:v>
                </c:pt>
                <c:pt idx="1649">
                  <c:v>70.167309862618353</c:v>
                </c:pt>
                <c:pt idx="1650">
                  <c:v>70.14119638243875</c:v>
                </c:pt>
                <c:pt idx="1651">
                  <c:v>70.11582440717018</c:v>
                </c:pt>
                <c:pt idx="1652">
                  <c:v>70.089755595961122</c:v>
                </c:pt>
                <c:pt idx="1653">
                  <c:v>70.063642115781533</c:v>
                </c:pt>
                <c:pt idx="1654">
                  <c:v>70.037573304572476</c:v>
                </c:pt>
                <c:pt idx="1655">
                  <c:v>70.012152193436293</c:v>
                </c:pt>
                <c:pt idx="1656">
                  <c:v>69.986087849124303</c:v>
                </c:pt>
                <c:pt idx="1657">
                  <c:v>69.959969902047661</c:v>
                </c:pt>
                <c:pt idx="1658">
                  <c:v>69.934597926779077</c:v>
                </c:pt>
                <c:pt idx="1659">
                  <c:v>69.909225951510507</c:v>
                </c:pt>
                <c:pt idx="1660">
                  <c:v>69.88384950934487</c:v>
                </c:pt>
                <c:pt idx="1661">
                  <c:v>69.858428398208687</c:v>
                </c:pt>
                <c:pt idx="1662">
                  <c:v>69.833056422940103</c:v>
                </c:pt>
                <c:pt idx="1663">
                  <c:v>69.807679980774481</c:v>
                </c:pt>
                <c:pt idx="1664">
                  <c:v>69.782308005505897</c:v>
                </c:pt>
                <c:pt idx="1665">
                  <c:v>69.756886894369728</c:v>
                </c:pt>
                <c:pt idx="1666">
                  <c:v>69.732202821247512</c:v>
                </c:pt>
                <c:pt idx="1667">
                  <c:v>69.707523215022363</c:v>
                </c:pt>
                <c:pt idx="1668">
                  <c:v>69.682151239753779</c:v>
                </c:pt>
                <c:pt idx="1669">
                  <c:v>69.658159535674997</c:v>
                </c:pt>
                <c:pt idx="1670">
                  <c:v>69.633479929449834</c:v>
                </c:pt>
                <c:pt idx="1671">
                  <c:v>69.60954182813569</c:v>
                </c:pt>
                <c:pt idx="1672">
                  <c:v>69.584857755013488</c:v>
                </c:pt>
                <c:pt idx="1673">
                  <c:v>69.560178148788339</c:v>
                </c:pt>
                <c:pt idx="1674">
                  <c:v>69.535498542563161</c:v>
                </c:pt>
                <c:pt idx="1675">
                  <c:v>69.510818936337998</c:v>
                </c:pt>
                <c:pt idx="1676">
                  <c:v>69.486134863215796</c:v>
                </c:pt>
                <c:pt idx="1677">
                  <c:v>69.462839995077488</c:v>
                </c:pt>
                <c:pt idx="1678">
                  <c:v>69.438160388852324</c:v>
                </c:pt>
                <c:pt idx="1679">
                  <c:v>69.414910189684548</c:v>
                </c:pt>
                <c:pt idx="1680">
                  <c:v>69.39161532154624</c:v>
                </c:pt>
                <c:pt idx="1681">
                  <c:v>69.366935715321077</c:v>
                </c:pt>
                <c:pt idx="1682">
                  <c:v>69.342948478139348</c:v>
                </c:pt>
                <c:pt idx="1683">
                  <c:v>69.319005909928151</c:v>
                </c:pt>
                <c:pt idx="1684">
                  <c:v>69.295711041789843</c:v>
                </c:pt>
                <c:pt idx="1685">
                  <c:v>69.27246530951912</c:v>
                </c:pt>
                <c:pt idx="1686">
                  <c:v>69.249170441380798</c:v>
                </c:pt>
                <c:pt idx="1687">
                  <c:v>69.226612611256442</c:v>
                </c:pt>
                <c:pt idx="1688">
                  <c:v>69.203366878985733</c:v>
                </c:pt>
                <c:pt idx="1689">
                  <c:v>69.180072010847411</c:v>
                </c:pt>
                <c:pt idx="1690">
                  <c:v>69.156826278576702</c:v>
                </c:pt>
                <c:pt idx="1691">
                  <c:v>69.134219312584761</c:v>
                </c:pt>
                <c:pt idx="1692">
                  <c:v>69.111665949357459</c:v>
                </c:pt>
                <c:pt idx="1693">
                  <c:v>69.089112586130156</c:v>
                </c:pt>
                <c:pt idx="1694">
                  <c:v>69.065817717991834</c:v>
                </c:pt>
                <c:pt idx="1695">
                  <c:v>69.043264354764545</c:v>
                </c:pt>
                <c:pt idx="1696">
                  <c:v>69.020710991537243</c:v>
                </c:pt>
                <c:pt idx="1697">
                  <c:v>68.998845530456322</c:v>
                </c:pt>
                <c:pt idx="1698">
                  <c:v>68.975599798185598</c:v>
                </c:pt>
                <c:pt idx="1699">
                  <c:v>68.952997299090697</c:v>
                </c:pt>
                <c:pt idx="1700">
                  <c:v>68.930443935863408</c:v>
                </c:pt>
                <c:pt idx="1701">
                  <c:v>68.908582941679526</c:v>
                </c:pt>
                <c:pt idx="1702">
                  <c:v>68.887409849642012</c:v>
                </c:pt>
                <c:pt idx="1703">
                  <c:v>68.864856486414709</c:v>
                </c:pt>
                <c:pt idx="1704">
                  <c:v>68.842995492230841</c:v>
                </c:pt>
                <c:pt idx="1705">
                  <c:v>68.820442129003538</c:v>
                </c:pt>
                <c:pt idx="1706">
                  <c:v>68.799273503863091</c:v>
                </c:pt>
                <c:pt idx="1707">
                  <c:v>68.777412509679209</c:v>
                </c:pt>
                <c:pt idx="1708">
                  <c:v>68.756293020406346</c:v>
                </c:pt>
                <c:pt idx="1709">
                  <c:v>68.734427559325411</c:v>
                </c:pt>
                <c:pt idx="1710">
                  <c:v>68.712566565141543</c:v>
                </c:pt>
                <c:pt idx="1711">
                  <c:v>68.690705570957661</c:v>
                </c:pt>
                <c:pt idx="1712">
                  <c:v>68.669536945817214</c:v>
                </c:pt>
                <c:pt idx="1713">
                  <c:v>68.649109825587772</c:v>
                </c:pt>
                <c:pt idx="1714">
                  <c:v>68.628633569490745</c:v>
                </c:pt>
                <c:pt idx="1715">
                  <c:v>68.607464944350284</c:v>
                </c:pt>
                <c:pt idx="1716">
                  <c:v>68.586340988180368</c:v>
                </c:pt>
                <c:pt idx="1717">
                  <c:v>68.565864732083341</c:v>
                </c:pt>
                <c:pt idx="1718">
                  <c:v>68.545437611853899</c:v>
                </c:pt>
                <c:pt idx="1719">
                  <c:v>68.524961355756858</c:v>
                </c:pt>
                <c:pt idx="1720">
                  <c:v>68.50453423552743</c:v>
                </c:pt>
                <c:pt idx="1721">
                  <c:v>68.484057979430389</c:v>
                </c:pt>
                <c:pt idx="1722">
                  <c:v>68.463630859200947</c:v>
                </c:pt>
                <c:pt idx="1723">
                  <c:v>68.44389610801494</c:v>
                </c:pt>
                <c:pt idx="1724">
                  <c:v>68.424853725872339</c:v>
                </c:pt>
                <c:pt idx="1725">
                  <c:v>68.404377469775298</c:v>
                </c:pt>
                <c:pt idx="1726">
                  <c:v>68.38395034954587</c:v>
                </c:pt>
                <c:pt idx="1727">
                  <c:v>68.364907967403269</c:v>
                </c:pt>
                <c:pt idx="1728">
                  <c:v>68.345173216217248</c:v>
                </c:pt>
                <c:pt idx="1729">
                  <c:v>68.326130834074661</c:v>
                </c:pt>
                <c:pt idx="1730">
                  <c:v>68.306396082888639</c:v>
                </c:pt>
                <c:pt idx="1731">
                  <c:v>68.287353700746038</c:v>
                </c:pt>
                <c:pt idx="1732">
                  <c:v>68.267618949560031</c:v>
                </c:pt>
                <c:pt idx="1733">
                  <c:v>68.249268936460851</c:v>
                </c:pt>
                <c:pt idx="1734">
                  <c:v>68.23022655431825</c:v>
                </c:pt>
                <c:pt idx="1735">
                  <c:v>68.211876541219084</c:v>
                </c:pt>
                <c:pt idx="1736">
                  <c:v>68.192834159076483</c:v>
                </c:pt>
                <c:pt idx="1737">
                  <c:v>68.174533281844901</c:v>
                </c:pt>
                <c:pt idx="1738">
                  <c:v>68.156183268745735</c:v>
                </c:pt>
                <c:pt idx="1739">
                  <c:v>68.137833255646555</c:v>
                </c:pt>
                <c:pt idx="1740">
                  <c:v>68.119532378414974</c:v>
                </c:pt>
                <c:pt idx="1741">
                  <c:v>68.101182365315793</c:v>
                </c:pt>
                <c:pt idx="1742">
                  <c:v>68.082832352216613</c:v>
                </c:pt>
                <c:pt idx="1743">
                  <c:v>68.065223844028466</c:v>
                </c:pt>
                <c:pt idx="1744">
                  <c:v>68.047566199972707</c:v>
                </c:pt>
                <c:pt idx="1745">
                  <c:v>68.029265322741125</c:v>
                </c:pt>
                <c:pt idx="1746">
                  <c:v>68.010915309641945</c:v>
                </c:pt>
                <c:pt idx="1747">
                  <c:v>67.993306801453798</c:v>
                </c:pt>
                <c:pt idx="1748">
                  <c:v>67.976341526441459</c:v>
                </c:pt>
                <c:pt idx="1749">
                  <c:v>67.958733018253312</c:v>
                </c:pt>
                <c:pt idx="1750">
                  <c:v>67.941816879108572</c:v>
                </c:pt>
                <c:pt idx="1751">
                  <c:v>67.924900739963832</c:v>
                </c:pt>
                <c:pt idx="1752">
                  <c:v>67.907989067716144</c:v>
                </c:pt>
                <c:pt idx="1753">
                  <c:v>67.89102379270382</c:v>
                </c:pt>
                <c:pt idx="1754">
                  <c:v>67.872722915472238</c:v>
                </c:pt>
                <c:pt idx="1755">
                  <c:v>67.855757640459899</c:v>
                </c:pt>
                <c:pt idx="1756">
                  <c:v>67.838841501315173</c:v>
                </c:pt>
                <c:pt idx="1757">
                  <c:v>67.821925362170433</c:v>
                </c:pt>
                <c:pt idx="1758">
                  <c:v>67.805701592069127</c:v>
                </c:pt>
                <c:pt idx="1759">
                  <c:v>67.788785452924387</c:v>
                </c:pt>
                <c:pt idx="1760">
                  <c:v>67.772561682823067</c:v>
                </c:pt>
                <c:pt idx="1761">
                  <c:v>67.755645543678327</c:v>
                </c:pt>
                <c:pt idx="1762">
                  <c:v>67.740118609517481</c:v>
                </c:pt>
                <c:pt idx="1763">
                  <c:v>67.723894839416175</c:v>
                </c:pt>
                <c:pt idx="1764">
                  <c:v>67.706978700271435</c:v>
                </c:pt>
                <c:pt idx="1765">
                  <c:v>67.691496435081135</c:v>
                </c:pt>
                <c:pt idx="1766">
                  <c:v>67.67453116006881</c:v>
                </c:pt>
                <c:pt idx="1767">
                  <c:v>67.659048894878509</c:v>
                </c:pt>
                <c:pt idx="1768">
                  <c:v>67.642132755733769</c:v>
                </c:pt>
                <c:pt idx="1769">
                  <c:v>67.626605821572923</c:v>
                </c:pt>
                <c:pt idx="1770">
                  <c:v>67.610382051471618</c:v>
                </c:pt>
                <c:pt idx="1771">
                  <c:v>67.594850650413719</c:v>
                </c:pt>
                <c:pt idx="1772">
                  <c:v>67.578626880312399</c:v>
                </c:pt>
                <c:pt idx="1773">
                  <c:v>67.563144615122113</c:v>
                </c:pt>
                <c:pt idx="1774">
                  <c:v>67.546920845020793</c:v>
                </c:pt>
                <c:pt idx="1775">
                  <c:v>67.531389443962894</c:v>
                </c:pt>
                <c:pt idx="1776">
                  <c:v>67.515170140758627</c:v>
                </c:pt>
                <c:pt idx="1777">
                  <c:v>67.498946370657308</c:v>
                </c:pt>
                <c:pt idx="1778">
                  <c:v>67.483464105467021</c:v>
                </c:pt>
                <c:pt idx="1779">
                  <c:v>67.467932704409122</c:v>
                </c:pt>
                <c:pt idx="1780">
                  <c:v>67.452401303351223</c:v>
                </c:pt>
                <c:pt idx="1781">
                  <c:v>67.436919038160937</c:v>
                </c:pt>
                <c:pt idx="1782">
                  <c:v>67.421392104000091</c:v>
                </c:pt>
                <c:pt idx="1783">
                  <c:v>67.405909838809791</c:v>
                </c:pt>
                <c:pt idx="1784">
                  <c:v>67.390378437751892</c:v>
                </c:pt>
                <c:pt idx="1785">
                  <c:v>67.375539405737413</c:v>
                </c:pt>
                <c:pt idx="1786">
                  <c:v>67.360057140547127</c:v>
                </c:pt>
                <c:pt idx="1787">
                  <c:v>67.344530206386281</c:v>
                </c:pt>
                <c:pt idx="1788">
                  <c:v>67.329047941195981</c:v>
                </c:pt>
                <c:pt idx="1789">
                  <c:v>67.314208909181517</c:v>
                </c:pt>
                <c:pt idx="1790">
                  <c:v>67.299419013034637</c:v>
                </c:pt>
                <c:pt idx="1791">
                  <c:v>67.283887611976738</c:v>
                </c:pt>
                <c:pt idx="1792">
                  <c:v>67.269102182726911</c:v>
                </c:pt>
                <c:pt idx="1793">
                  <c:v>67.253570781669026</c:v>
                </c:pt>
                <c:pt idx="1794">
                  <c:v>67.238780885522146</c:v>
                </c:pt>
                <c:pt idx="1795">
                  <c:v>67.223941853507668</c:v>
                </c:pt>
                <c:pt idx="1796">
                  <c:v>67.209151957360788</c:v>
                </c:pt>
                <c:pt idx="1797">
                  <c:v>67.194317392243377</c:v>
                </c:pt>
                <c:pt idx="1798">
                  <c:v>67.180219865139918</c:v>
                </c:pt>
                <c:pt idx="1799">
                  <c:v>67.165429968993038</c:v>
                </c:pt>
                <c:pt idx="1800">
                  <c:v>67.150590936978574</c:v>
                </c:pt>
                <c:pt idx="1801">
                  <c:v>67.136497876772154</c:v>
                </c:pt>
                <c:pt idx="1802">
                  <c:v>67.122400349668709</c:v>
                </c:pt>
                <c:pt idx="1803">
                  <c:v>67.107610453521829</c:v>
                </c:pt>
                <c:pt idx="1804">
                  <c:v>67.09351292641837</c:v>
                </c:pt>
                <c:pt idx="1805">
                  <c:v>67.079419866211978</c:v>
                </c:pt>
                <c:pt idx="1806">
                  <c:v>67.06527320324092</c:v>
                </c:pt>
                <c:pt idx="1807">
                  <c:v>67.051917181048481</c:v>
                </c:pt>
                <c:pt idx="1808">
                  <c:v>67.037770518077437</c:v>
                </c:pt>
                <c:pt idx="1809">
                  <c:v>67.023677457871017</c:v>
                </c:pt>
                <c:pt idx="1810">
                  <c:v>67.009579930767572</c:v>
                </c:pt>
                <c:pt idx="1811">
                  <c:v>66.996174772707533</c:v>
                </c:pt>
                <c:pt idx="1812">
                  <c:v>66.983511119558514</c:v>
                </c:pt>
                <c:pt idx="1813">
                  <c:v>66.969368923484524</c:v>
                </c:pt>
                <c:pt idx="1814">
                  <c:v>66.95601290129207</c:v>
                </c:pt>
                <c:pt idx="1815">
                  <c:v>66.941866238321026</c:v>
                </c:pt>
                <c:pt idx="1816">
                  <c:v>66.928514683025639</c:v>
                </c:pt>
                <c:pt idx="1817">
                  <c:v>66.914368020054582</c:v>
                </c:pt>
                <c:pt idx="1818">
                  <c:v>66.901704366905562</c:v>
                </c:pt>
                <c:pt idx="1819">
                  <c:v>66.888299208845538</c:v>
                </c:pt>
                <c:pt idx="1820">
                  <c:v>66.875590886725973</c:v>
                </c:pt>
                <c:pt idx="1821">
                  <c:v>66.862927233576968</c:v>
                </c:pt>
                <c:pt idx="1822">
                  <c:v>66.850214444560336</c:v>
                </c:pt>
                <c:pt idx="1823">
                  <c:v>66.837506122440786</c:v>
                </c:pt>
                <c:pt idx="1824">
                  <c:v>66.824842469291752</c:v>
                </c:pt>
                <c:pt idx="1825">
                  <c:v>66.812129680275149</c:v>
                </c:pt>
                <c:pt idx="1826">
                  <c:v>66.798728989112163</c:v>
                </c:pt>
                <c:pt idx="1827">
                  <c:v>66.786757705006579</c:v>
                </c:pt>
                <c:pt idx="1828">
                  <c:v>66.774044915989947</c:v>
                </c:pt>
                <c:pt idx="1829">
                  <c:v>66.761385729737981</c:v>
                </c:pt>
                <c:pt idx="1830">
                  <c:v>66.747980571677957</c:v>
                </c:pt>
                <c:pt idx="1831">
                  <c:v>66.736701656615779</c:v>
                </c:pt>
                <c:pt idx="1832">
                  <c:v>66.723993334496214</c:v>
                </c:pt>
                <c:pt idx="1833">
                  <c:v>66.711280545479596</c:v>
                </c:pt>
                <c:pt idx="1834">
                  <c:v>66.698616892330591</c:v>
                </c:pt>
                <c:pt idx="1835">
                  <c:v>66.686600939254447</c:v>
                </c:pt>
                <c:pt idx="1836">
                  <c:v>66.673937286105428</c:v>
                </c:pt>
                <c:pt idx="1837">
                  <c:v>66.661916866132231</c:v>
                </c:pt>
                <c:pt idx="1838">
                  <c:v>66.649257679880265</c:v>
                </c:pt>
                <c:pt idx="1839">
                  <c:v>66.637237259907081</c:v>
                </c:pt>
                <c:pt idx="1840">
                  <c:v>66.625265975801483</c:v>
                </c:pt>
                <c:pt idx="1841">
                  <c:v>66.613299158592937</c:v>
                </c:pt>
                <c:pt idx="1842">
                  <c:v>66.60127873861974</c:v>
                </c:pt>
                <c:pt idx="1843">
                  <c:v>66.589311921411195</c:v>
                </c:pt>
                <c:pt idx="1844">
                  <c:v>66.57734063730561</c:v>
                </c:pt>
                <c:pt idx="1845">
                  <c:v>66.565320217332413</c:v>
                </c:pt>
                <c:pt idx="1846">
                  <c:v>66.553353400123868</c:v>
                </c:pt>
                <c:pt idx="1847">
                  <c:v>66.541332980150685</c:v>
                </c:pt>
                <c:pt idx="1848">
                  <c:v>66.529361696045072</c:v>
                </c:pt>
                <c:pt idx="1849">
                  <c:v>66.518087247879961</c:v>
                </c:pt>
                <c:pt idx="1850">
                  <c:v>66.506115963774377</c:v>
                </c:pt>
                <c:pt idx="1851">
                  <c:v>66.494095543801166</c:v>
                </c:pt>
                <c:pt idx="1852">
                  <c:v>66.483513464679461</c:v>
                </c:pt>
                <c:pt idx="1853">
                  <c:v>66.471542180573877</c:v>
                </c:pt>
                <c:pt idx="1854">
                  <c:v>66.459575363365332</c:v>
                </c:pt>
                <c:pt idx="1855">
                  <c:v>66.448296448303154</c:v>
                </c:pt>
                <c:pt idx="1856">
                  <c:v>66.436276028329956</c:v>
                </c:pt>
                <c:pt idx="1857">
                  <c:v>66.424309211121425</c:v>
                </c:pt>
                <c:pt idx="1858">
                  <c:v>66.411596422104807</c:v>
                </c:pt>
                <c:pt idx="1859">
                  <c:v>66.401014342983103</c:v>
                </c:pt>
                <c:pt idx="1860">
                  <c:v>66.389043058877505</c:v>
                </c:pt>
                <c:pt idx="1861">
                  <c:v>66.377071774771906</c:v>
                </c:pt>
                <c:pt idx="1862">
                  <c:v>66.365055821695776</c:v>
                </c:pt>
                <c:pt idx="1863">
                  <c:v>66.353776906633584</c:v>
                </c:pt>
                <c:pt idx="1864">
                  <c:v>66.34249799157142</c:v>
                </c:pt>
                <c:pt idx="1865">
                  <c:v>66.331223543406296</c:v>
                </c:pt>
                <c:pt idx="1866">
                  <c:v>66.318510754389678</c:v>
                </c:pt>
                <c:pt idx="1867">
                  <c:v>66.307236306224553</c:v>
                </c:pt>
                <c:pt idx="1868">
                  <c:v>66.295957391162389</c:v>
                </c:pt>
                <c:pt idx="1869">
                  <c:v>66.283986107056791</c:v>
                </c:pt>
                <c:pt idx="1870">
                  <c:v>66.272711658891666</c:v>
                </c:pt>
                <c:pt idx="1871">
                  <c:v>66.260691238918469</c:v>
                </c:pt>
                <c:pt idx="1872">
                  <c:v>66.24871995481287</c:v>
                </c:pt>
                <c:pt idx="1873">
                  <c:v>66.237445506647745</c:v>
                </c:pt>
                <c:pt idx="1874">
                  <c:v>66.225425086674562</c:v>
                </c:pt>
                <c:pt idx="1875">
                  <c:v>66.214843007552858</c:v>
                </c:pt>
                <c:pt idx="1876">
                  <c:v>66.20356409249068</c:v>
                </c:pt>
                <c:pt idx="1877">
                  <c:v>66.191592808385082</c:v>
                </c:pt>
                <c:pt idx="1878">
                  <c:v>66.180318360219971</c:v>
                </c:pt>
                <c:pt idx="1879">
                  <c:v>66.169731814201199</c:v>
                </c:pt>
                <c:pt idx="1880">
                  <c:v>66.157764996992668</c:v>
                </c:pt>
                <c:pt idx="1881">
                  <c:v>66.14648608193049</c:v>
                </c:pt>
                <c:pt idx="1882">
                  <c:v>66.135899535911733</c:v>
                </c:pt>
                <c:pt idx="1883">
                  <c:v>66.124625087746608</c:v>
                </c:pt>
                <c:pt idx="1884">
                  <c:v>66.112604667773425</c:v>
                </c:pt>
                <c:pt idx="1885">
                  <c:v>66.102022588651721</c:v>
                </c:pt>
                <c:pt idx="1886">
                  <c:v>66.090743673589543</c:v>
                </c:pt>
                <c:pt idx="1887">
                  <c:v>66.079464758527365</c:v>
                </c:pt>
                <c:pt idx="1888">
                  <c:v>66.06819031036224</c:v>
                </c:pt>
                <c:pt idx="1889">
                  <c:v>66.058296133386904</c:v>
                </c:pt>
                <c:pt idx="1890">
                  <c:v>66.046329316178358</c:v>
                </c:pt>
                <c:pt idx="1891">
                  <c:v>66.035050401116195</c:v>
                </c:pt>
                <c:pt idx="1892">
                  <c:v>66.025160691037911</c:v>
                </c:pt>
                <c:pt idx="1893">
                  <c:v>66.014574145019154</c:v>
                </c:pt>
                <c:pt idx="1894">
                  <c:v>66.003295229956976</c:v>
                </c:pt>
                <c:pt idx="1895">
                  <c:v>65.992713150835286</c:v>
                </c:pt>
                <c:pt idx="1896">
                  <c:v>65.982868109727548</c:v>
                </c:pt>
                <c:pt idx="1897">
                  <c:v>65.971593661562423</c:v>
                </c:pt>
                <c:pt idx="1898">
                  <c:v>65.960314746500245</c:v>
                </c:pt>
                <c:pt idx="1899">
                  <c:v>65.950425036421962</c:v>
                </c:pt>
                <c:pt idx="1900">
                  <c:v>65.939146121359798</c:v>
                </c:pt>
                <c:pt idx="1901">
                  <c:v>65.928559575341026</c:v>
                </c:pt>
                <c:pt idx="1902">
                  <c:v>65.917977496219336</c:v>
                </c:pt>
                <c:pt idx="1903">
                  <c:v>65.907390950200579</c:v>
                </c:pt>
                <c:pt idx="1904">
                  <c:v>65.897550375989894</c:v>
                </c:pt>
                <c:pt idx="1905">
                  <c:v>65.886963829971151</c:v>
                </c:pt>
                <c:pt idx="1906">
                  <c:v>65.876381750849447</c:v>
                </c:pt>
                <c:pt idx="1907">
                  <c:v>65.86648757387411</c:v>
                </c:pt>
                <c:pt idx="1908">
                  <c:v>65.855954630620005</c:v>
                </c:pt>
                <c:pt idx="1909">
                  <c:v>65.846060453644668</c:v>
                </c:pt>
                <c:pt idx="1910">
                  <c:v>65.835478374522978</c:v>
                </c:pt>
                <c:pt idx="1911">
                  <c:v>65.824891828504207</c:v>
                </c:pt>
                <c:pt idx="1912">
                  <c:v>65.815739156439889</c:v>
                </c:pt>
                <c:pt idx="1913">
                  <c:v>65.805157077318199</c:v>
                </c:pt>
                <c:pt idx="1914">
                  <c:v>65.794570531299428</c:v>
                </c:pt>
                <c:pt idx="1915">
                  <c:v>65.783296083134317</c:v>
                </c:pt>
                <c:pt idx="1916">
                  <c:v>65.774143411070014</c:v>
                </c:pt>
                <c:pt idx="1917">
                  <c:v>65.76356133194831</c:v>
                </c:pt>
                <c:pt idx="1918">
                  <c:v>65.753667154972973</c:v>
                </c:pt>
                <c:pt idx="1919">
                  <c:v>65.743134211718868</c:v>
                </c:pt>
                <c:pt idx="1920">
                  <c:v>65.733240034743531</c:v>
                </c:pt>
                <c:pt idx="1921">
                  <c:v>65.724091829576267</c:v>
                </c:pt>
                <c:pt idx="1922">
                  <c:v>65.71350528355751</c:v>
                </c:pt>
                <c:pt idx="1923">
                  <c:v>65.70361557347924</c:v>
                </c:pt>
                <c:pt idx="1924">
                  <c:v>65.693770532371502</c:v>
                </c:pt>
                <c:pt idx="1925">
                  <c:v>65.683876355396166</c:v>
                </c:pt>
                <c:pt idx="1926">
                  <c:v>65.673294276274461</c:v>
                </c:pt>
                <c:pt idx="1927">
                  <c:v>65.663400099299125</c:v>
                </c:pt>
                <c:pt idx="1928">
                  <c:v>65.65425189413186</c:v>
                </c:pt>
                <c:pt idx="1929">
                  <c:v>65.644406853024122</c:v>
                </c:pt>
                <c:pt idx="1930">
                  <c:v>65.634517142945853</c:v>
                </c:pt>
                <c:pt idx="1931">
                  <c:v>65.624622965970516</c:v>
                </c:pt>
                <c:pt idx="1932">
                  <c:v>65.615474760803252</c:v>
                </c:pt>
                <c:pt idx="1933">
                  <c:v>65.605580583827916</c:v>
                </c:pt>
                <c:pt idx="1934">
                  <c:v>65.595740009617231</c:v>
                </c:pt>
                <c:pt idx="1935">
                  <c:v>65.585153463598473</c:v>
                </c:pt>
                <c:pt idx="1936">
                  <c:v>65.576005258431209</c:v>
                </c:pt>
                <c:pt idx="1937">
                  <c:v>65.565418712412466</c:v>
                </c:pt>
                <c:pt idx="1938">
                  <c:v>65.554836633290762</c:v>
                </c:pt>
                <c:pt idx="1939">
                  <c:v>65.544942456315425</c:v>
                </c:pt>
                <c:pt idx="1940">
                  <c:v>65.534360377193721</c:v>
                </c:pt>
                <c:pt idx="1941">
                  <c:v>65.524515336085983</c:v>
                </c:pt>
                <c:pt idx="1942">
                  <c:v>65.516059499962154</c:v>
                </c:pt>
                <c:pt idx="1943">
                  <c:v>65.505472953943382</c:v>
                </c:pt>
                <c:pt idx="1944">
                  <c:v>65.49557877696806</c:v>
                </c:pt>
                <c:pt idx="1945">
                  <c:v>65.484996697846356</c:v>
                </c:pt>
                <c:pt idx="1946">
                  <c:v>65.475844025782052</c:v>
                </c:pt>
                <c:pt idx="1947">
                  <c:v>65.466003451571353</c:v>
                </c:pt>
                <c:pt idx="1948">
                  <c:v>65.456109274596017</c:v>
                </c:pt>
                <c:pt idx="1949">
                  <c:v>65.446219564517733</c:v>
                </c:pt>
                <c:pt idx="1950">
                  <c:v>65.436374523409995</c:v>
                </c:pt>
                <c:pt idx="1951">
                  <c:v>65.426484813331726</c:v>
                </c:pt>
                <c:pt idx="1952">
                  <c:v>65.416639772223988</c:v>
                </c:pt>
                <c:pt idx="1953">
                  <c:v>65.406750062145719</c:v>
                </c:pt>
                <c:pt idx="1954">
                  <c:v>65.396855885170382</c:v>
                </c:pt>
                <c:pt idx="1955">
                  <c:v>65.387015310959683</c:v>
                </c:pt>
                <c:pt idx="1956">
                  <c:v>65.377121133984346</c:v>
                </c:pt>
                <c:pt idx="1957">
                  <c:v>65.367280559773675</c:v>
                </c:pt>
                <c:pt idx="1958">
                  <c:v>65.357386382798339</c:v>
                </c:pt>
                <c:pt idx="1959">
                  <c:v>65.348238177631075</c:v>
                </c:pt>
                <c:pt idx="1960">
                  <c:v>65.339777874610178</c:v>
                </c:pt>
                <c:pt idx="1961">
                  <c:v>65.329888164531909</c:v>
                </c:pt>
                <c:pt idx="1962">
                  <c:v>65.319993987556572</c:v>
                </c:pt>
                <c:pt idx="1963">
                  <c:v>65.310153413345887</c:v>
                </c:pt>
                <c:pt idx="1964">
                  <c:v>65.30169311032499</c:v>
                </c:pt>
                <c:pt idx="1965">
                  <c:v>65.291803400246707</c:v>
                </c:pt>
                <c:pt idx="1966">
                  <c:v>65.282650728182389</c:v>
                </c:pt>
                <c:pt idx="1967">
                  <c:v>65.272761018104106</c:v>
                </c:pt>
                <c:pt idx="1968">
                  <c:v>65.262866841128783</c:v>
                </c:pt>
                <c:pt idx="1969">
                  <c:v>65.253718635961519</c:v>
                </c:pt>
                <c:pt idx="1970">
                  <c:v>65.244565963897202</c:v>
                </c:pt>
                <c:pt idx="1971">
                  <c:v>65.234676253818918</c:v>
                </c:pt>
                <c:pt idx="1972">
                  <c:v>65.225523581754601</c:v>
                </c:pt>
                <c:pt idx="1973">
                  <c:v>65.215633871676332</c:v>
                </c:pt>
                <c:pt idx="1974">
                  <c:v>65.207173568655435</c:v>
                </c:pt>
                <c:pt idx="1975">
                  <c:v>65.198025363488171</c:v>
                </c:pt>
                <c:pt idx="1976">
                  <c:v>65.188872691423853</c:v>
                </c:pt>
                <c:pt idx="1977">
                  <c:v>65.180367719432425</c:v>
                </c:pt>
                <c:pt idx="1978">
                  <c:v>65.169830309281267</c:v>
                </c:pt>
                <c:pt idx="1979">
                  <c:v>65.161325337289824</c:v>
                </c:pt>
                <c:pt idx="1980">
                  <c:v>65.152172665225493</c:v>
                </c:pt>
                <c:pt idx="1981">
                  <c:v>65.143716829101663</c:v>
                </c:pt>
                <c:pt idx="1982">
                  <c:v>65.134564157037346</c:v>
                </c:pt>
                <c:pt idx="1983">
                  <c:v>65.124674446959062</c:v>
                </c:pt>
                <c:pt idx="1984">
                  <c:v>65.115521774894745</c:v>
                </c:pt>
                <c:pt idx="1985">
                  <c:v>65.106324433859882</c:v>
                </c:pt>
                <c:pt idx="1986">
                  <c:v>65.097864130838985</c:v>
                </c:pt>
                <c:pt idx="1987">
                  <c:v>65.088715925671721</c:v>
                </c:pt>
                <c:pt idx="1988">
                  <c:v>65.079563253607418</c:v>
                </c:pt>
                <c:pt idx="1989">
                  <c:v>65.07110741748356</c:v>
                </c:pt>
                <c:pt idx="1990">
                  <c:v>65.061905609551644</c:v>
                </c:pt>
                <c:pt idx="1991">
                  <c:v>65.053449773427815</c:v>
                </c:pt>
                <c:pt idx="1992">
                  <c:v>65.044993937303971</c:v>
                </c:pt>
                <c:pt idx="1993">
                  <c:v>65.035841265239654</c:v>
                </c:pt>
                <c:pt idx="1994">
                  <c:v>65.026643924204805</c:v>
                </c:pt>
                <c:pt idx="1995">
                  <c:v>65.018183621183908</c:v>
                </c:pt>
                <c:pt idx="1996">
                  <c:v>65.009727785060065</c:v>
                </c:pt>
                <c:pt idx="1997">
                  <c:v>65.000575112995747</c:v>
                </c:pt>
                <c:pt idx="1998">
                  <c:v>64.992119276871904</c:v>
                </c:pt>
                <c:pt idx="1999">
                  <c:v>64.983658973851007</c:v>
                </c:pt>
                <c:pt idx="2000">
                  <c:v>64.975203137727163</c:v>
                </c:pt>
                <c:pt idx="2001">
                  <c:v>64.966742834706281</c:v>
                </c:pt>
                <c:pt idx="2002">
                  <c:v>64.957545493671404</c:v>
                </c:pt>
                <c:pt idx="2003">
                  <c:v>64.949782026590995</c:v>
                </c:pt>
                <c:pt idx="2004">
                  <c:v>64.941321723570098</c:v>
                </c:pt>
                <c:pt idx="2005">
                  <c:v>64.931481149359414</c:v>
                </c:pt>
                <c:pt idx="2006">
                  <c:v>64.923020846338517</c:v>
                </c:pt>
                <c:pt idx="2007">
                  <c:v>64.913823505303668</c:v>
                </c:pt>
                <c:pt idx="2008">
                  <c:v>64.905363202282771</c:v>
                </c:pt>
                <c:pt idx="2009">
                  <c:v>64.896907366158928</c:v>
                </c:pt>
                <c:pt idx="2010">
                  <c:v>64.888447063138031</c:v>
                </c:pt>
                <c:pt idx="2011">
                  <c:v>64.879991227014187</c:v>
                </c:pt>
                <c:pt idx="2012">
                  <c:v>64.871530923993291</c:v>
                </c:pt>
                <c:pt idx="2013">
                  <c:v>64.863075087869447</c:v>
                </c:pt>
                <c:pt idx="2014">
                  <c:v>64.854619251745603</c:v>
                </c:pt>
                <c:pt idx="2015">
                  <c:v>64.846851317768142</c:v>
                </c:pt>
                <c:pt idx="2016">
                  <c:v>64.838395481644298</c:v>
                </c:pt>
                <c:pt idx="2017">
                  <c:v>64.829935178623401</c:v>
                </c:pt>
                <c:pt idx="2018">
                  <c:v>64.821479342499558</c:v>
                </c:pt>
                <c:pt idx="2019">
                  <c:v>64.812277534567642</c:v>
                </c:pt>
                <c:pt idx="2020">
                  <c:v>64.804514067487233</c:v>
                </c:pt>
                <c:pt idx="2021">
                  <c:v>64.796053764466336</c:v>
                </c:pt>
                <c:pt idx="2022">
                  <c:v>64.787597928342493</c:v>
                </c:pt>
                <c:pt idx="2023">
                  <c:v>64.778445256278175</c:v>
                </c:pt>
                <c:pt idx="2024">
                  <c:v>64.770681789197766</c:v>
                </c:pt>
                <c:pt idx="2025">
                  <c:v>64.761533584030502</c:v>
                </c:pt>
                <c:pt idx="2026">
                  <c:v>64.753765650053026</c:v>
                </c:pt>
                <c:pt idx="2027">
                  <c:v>64.744617444885762</c:v>
                </c:pt>
                <c:pt idx="2028">
                  <c:v>64.736157141864865</c:v>
                </c:pt>
                <c:pt idx="2029">
                  <c:v>64.728393674784428</c:v>
                </c:pt>
                <c:pt idx="2030">
                  <c:v>64.719933371763545</c:v>
                </c:pt>
                <c:pt idx="2031">
                  <c:v>64.711477535639702</c:v>
                </c:pt>
                <c:pt idx="2032">
                  <c:v>64.702968096751206</c:v>
                </c:pt>
                <c:pt idx="2033">
                  <c:v>64.694512260627363</c:v>
                </c:pt>
                <c:pt idx="2034">
                  <c:v>64.686056424503519</c:v>
                </c:pt>
                <c:pt idx="2035">
                  <c:v>64.676903752439202</c:v>
                </c:pt>
                <c:pt idx="2036">
                  <c:v>64.667755547271938</c:v>
                </c:pt>
                <c:pt idx="2037">
                  <c:v>64.659987613294462</c:v>
                </c:pt>
                <c:pt idx="2038">
                  <c:v>64.651531777170632</c:v>
                </c:pt>
                <c:pt idx="2039">
                  <c:v>64.643071474149735</c:v>
                </c:pt>
                <c:pt idx="2040">
                  <c:v>64.635308007069312</c:v>
                </c:pt>
                <c:pt idx="2041">
                  <c:v>64.626847704048416</c:v>
                </c:pt>
                <c:pt idx="2042">
                  <c:v>64.618391867924586</c:v>
                </c:pt>
                <c:pt idx="2043">
                  <c:v>64.609936031800729</c:v>
                </c:pt>
                <c:pt idx="2044">
                  <c:v>64.601426592912247</c:v>
                </c:pt>
                <c:pt idx="2045">
                  <c:v>64.592970756788404</c:v>
                </c:pt>
                <c:pt idx="2046">
                  <c:v>64.584510453767507</c:v>
                </c:pt>
                <c:pt idx="2047">
                  <c:v>64.576746986687084</c:v>
                </c:pt>
                <c:pt idx="2048">
                  <c:v>64.568286683666187</c:v>
                </c:pt>
                <c:pt idx="2049">
                  <c:v>64.559830847542344</c:v>
                </c:pt>
                <c:pt idx="2050">
                  <c:v>64.550678175478041</c:v>
                </c:pt>
                <c:pt idx="2051">
                  <c:v>64.542914708397618</c:v>
                </c:pt>
                <c:pt idx="2052">
                  <c:v>64.535151241317195</c:v>
                </c:pt>
                <c:pt idx="2053">
                  <c:v>64.526690938296298</c:v>
                </c:pt>
                <c:pt idx="2054">
                  <c:v>64.518927471215875</c:v>
                </c:pt>
                <c:pt idx="2055">
                  <c:v>64.510467168194978</c:v>
                </c:pt>
                <c:pt idx="2056">
                  <c:v>64.502703701114555</c:v>
                </c:pt>
                <c:pt idx="2057">
                  <c:v>64.492858660006817</c:v>
                </c:pt>
                <c:pt idx="2058">
                  <c:v>64.484402823882974</c:v>
                </c:pt>
                <c:pt idx="2059">
                  <c:v>64.475942520862077</c:v>
                </c:pt>
                <c:pt idx="2060">
                  <c:v>64.468179053781668</c:v>
                </c:pt>
                <c:pt idx="2061">
                  <c:v>64.459723217657825</c:v>
                </c:pt>
                <c:pt idx="2062">
                  <c:v>64.451955283680348</c:v>
                </c:pt>
                <c:pt idx="2063">
                  <c:v>64.44419181659994</c:v>
                </c:pt>
                <c:pt idx="2064">
                  <c:v>64.435731513579043</c:v>
                </c:pt>
                <c:pt idx="2065">
                  <c:v>64.427275677455199</c:v>
                </c:pt>
                <c:pt idx="2066">
                  <c:v>64.419507743477723</c:v>
                </c:pt>
                <c:pt idx="2067">
                  <c:v>64.41105190735388</c:v>
                </c:pt>
                <c:pt idx="2068">
                  <c:v>64.402596071230036</c:v>
                </c:pt>
                <c:pt idx="2069">
                  <c:v>64.394828137252574</c:v>
                </c:pt>
                <c:pt idx="2070">
                  <c:v>64.387064670172151</c:v>
                </c:pt>
                <c:pt idx="2071">
                  <c:v>64.378604367151254</c:v>
                </c:pt>
                <c:pt idx="2072">
                  <c:v>64.370148531027411</c:v>
                </c:pt>
                <c:pt idx="2073">
                  <c:v>64.361688228006514</c:v>
                </c:pt>
                <c:pt idx="2074">
                  <c:v>64.353232391882671</c:v>
                </c:pt>
                <c:pt idx="2075">
                  <c:v>64.345464457905194</c:v>
                </c:pt>
                <c:pt idx="2076">
                  <c:v>64.337008621781351</c:v>
                </c:pt>
                <c:pt idx="2077">
                  <c:v>64.328552785657507</c:v>
                </c:pt>
                <c:pt idx="2078">
                  <c:v>64.32009248263661</c:v>
                </c:pt>
                <c:pt idx="2079">
                  <c:v>64.313021384599622</c:v>
                </c:pt>
                <c:pt idx="2080">
                  <c:v>64.304561081578726</c:v>
                </c:pt>
                <c:pt idx="2081">
                  <c:v>64.296797614498303</c:v>
                </c:pt>
                <c:pt idx="2082">
                  <c:v>64.288337311477406</c:v>
                </c:pt>
                <c:pt idx="2083">
                  <c:v>64.279881475353562</c:v>
                </c:pt>
                <c:pt idx="2084">
                  <c:v>64.272118008273154</c:v>
                </c:pt>
                <c:pt idx="2085">
                  <c:v>64.263657705252257</c:v>
                </c:pt>
                <c:pt idx="2086">
                  <c:v>64.256635743082853</c:v>
                </c:pt>
                <c:pt idx="2087">
                  <c:v>64.248867809105377</c:v>
                </c:pt>
                <c:pt idx="2088">
                  <c:v>64.240411972981519</c:v>
                </c:pt>
                <c:pt idx="2089">
                  <c:v>64.232644039004057</c:v>
                </c:pt>
                <c:pt idx="2090">
                  <c:v>64.224188202880214</c:v>
                </c:pt>
                <c:pt idx="2091">
                  <c:v>64.216424735799791</c:v>
                </c:pt>
                <c:pt idx="2092">
                  <c:v>64.208656801822315</c:v>
                </c:pt>
                <c:pt idx="2093">
                  <c:v>64.200893334741906</c:v>
                </c:pt>
                <c:pt idx="2094">
                  <c:v>64.192433031721009</c:v>
                </c:pt>
                <c:pt idx="2095">
                  <c:v>64.183977195597166</c:v>
                </c:pt>
                <c:pt idx="2096">
                  <c:v>64.17620926161969</c:v>
                </c:pt>
                <c:pt idx="2097">
                  <c:v>64.167753425495846</c:v>
                </c:pt>
                <c:pt idx="2098">
                  <c:v>64.160039094283022</c:v>
                </c:pt>
                <c:pt idx="2099">
                  <c:v>64.15152965539454</c:v>
                </c:pt>
                <c:pt idx="2100">
                  <c:v>64.143073819270697</c:v>
                </c:pt>
                <c:pt idx="2101">
                  <c:v>64.135355021160805</c:v>
                </c:pt>
                <c:pt idx="2102">
                  <c:v>64.127591554080382</c:v>
                </c:pt>
                <c:pt idx="2103">
                  <c:v>64.119828086999973</c:v>
                </c:pt>
                <c:pt idx="2104">
                  <c:v>64.111367783979077</c:v>
                </c:pt>
                <c:pt idx="2105">
                  <c:v>64.103604316898654</c:v>
                </c:pt>
                <c:pt idx="2106">
                  <c:v>64.095144013877757</c:v>
                </c:pt>
                <c:pt idx="2107">
                  <c:v>64.086688177753913</c:v>
                </c:pt>
                <c:pt idx="2108">
                  <c:v>64.078920243776452</c:v>
                </c:pt>
                <c:pt idx="2109">
                  <c:v>64.070464407652608</c:v>
                </c:pt>
                <c:pt idx="2110">
                  <c:v>64.062696473675132</c:v>
                </c:pt>
                <c:pt idx="2111">
                  <c:v>64.054240637551288</c:v>
                </c:pt>
                <c:pt idx="2112">
                  <c:v>64.046477170470865</c:v>
                </c:pt>
                <c:pt idx="2113">
                  <c:v>64.038016867449983</c:v>
                </c:pt>
                <c:pt idx="2114">
                  <c:v>64.029561031326125</c:v>
                </c:pt>
                <c:pt idx="2115">
                  <c:v>64.021100728305242</c:v>
                </c:pt>
                <c:pt idx="2116">
                  <c:v>64.014029630268226</c:v>
                </c:pt>
                <c:pt idx="2117">
                  <c:v>64.004876958203909</c:v>
                </c:pt>
                <c:pt idx="2118">
                  <c:v>63.9971134911235</c:v>
                </c:pt>
                <c:pt idx="2119">
                  <c:v>63.989350024043077</c:v>
                </c:pt>
                <c:pt idx="2120">
                  <c:v>63.98088972102218</c:v>
                </c:pt>
                <c:pt idx="2121">
                  <c:v>63.973126253941757</c:v>
                </c:pt>
                <c:pt idx="2122">
                  <c:v>63.96540745583188</c:v>
                </c:pt>
                <c:pt idx="2123">
                  <c:v>63.957643988751464</c:v>
                </c:pt>
                <c:pt idx="2124">
                  <c:v>63.949876054773988</c:v>
                </c:pt>
                <c:pt idx="2125">
                  <c:v>63.941420218650144</c:v>
                </c:pt>
                <c:pt idx="2126">
                  <c:v>63.933656751569721</c:v>
                </c:pt>
                <c:pt idx="2127">
                  <c:v>63.924504079505404</c:v>
                </c:pt>
                <c:pt idx="2128">
                  <c:v>63.916740612424995</c:v>
                </c:pt>
                <c:pt idx="2129">
                  <c:v>63.908280309404098</c:v>
                </c:pt>
                <c:pt idx="2130">
                  <c:v>63.900516842323675</c:v>
                </c:pt>
                <c:pt idx="2131">
                  <c:v>63.892748908346199</c:v>
                </c:pt>
                <c:pt idx="2132">
                  <c:v>63.884293072222363</c:v>
                </c:pt>
                <c:pt idx="2133">
                  <c:v>63.87722197418536</c:v>
                </c:pt>
                <c:pt idx="2134">
                  <c:v>63.868761671164464</c:v>
                </c:pt>
                <c:pt idx="2135">
                  <c:v>63.86030583504062</c:v>
                </c:pt>
                <c:pt idx="2136">
                  <c:v>63.851845532019723</c:v>
                </c:pt>
                <c:pt idx="2137">
                  <c:v>63.844082064939315</c:v>
                </c:pt>
                <c:pt idx="2138">
                  <c:v>63.836367733726483</c:v>
                </c:pt>
                <c:pt idx="2139">
                  <c:v>63.828599799749007</c:v>
                </c:pt>
                <c:pt idx="2140">
                  <c:v>63.820143963625164</c:v>
                </c:pt>
                <c:pt idx="2141">
                  <c:v>63.812376029647687</c:v>
                </c:pt>
                <c:pt idx="2142">
                  <c:v>63.804612562567279</c:v>
                </c:pt>
                <c:pt idx="2143">
                  <c:v>63.796844628589803</c:v>
                </c:pt>
                <c:pt idx="2144">
                  <c:v>63.788388792465952</c:v>
                </c:pt>
                <c:pt idx="2145">
                  <c:v>63.780620858488476</c:v>
                </c:pt>
                <c:pt idx="2146">
                  <c:v>63.772165022364646</c:v>
                </c:pt>
                <c:pt idx="2147">
                  <c:v>63.764401555284223</c:v>
                </c:pt>
                <c:pt idx="2148">
                  <c:v>63.756682757174346</c:v>
                </c:pt>
                <c:pt idx="2149">
                  <c:v>63.748919290093923</c:v>
                </c:pt>
                <c:pt idx="2150">
                  <c:v>63.741151356116454</c:v>
                </c:pt>
                <c:pt idx="2151">
                  <c:v>63.73200315094919</c:v>
                </c:pt>
                <c:pt idx="2152">
                  <c:v>63.724932052912187</c:v>
                </c:pt>
                <c:pt idx="2153">
                  <c:v>63.717164118934711</c:v>
                </c:pt>
                <c:pt idx="2154">
                  <c:v>63.709400651854288</c:v>
                </c:pt>
                <c:pt idx="2155">
                  <c:v>63.701632717876812</c:v>
                </c:pt>
                <c:pt idx="2156">
                  <c:v>63.693918386663995</c:v>
                </c:pt>
                <c:pt idx="2157">
                  <c:v>63.686154919583572</c:v>
                </c:pt>
                <c:pt idx="2158">
                  <c:v>63.678386985606096</c:v>
                </c:pt>
                <c:pt idx="2159">
                  <c:v>63.67062351852568</c:v>
                </c:pt>
                <c:pt idx="2160">
                  <c:v>63.662855584548204</c:v>
                </c:pt>
                <c:pt idx="2161">
                  <c:v>63.65439974842436</c:v>
                </c:pt>
                <c:pt idx="2162">
                  <c:v>63.646631814446884</c:v>
                </c:pt>
                <c:pt idx="2163">
                  <c:v>63.639609852277481</c:v>
                </c:pt>
                <c:pt idx="2164">
                  <c:v>63.631846385197065</c:v>
                </c:pt>
                <c:pt idx="2165">
                  <c:v>63.623386082176168</c:v>
                </c:pt>
                <c:pt idx="2166">
                  <c:v>63.615622615095745</c:v>
                </c:pt>
                <c:pt idx="2167">
                  <c:v>63.607854681118269</c:v>
                </c:pt>
                <c:pt idx="2168">
                  <c:v>63.600832718948872</c:v>
                </c:pt>
                <c:pt idx="2169">
                  <c:v>63.592376882825029</c:v>
                </c:pt>
                <c:pt idx="2170">
                  <c:v>63.584608948847553</c:v>
                </c:pt>
                <c:pt idx="2171">
                  <c:v>63.577537850810565</c:v>
                </c:pt>
                <c:pt idx="2172">
                  <c:v>63.569769916833074</c:v>
                </c:pt>
                <c:pt idx="2173">
                  <c:v>63.561314080709238</c:v>
                </c:pt>
                <c:pt idx="2174">
                  <c:v>63.553599749496414</c:v>
                </c:pt>
                <c:pt idx="2175">
                  <c:v>63.545831815518937</c:v>
                </c:pt>
                <c:pt idx="2176">
                  <c:v>63.538068348438529</c:v>
                </c:pt>
                <c:pt idx="2177">
                  <c:v>63.530300414461038</c:v>
                </c:pt>
                <c:pt idx="2178">
                  <c:v>63.522536947380623</c:v>
                </c:pt>
                <c:pt idx="2179">
                  <c:v>63.514769013403161</c:v>
                </c:pt>
                <c:pt idx="2180">
                  <c:v>63.507054682190336</c:v>
                </c:pt>
                <c:pt idx="2181">
                  <c:v>63.499291215109906</c:v>
                </c:pt>
                <c:pt idx="2182">
                  <c:v>63.49152328113243</c:v>
                </c:pt>
                <c:pt idx="2183">
                  <c:v>63.483759814052007</c:v>
                </c:pt>
                <c:pt idx="2184">
                  <c:v>63.47529951103111</c:v>
                </c:pt>
                <c:pt idx="2185">
                  <c:v>63.468228412994122</c:v>
                </c:pt>
                <c:pt idx="2186">
                  <c:v>63.460514081781291</c:v>
                </c:pt>
                <c:pt idx="2187">
                  <c:v>63.452746147803815</c:v>
                </c:pt>
                <c:pt idx="2188">
                  <c:v>63.444982680723392</c:v>
                </c:pt>
                <c:pt idx="2189">
                  <c:v>63.437907115789351</c:v>
                </c:pt>
                <c:pt idx="2190">
                  <c:v>63.430192784576519</c:v>
                </c:pt>
                <c:pt idx="2191">
                  <c:v>63.421683345688031</c:v>
                </c:pt>
                <c:pt idx="2192">
                  <c:v>63.4139690144752</c:v>
                </c:pt>
                <c:pt idx="2193">
                  <c:v>63.406205547394791</c:v>
                </c:pt>
                <c:pt idx="2194">
                  <c:v>63.398437613417315</c:v>
                </c:pt>
                <c:pt idx="2195">
                  <c:v>63.390674146336892</c:v>
                </c:pt>
                <c:pt idx="2196">
                  <c:v>63.382906212359416</c:v>
                </c:pt>
                <c:pt idx="2197">
                  <c:v>63.375191881146598</c:v>
                </c:pt>
                <c:pt idx="2198">
                  <c:v>63.368120783109596</c:v>
                </c:pt>
                <c:pt idx="2199">
                  <c:v>63.36035284913212</c:v>
                </c:pt>
                <c:pt idx="2200">
                  <c:v>63.352589382051697</c:v>
                </c:pt>
                <c:pt idx="2201">
                  <c:v>63.344821448074221</c:v>
                </c:pt>
                <c:pt idx="2202">
                  <c:v>63.337107116861404</c:v>
                </c:pt>
                <c:pt idx="2203">
                  <c:v>63.330036018824401</c:v>
                </c:pt>
                <c:pt idx="2204">
                  <c:v>63.322268084846925</c:v>
                </c:pt>
                <c:pt idx="2205">
                  <c:v>63.313812248723089</c:v>
                </c:pt>
                <c:pt idx="2206">
                  <c:v>63.306785819656632</c:v>
                </c:pt>
                <c:pt idx="2207">
                  <c:v>63.299022352576209</c:v>
                </c:pt>
                <c:pt idx="2208">
                  <c:v>63.291258885495779</c:v>
                </c:pt>
                <c:pt idx="2209">
                  <c:v>63.284183320561738</c:v>
                </c:pt>
                <c:pt idx="2210">
                  <c:v>63.276468989348913</c:v>
                </c:pt>
                <c:pt idx="2211">
                  <c:v>63.268701055371437</c:v>
                </c:pt>
                <c:pt idx="2212">
                  <c:v>63.261629957334442</c:v>
                </c:pt>
                <c:pt idx="2213">
                  <c:v>63.253866490254019</c:v>
                </c:pt>
                <c:pt idx="2214">
                  <c:v>63.246098556276543</c:v>
                </c:pt>
                <c:pt idx="2215">
                  <c:v>63.239076594107146</c:v>
                </c:pt>
                <c:pt idx="2216">
                  <c:v>63.232001029173077</c:v>
                </c:pt>
                <c:pt idx="2217">
                  <c:v>63.224286697960267</c:v>
                </c:pt>
                <c:pt idx="2218">
                  <c:v>63.216523230879837</c:v>
                </c:pt>
                <c:pt idx="2219">
                  <c:v>63.208062927858947</c:v>
                </c:pt>
                <c:pt idx="2220">
                  <c:v>63.201684198865372</c:v>
                </c:pt>
                <c:pt idx="2221">
                  <c:v>63.193916264887896</c:v>
                </c:pt>
                <c:pt idx="2222">
                  <c:v>63.186201933675065</c:v>
                </c:pt>
                <c:pt idx="2223">
                  <c:v>63.179130835638077</c:v>
                </c:pt>
                <c:pt idx="2224">
                  <c:v>63.171362901660601</c:v>
                </c:pt>
                <c:pt idx="2225">
                  <c:v>63.165033308534611</c:v>
                </c:pt>
                <c:pt idx="2226">
                  <c:v>63.157265374557134</c:v>
                </c:pt>
                <c:pt idx="2227">
                  <c:v>63.149501907476711</c:v>
                </c:pt>
                <c:pt idx="2228">
                  <c:v>63.142479945307315</c:v>
                </c:pt>
                <c:pt idx="2229">
                  <c:v>63.134712011329839</c:v>
                </c:pt>
                <c:pt idx="2230">
                  <c:v>63.126948544249416</c:v>
                </c:pt>
                <c:pt idx="2231">
                  <c:v>63.11987297931536</c:v>
                </c:pt>
                <c:pt idx="2232">
                  <c:v>63.112851017145964</c:v>
                </c:pt>
                <c:pt idx="2233">
                  <c:v>63.105087550065541</c:v>
                </c:pt>
                <c:pt idx="2234">
                  <c:v>63.098061120999084</c:v>
                </c:pt>
                <c:pt idx="2235">
                  <c:v>63.090297653918668</c:v>
                </c:pt>
                <c:pt idx="2236">
                  <c:v>63.083226555881666</c:v>
                </c:pt>
                <c:pt idx="2237">
                  <c:v>63.076200126815209</c:v>
                </c:pt>
                <c:pt idx="2238">
                  <c:v>63.068436659734793</c:v>
                </c:pt>
                <c:pt idx="2239">
                  <c:v>63.06066872575731</c:v>
                </c:pt>
                <c:pt idx="2240">
                  <c:v>63.054339132631334</c:v>
                </c:pt>
                <c:pt idx="2241">
                  <c:v>63.046575665550911</c:v>
                </c:pt>
                <c:pt idx="2242">
                  <c:v>63.039500100616863</c:v>
                </c:pt>
                <c:pt idx="2243">
                  <c:v>63.03173663353644</c:v>
                </c:pt>
                <c:pt idx="2244">
                  <c:v>63.024017835426569</c:v>
                </c:pt>
                <c:pt idx="2245">
                  <c:v>63.016254368346139</c:v>
                </c:pt>
                <c:pt idx="2246">
                  <c:v>63.009875639352565</c:v>
                </c:pt>
                <c:pt idx="2247">
                  <c:v>63.002849210286108</c:v>
                </c:pt>
                <c:pt idx="2248">
                  <c:v>62.995778112249099</c:v>
                </c:pt>
                <c:pt idx="2249">
                  <c:v>62.988756150079709</c:v>
                </c:pt>
                <c:pt idx="2250">
                  <c:v>62.980988216102233</c:v>
                </c:pt>
                <c:pt idx="2251">
                  <c:v>62.973917118065224</c:v>
                </c:pt>
                <c:pt idx="2252">
                  <c:v>62.966890688998767</c:v>
                </c:pt>
                <c:pt idx="2253">
                  <c:v>62.959819590961771</c:v>
                </c:pt>
                <c:pt idx="2254">
                  <c:v>62.953489997835788</c:v>
                </c:pt>
                <c:pt idx="2255">
                  <c:v>62.945722063858319</c:v>
                </c:pt>
                <c:pt idx="2256">
                  <c:v>62.938650965821317</c:v>
                </c:pt>
                <c:pt idx="2257">
                  <c:v>62.93162453675486</c:v>
                </c:pt>
                <c:pt idx="2258">
                  <c:v>62.924553438717858</c:v>
                </c:pt>
                <c:pt idx="2259">
                  <c:v>62.916789971637442</c:v>
                </c:pt>
                <c:pt idx="2260">
                  <c:v>62.909071173527565</c:v>
                </c:pt>
                <c:pt idx="2261">
                  <c:v>62.902692444533983</c:v>
                </c:pt>
                <c:pt idx="2262">
                  <c:v>62.895670482364586</c:v>
                </c:pt>
                <c:pt idx="2263">
                  <c:v>62.888594917430531</c:v>
                </c:pt>
                <c:pt idx="2264">
                  <c:v>62.88157295526112</c:v>
                </c:pt>
                <c:pt idx="2265">
                  <c:v>62.874497390327079</c:v>
                </c:pt>
                <c:pt idx="2266">
                  <c:v>62.867426292290077</c:v>
                </c:pt>
                <c:pt idx="2267">
                  <c:v>62.859711961077245</c:v>
                </c:pt>
                <c:pt idx="2268">
                  <c:v>62.85332876518661</c:v>
                </c:pt>
                <c:pt idx="2269">
                  <c:v>62.846306803017214</c:v>
                </c:pt>
                <c:pt idx="2270">
                  <c:v>62.839235704980211</c:v>
                </c:pt>
                <c:pt idx="2271">
                  <c:v>62.832209275913755</c:v>
                </c:pt>
                <c:pt idx="2272">
                  <c:v>62.825138177876752</c:v>
                </c:pt>
                <c:pt idx="2273">
                  <c:v>62.818062612942704</c:v>
                </c:pt>
                <c:pt idx="2274">
                  <c:v>62.811733019816721</c:v>
                </c:pt>
                <c:pt idx="2275">
                  <c:v>62.803277183692884</c:v>
                </c:pt>
                <c:pt idx="2276">
                  <c:v>62.796943123669848</c:v>
                </c:pt>
                <c:pt idx="2277">
                  <c:v>62.789872025632846</c:v>
                </c:pt>
                <c:pt idx="2278">
                  <c:v>62.782850063463449</c:v>
                </c:pt>
                <c:pt idx="2279">
                  <c:v>62.775774498529394</c:v>
                </c:pt>
                <c:pt idx="2280">
                  <c:v>62.768703400492399</c:v>
                </c:pt>
                <c:pt idx="2281">
                  <c:v>62.761676971425942</c:v>
                </c:pt>
                <c:pt idx="2282">
                  <c:v>62.754605873388932</c:v>
                </c:pt>
                <c:pt idx="2283">
                  <c:v>62.747583911219529</c:v>
                </c:pt>
                <c:pt idx="2284">
                  <c:v>62.741200715328901</c:v>
                </c:pt>
                <c:pt idx="2285">
                  <c:v>62.734178753159497</c:v>
                </c:pt>
                <c:pt idx="2286">
                  <c:v>62.727107655122495</c:v>
                </c:pt>
                <c:pt idx="2287">
                  <c:v>62.720081226056045</c:v>
                </c:pt>
                <c:pt idx="2288">
                  <c:v>62.713010128019043</c:v>
                </c:pt>
                <c:pt idx="2289">
                  <c:v>62.705988165849632</c:v>
                </c:pt>
                <c:pt idx="2290">
                  <c:v>62.699604969958997</c:v>
                </c:pt>
                <c:pt idx="2291">
                  <c:v>62.692583007789601</c:v>
                </c:pt>
                <c:pt idx="2292">
                  <c:v>62.685507442855545</c:v>
                </c:pt>
                <c:pt idx="2293">
                  <c:v>62.678485480686142</c:v>
                </c:pt>
                <c:pt idx="2294">
                  <c:v>62.672106751692567</c:v>
                </c:pt>
                <c:pt idx="2295">
                  <c:v>62.66508032262611</c:v>
                </c:pt>
                <c:pt idx="2296">
                  <c:v>62.658009224589108</c:v>
                </c:pt>
                <c:pt idx="2297">
                  <c:v>62.651679631463132</c:v>
                </c:pt>
                <c:pt idx="2298">
                  <c:v>62.645345571440089</c:v>
                </c:pt>
                <c:pt idx="2299">
                  <c:v>62.638274473403101</c:v>
                </c:pt>
                <c:pt idx="2300">
                  <c:v>62.631203375366098</c:v>
                </c:pt>
                <c:pt idx="2301">
                  <c:v>62.624176946299634</c:v>
                </c:pt>
                <c:pt idx="2302">
                  <c:v>62.617798217306053</c:v>
                </c:pt>
                <c:pt idx="2303">
                  <c:v>62.610079419196175</c:v>
                </c:pt>
                <c:pt idx="2304">
                  <c:v>62.603700690202601</c:v>
                </c:pt>
                <c:pt idx="2305">
                  <c:v>62.596678728033197</c:v>
                </c:pt>
                <c:pt idx="2306">
                  <c:v>62.590295532142562</c:v>
                </c:pt>
                <c:pt idx="2307">
                  <c:v>62.583273569973166</c:v>
                </c:pt>
                <c:pt idx="2308">
                  <c:v>62.576943976847176</c:v>
                </c:pt>
                <c:pt idx="2309">
                  <c:v>62.569868411913134</c:v>
                </c:pt>
                <c:pt idx="2310">
                  <c:v>62.563538818787144</c:v>
                </c:pt>
                <c:pt idx="2311">
                  <c:v>62.556467720750156</c:v>
                </c:pt>
                <c:pt idx="2312">
                  <c:v>62.549441291683692</c:v>
                </c:pt>
                <c:pt idx="2313">
                  <c:v>62.54306256269011</c:v>
                </c:pt>
                <c:pt idx="2314">
                  <c:v>62.536040600520707</c:v>
                </c:pt>
                <c:pt idx="2315">
                  <c:v>62.529657404630079</c:v>
                </c:pt>
                <c:pt idx="2316">
                  <c:v>62.523327811504089</c:v>
                </c:pt>
                <c:pt idx="2317">
                  <c:v>62.516252246570048</c:v>
                </c:pt>
                <c:pt idx="2318">
                  <c:v>62.509230284400644</c:v>
                </c:pt>
                <c:pt idx="2319">
                  <c:v>62.502159186363635</c:v>
                </c:pt>
                <c:pt idx="2320">
                  <c:v>62.495825126340598</c:v>
                </c:pt>
                <c:pt idx="2321">
                  <c:v>62.488754028303603</c:v>
                </c:pt>
                <c:pt idx="2322">
                  <c:v>62.481732066134199</c:v>
                </c:pt>
                <c:pt idx="2323">
                  <c:v>62.475398006111163</c:v>
                </c:pt>
                <c:pt idx="2324">
                  <c:v>62.469019277117589</c:v>
                </c:pt>
                <c:pt idx="2325">
                  <c:v>62.461997314948178</c:v>
                </c:pt>
                <c:pt idx="2326">
                  <c:v>62.455614119057543</c:v>
                </c:pt>
                <c:pt idx="2327">
                  <c:v>62.449284525931567</c:v>
                </c:pt>
                <c:pt idx="2328">
                  <c:v>62.442208960997512</c:v>
                </c:pt>
                <c:pt idx="2329">
                  <c:v>62.435186998828115</c:v>
                </c:pt>
                <c:pt idx="2330">
                  <c:v>62.428857405702132</c:v>
                </c:pt>
                <c:pt idx="2331">
                  <c:v>62.421781840768077</c:v>
                </c:pt>
                <c:pt idx="2332">
                  <c:v>62.415452247642087</c:v>
                </c:pt>
                <c:pt idx="2333">
                  <c:v>62.408381149605098</c:v>
                </c:pt>
                <c:pt idx="2334">
                  <c:v>62.402047089582055</c:v>
                </c:pt>
                <c:pt idx="2335">
                  <c:v>62.395717496456079</c:v>
                </c:pt>
                <c:pt idx="2336">
                  <c:v>62.388646398419077</c:v>
                </c:pt>
                <c:pt idx="2337">
                  <c:v>62.383004707439461</c:v>
                </c:pt>
                <c:pt idx="2338">
                  <c:v>62.375933609402466</c:v>
                </c:pt>
                <c:pt idx="2339">
                  <c:v>62.368911647233062</c:v>
                </c:pt>
                <c:pt idx="2340">
                  <c:v>62.362528451342435</c:v>
                </c:pt>
                <c:pt idx="2341">
                  <c:v>62.355506489173031</c:v>
                </c:pt>
                <c:pt idx="2342">
                  <c:v>62.349176896047041</c:v>
                </c:pt>
                <c:pt idx="2343">
                  <c:v>62.342793700156406</c:v>
                </c:pt>
                <c:pt idx="2344">
                  <c:v>62.33577173798701</c:v>
                </c:pt>
                <c:pt idx="2345">
                  <c:v>62.328696173052954</c:v>
                </c:pt>
                <c:pt idx="2346">
                  <c:v>62.322366579926978</c:v>
                </c:pt>
                <c:pt idx="2347">
                  <c:v>62.315987850933396</c:v>
                </c:pt>
                <c:pt idx="2348">
                  <c:v>62.30896142186694</c:v>
                </c:pt>
                <c:pt idx="2349">
                  <c:v>62.30263182874095</c:v>
                </c:pt>
                <c:pt idx="2350">
                  <c:v>62.296253099747375</c:v>
                </c:pt>
                <c:pt idx="2351">
                  <c:v>62.289226670680918</c:v>
                </c:pt>
                <c:pt idx="2352">
                  <c:v>62.282847941687336</c:v>
                </c:pt>
                <c:pt idx="2353">
                  <c:v>62.27582597951794</c:v>
                </c:pt>
                <c:pt idx="2354">
                  <c:v>62.270184288538324</c:v>
                </c:pt>
                <c:pt idx="2355">
                  <c:v>62.263113190501329</c:v>
                </c:pt>
                <c:pt idx="2356">
                  <c:v>62.256091228331925</c:v>
                </c:pt>
                <c:pt idx="2357">
                  <c:v>62.249708032441298</c:v>
                </c:pt>
                <c:pt idx="2358">
                  <c:v>62.243378439315308</c:v>
                </c:pt>
                <c:pt idx="2359">
                  <c:v>62.236307341278305</c:v>
                </c:pt>
                <c:pt idx="2360">
                  <c:v>62.229973281255269</c:v>
                </c:pt>
                <c:pt idx="2361">
                  <c:v>62.223643688129293</c:v>
                </c:pt>
                <c:pt idx="2362">
                  <c:v>62.217314095003303</c:v>
                </c:pt>
                <c:pt idx="2363">
                  <c:v>62.210930899112668</c:v>
                </c:pt>
                <c:pt idx="2364">
                  <c:v>62.203908936943279</c:v>
                </c:pt>
                <c:pt idx="2365">
                  <c:v>62.19753020794969</c:v>
                </c:pt>
                <c:pt idx="2366">
                  <c:v>62.191196147926661</c:v>
                </c:pt>
                <c:pt idx="2367">
                  <c:v>62.184866554800678</c:v>
                </c:pt>
                <c:pt idx="2368">
                  <c:v>62.177790989866622</c:v>
                </c:pt>
                <c:pt idx="2369">
                  <c:v>62.172153765784067</c:v>
                </c:pt>
                <c:pt idx="2370">
                  <c:v>62.165082667747065</c:v>
                </c:pt>
                <c:pt idx="2371">
                  <c:v>62.158748607724021</c:v>
                </c:pt>
                <c:pt idx="2372">
                  <c:v>62.152419014598046</c:v>
                </c:pt>
                <c:pt idx="2373">
                  <c:v>62.146089421472062</c:v>
                </c:pt>
                <c:pt idx="2374">
                  <c:v>62.139706225581428</c:v>
                </c:pt>
                <c:pt idx="2375">
                  <c:v>62.133376632455452</c:v>
                </c:pt>
                <c:pt idx="2376">
                  <c:v>62.126305534418449</c:v>
                </c:pt>
                <c:pt idx="2377">
                  <c:v>62.11997147439542</c:v>
                </c:pt>
                <c:pt idx="2378">
                  <c:v>62.11364188126943</c:v>
                </c:pt>
                <c:pt idx="2379">
                  <c:v>62.107263152275848</c:v>
                </c:pt>
                <c:pt idx="2380">
                  <c:v>62.100929092252819</c:v>
                </c:pt>
                <c:pt idx="2381">
                  <c:v>62.093907130083416</c:v>
                </c:pt>
                <c:pt idx="2382">
                  <c:v>62.087528401089841</c:v>
                </c:pt>
                <c:pt idx="2383">
                  <c:v>62.080501972023384</c:v>
                </c:pt>
                <c:pt idx="2384">
                  <c:v>62.074864747940829</c:v>
                </c:pt>
                <c:pt idx="2385">
                  <c:v>62.068486018947247</c:v>
                </c:pt>
                <c:pt idx="2386">
                  <c:v>62.061459589880783</c:v>
                </c:pt>
                <c:pt idx="2387">
                  <c:v>62.055822365798228</c:v>
                </c:pt>
                <c:pt idx="2388">
                  <c:v>62.048751267761226</c:v>
                </c:pt>
                <c:pt idx="2389">
                  <c:v>62.04241720773819</c:v>
                </c:pt>
                <c:pt idx="2390">
                  <c:v>62.036779983655634</c:v>
                </c:pt>
                <c:pt idx="2391">
                  <c:v>62.029708885618632</c:v>
                </c:pt>
                <c:pt idx="2392">
                  <c:v>62.023374825595589</c:v>
                </c:pt>
                <c:pt idx="2393">
                  <c:v>62.017737601513026</c:v>
                </c:pt>
                <c:pt idx="2394">
                  <c:v>62.010666503476031</c:v>
                </c:pt>
                <c:pt idx="2395">
                  <c:v>62.005024812496416</c:v>
                </c:pt>
                <c:pt idx="2396">
                  <c:v>61.998002850327019</c:v>
                </c:pt>
                <c:pt idx="2397">
                  <c:v>61.99236562624445</c:v>
                </c:pt>
                <c:pt idx="2398">
                  <c:v>61.985290061310394</c:v>
                </c:pt>
                <c:pt idx="2399">
                  <c:v>61.978960468184418</c:v>
                </c:pt>
                <c:pt idx="2400">
                  <c:v>61.973323244101849</c:v>
                </c:pt>
                <c:pt idx="2401">
                  <c:v>61.966247679167807</c:v>
                </c:pt>
                <c:pt idx="2402">
                  <c:v>61.959918086041824</c:v>
                </c:pt>
                <c:pt idx="2403">
                  <c:v>61.954280861959255</c:v>
                </c:pt>
                <c:pt idx="2404">
                  <c:v>61.947897666068627</c:v>
                </c:pt>
                <c:pt idx="2405">
                  <c:v>61.940875703899223</c:v>
                </c:pt>
                <c:pt idx="2406">
                  <c:v>61.935238479816668</c:v>
                </c:pt>
                <c:pt idx="2407">
                  <c:v>61.928855283926033</c:v>
                </c:pt>
                <c:pt idx="2408">
                  <c:v>61.922525690800043</c:v>
                </c:pt>
                <c:pt idx="2409">
                  <c:v>61.916196097674067</c:v>
                </c:pt>
                <c:pt idx="2410">
                  <c:v>61.909120532740012</c:v>
                </c:pt>
                <c:pt idx="2411">
                  <c:v>61.903483308657449</c:v>
                </c:pt>
                <c:pt idx="2412">
                  <c:v>61.897153715531473</c:v>
                </c:pt>
                <c:pt idx="2413">
                  <c:v>61.89081965550843</c:v>
                </c:pt>
                <c:pt idx="2414">
                  <c:v>61.883748557471442</c:v>
                </c:pt>
                <c:pt idx="2415">
                  <c:v>61.876672992537372</c:v>
                </c:pt>
                <c:pt idx="2416">
                  <c:v>61.871035768454817</c:v>
                </c:pt>
                <c:pt idx="2417">
                  <c:v>61.864013806285413</c:v>
                </c:pt>
                <c:pt idx="2418">
                  <c:v>61.858376582202858</c:v>
                </c:pt>
                <c:pt idx="2419">
                  <c:v>61.85199338631223</c:v>
                </c:pt>
                <c:pt idx="2420">
                  <c:v>61.844971424142827</c:v>
                </c:pt>
                <c:pt idx="2421">
                  <c:v>61.838641831016837</c:v>
                </c:pt>
                <c:pt idx="2422">
                  <c:v>61.832258635126202</c:v>
                </c:pt>
                <c:pt idx="2423">
                  <c:v>61.825236672956805</c:v>
                </c:pt>
                <c:pt idx="2424">
                  <c:v>61.81885347706617</c:v>
                </c:pt>
                <c:pt idx="2425">
                  <c:v>61.812523883940194</c:v>
                </c:pt>
                <c:pt idx="2426">
                  <c:v>61.806194290814211</c:v>
                </c:pt>
                <c:pt idx="2427">
                  <c:v>61.799811094923577</c:v>
                </c:pt>
                <c:pt idx="2428">
                  <c:v>61.793481501797601</c:v>
                </c:pt>
                <c:pt idx="2429">
                  <c:v>61.787151908671611</c:v>
                </c:pt>
                <c:pt idx="2430">
                  <c:v>61.780768712780976</c:v>
                </c:pt>
                <c:pt idx="2431">
                  <c:v>61.774439119655</c:v>
                </c:pt>
                <c:pt idx="2432">
                  <c:v>61.768109526529017</c:v>
                </c:pt>
                <c:pt idx="2433">
                  <c:v>61.761726330638389</c:v>
                </c:pt>
                <c:pt idx="2434">
                  <c:v>61.755396737512399</c:v>
                </c:pt>
                <c:pt idx="2435">
                  <c:v>61.74906714438643</c:v>
                </c:pt>
                <c:pt idx="2436">
                  <c:v>61.74273308436338</c:v>
                </c:pt>
                <c:pt idx="2437">
                  <c:v>61.736354355369805</c:v>
                </c:pt>
                <c:pt idx="2438">
                  <c:v>61.730024762243829</c:v>
                </c:pt>
                <c:pt idx="2439">
                  <c:v>61.723690702220793</c:v>
                </c:pt>
                <c:pt idx="2440">
                  <c:v>61.717311973227204</c:v>
                </c:pt>
                <c:pt idx="2441">
                  <c:v>61.710982380101228</c:v>
                </c:pt>
                <c:pt idx="2442">
                  <c:v>61.703906815167173</c:v>
                </c:pt>
                <c:pt idx="2443">
                  <c:v>61.69757722204119</c:v>
                </c:pt>
                <c:pt idx="2444">
                  <c:v>61.691247628915214</c:v>
                </c:pt>
                <c:pt idx="2445">
                  <c:v>61.684864433024579</c:v>
                </c:pt>
                <c:pt idx="2446">
                  <c:v>61.678534839898589</c:v>
                </c:pt>
                <c:pt idx="2447">
                  <c:v>61.672205246772613</c:v>
                </c:pt>
                <c:pt idx="2448">
                  <c:v>61.665871186749577</c:v>
                </c:pt>
                <c:pt idx="2449">
                  <c:v>61.659492457755995</c:v>
                </c:pt>
                <c:pt idx="2450">
                  <c:v>61.653162864630019</c:v>
                </c:pt>
                <c:pt idx="2451">
                  <c:v>61.646087299695964</c:v>
                </c:pt>
                <c:pt idx="2452">
                  <c:v>61.639757706569988</c:v>
                </c:pt>
                <c:pt idx="2453">
                  <c:v>61.634120482487418</c:v>
                </c:pt>
                <c:pt idx="2454">
                  <c:v>61.627786422464389</c:v>
                </c:pt>
                <c:pt idx="2455">
                  <c:v>61.620715324427387</c:v>
                </c:pt>
                <c:pt idx="2456">
                  <c:v>61.614385731301404</c:v>
                </c:pt>
                <c:pt idx="2457">
                  <c:v>61.608002535410776</c:v>
                </c:pt>
                <c:pt idx="2458">
                  <c:v>61.601672942284793</c:v>
                </c:pt>
                <c:pt idx="2459">
                  <c:v>61.596035718202224</c:v>
                </c:pt>
                <c:pt idx="2460">
                  <c:v>61.589009289135767</c:v>
                </c:pt>
                <c:pt idx="2461">
                  <c:v>61.581938191098772</c:v>
                </c:pt>
                <c:pt idx="2462">
                  <c:v>61.576300967016216</c:v>
                </c:pt>
                <c:pt idx="2463">
                  <c:v>61.56996690699318</c:v>
                </c:pt>
                <c:pt idx="2464">
                  <c:v>61.563588177999598</c:v>
                </c:pt>
                <c:pt idx="2465">
                  <c:v>61.557258584873622</c:v>
                </c:pt>
                <c:pt idx="2466">
                  <c:v>61.550924524850579</c:v>
                </c:pt>
                <c:pt idx="2467">
                  <c:v>61.543853426813577</c:v>
                </c:pt>
                <c:pt idx="2468">
                  <c:v>61.538216202731022</c:v>
                </c:pt>
                <c:pt idx="2469">
                  <c:v>61.531140637796966</c:v>
                </c:pt>
                <c:pt idx="2470">
                  <c:v>61.524811044670983</c:v>
                </c:pt>
                <c:pt idx="2471">
                  <c:v>61.518481451545007</c:v>
                </c:pt>
                <c:pt idx="2472">
                  <c:v>61.512147391521964</c:v>
                </c:pt>
                <c:pt idx="2473">
                  <c:v>61.505076293484976</c:v>
                </c:pt>
                <c:pt idx="2474">
                  <c:v>61.498742233461925</c:v>
                </c:pt>
                <c:pt idx="2475">
                  <c:v>61.492363504468351</c:v>
                </c:pt>
                <c:pt idx="2476">
                  <c:v>61.486033911342375</c:v>
                </c:pt>
                <c:pt idx="2477">
                  <c:v>61.479699851319339</c:v>
                </c:pt>
                <c:pt idx="2478">
                  <c:v>61.47332112232575</c:v>
                </c:pt>
                <c:pt idx="2479">
                  <c:v>61.466299160156346</c:v>
                </c:pt>
                <c:pt idx="2480">
                  <c:v>61.459915964265718</c:v>
                </c:pt>
                <c:pt idx="2481">
                  <c:v>61.453586371139735</c:v>
                </c:pt>
                <c:pt idx="2482">
                  <c:v>61.44725677801376</c:v>
                </c:pt>
                <c:pt idx="2483">
                  <c:v>61.440181213079704</c:v>
                </c:pt>
                <c:pt idx="2484">
                  <c:v>61.434543988997135</c:v>
                </c:pt>
                <c:pt idx="2485">
                  <c:v>61.428214395871159</c:v>
                </c:pt>
                <c:pt idx="2486">
                  <c:v>61.421880335848122</c:v>
                </c:pt>
                <c:pt idx="2487">
                  <c:v>61.415501606854541</c:v>
                </c:pt>
                <c:pt idx="2488">
                  <c:v>61.409172013728565</c:v>
                </c:pt>
                <c:pt idx="2489">
                  <c:v>61.402837953705522</c:v>
                </c:pt>
                <c:pt idx="2490">
                  <c:v>61.395766855668533</c:v>
                </c:pt>
                <c:pt idx="2491">
                  <c:v>61.389437262542543</c:v>
                </c:pt>
                <c:pt idx="2492">
                  <c:v>61.383054066651908</c:v>
                </c:pt>
                <c:pt idx="2493">
                  <c:v>61.376724473525933</c:v>
                </c:pt>
                <c:pt idx="2494">
                  <c:v>61.370394880399949</c:v>
                </c:pt>
                <c:pt idx="2495">
                  <c:v>61.363319315465901</c:v>
                </c:pt>
                <c:pt idx="2496">
                  <c:v>61.356989722339918</c:v>
                </c:pt>
                <c:pt idx="2497">
                  <c:v>61.350660129213942</c:v>
                </c:pt>
                <c:pt idx="2498">
                  <c:v>61.344276933323307</c:v>
                </c:pt>
                <c:pt idx="2499">
                  <c:v>61.337254971153897</c:v>
                </c:pt>
                <c:pt idx="2500">
                  <c:v>61.330876242160329</c:v>
                </c:pt>
                <c:pt idx="2501">
                  <c:v>61.324542182137286</c:v>
                </c:pt>
                <c:pt idx="2502">
                  <c:v>61.318212589011303</c:v>
                </c:pt>
                <c:pt idx="2503">
                  <c:v>61.311137024077254</c:v>
                </c:pt>
                <c:pt idx="2504">
                  <c:v>61.304807430951271</c:v>
                </c:pt>
                <c:pt idx="2505">
                  <c:v>61.298477837825281</c:v>
                </c:pt>
                <c:pt idx="2506">
                  <c:v>61.292094641934661</c:v>
                </c:pt>
                <c:pt idx="2507">
                  <c:v>61.28507267976525</c:v>
                </c:pt>
                <c:pt idx="2508">
                  <c:v>61.279435455682695</c:v>
                </c:pt>
                <c:pt idx="2509">
                  <c:v>61.27305225979206</c:v>
                </c:pt>
                <c:pt idx="2510">
                  <c:v>61.266030297622656</c:v>
                </c:pt>
                <c:pt idx="2511">
                  <c:v>61.259700704496666</c:v>
                </c:pt>
                <c:pt idx="2512">
                  <c:v>61.253317508606031</c:v>
                </c:pt>
                <c:pt idx="2513">
                  <c:v>61.246295546436635</c:v>
                </c:pt>
                <c:pt idx="2514">
                  <c:v>61.239916817443053</c:v>
                </c:pt>
                <c:pt idx="2515">
                  <c:v>61.232890388376603</c:v>
                </c:pt>
                <c:pt idx="2516">
                  <c:v>61.226511659383021</c:v>
                </c:pt>
                <c:pt idx="2517">
                  <c:v>61.220182066257046</c:v>
                </c:pt>
                <c:pt idx="2518">
                  <c:v>61.213848006234009</c:v>
                </c:pt>
                <c:pt idx="2519">
                  <c:v>61.207469277240421</c:v>
                </c:pt>
                <c:pt idx="2520">
                  <c:v>61.201139684114445</c:v>
                </c:pt>
                <c:pt idx="2521">
                  <c:v>61.194113255047988</c:v>
                </c:pt>
                <c:pt idx="2522">
                  <c:v>61.187734526054413</c:v>
                </c:pt>
                <c:pt idx="2523">
                  <c:v>61.18140493292843</c:v>
                </c:pt>
                <c:pt idx="2524">
                  <c:v>61.175070872905394</c:v>
                </c:pt>
                <c:pt idx="2525">
                  <c:v>61.168692143911819</c:v>
                </c:pt>
                <c:pt idx="2526">
                  <c:v>61.162362550785829</c:v>
                </c:pt>
                <c:pt idx="2527">
                  <c:v>61.156028490762793</c:v>
                </c:pt>
                <c:pt idx="2528">
                  <c:v>61.149649761769219</c:v>
                </c:pt>
                <c:pt idx="2529">
                  <c:v>61.144012537686656</c:v>
                </c:pt>
                <c:pt idx="2530">
                  <c:v>61.136986108620192</c:v>
                </c:pt>
                <c:pt idx="2531">
                  <c:v>61.130607379626611</c:v>
                </c:pt>
                <c:pt idx="2532">
                  <c:v>61.123585417457214</c:v>
                </c:pt>
                <c:pt idx="2533">
                  <c:v>61.117251357434185</c:v>
                </c:pt>
                <c:pt idx="2534">
                  <c:v>61.110872628440603</c:v>
                </c:pt>
                <c:pt idx="2535">
                  <c:v>61.1038506662712</c:v>
                </c:pt>
                <c:pt idx="2536">
                  <c:v>61.098208975291591</c:v>
                </c:pt>
                <c:pt idx="2537">
                  <c:v>61.091137877254589</c:v>
                </c:pt>
                <c:pt idx="2538">
                  <c:v>61.084808284128613</c:v>
                </c:pt>
                <c:pt idx="2539">
                  <c:v>61.078425088237978</c:v>
                </c:pt>
                <c:pt idx="2540">
                  <c:v>61.071403126068567</c:v>
                </c:pt>
                <c:pt idx="2541">
                  <c:v>61.065069066045531</c:v>
                </c:pt>
                <c:pt idx="2542">
                  <c:v>61.058690337051949</c:v>
                </c:pt>
                <c:pt idx="2543">
                  <c:v>61.051668374882553</c:v>
                </c:pt>
                <c:pt idx="2544">
                  <c:v>61.045285178991918</c:v>
                </c:pt>
                <c:pt idx="2545">
                  <c:v>61.038955585865942</c:v>
                </c:pt>
                <c:pt idx="2546">
                  <c:v>61.032625992739952</c:v>
                </c:pt>
                <c:pt idx="2547">
                  <c:v>61.026242796849331</c:v>
                </c:pt>
                <c:pt idx="2548">
                  <c:v>61.019913203723341</c:v>
                </c:pt>
                <c:pt idx="2549">
                  <c:v>61.012891241553945</c:v>
                </c:pt>
                <c:pt idx="2550">
                  <c:v>61.00720041470673</c:v>
                </c:pt>
                <c:pt idx="2551">
                  <c:v>61.000870821580747</c:v>
                </c:pt>
                <c:pt idx="2552">
                  <c:v>60.993848859411351</c:v>
                </c:pt>
                <c:pt idx="2553">
                  <c:v>60.987465663520709</c:v>
                </c:pt>
                <c:pt idx="2554">
                  <c:v>60.981136070394726</c:v>
                </c:pt>
                <c:pt idx="2555">
                  <c:v>60.974064972357731</c:v>
                </c:pt>
                <c:pt idx="2556">
                  <c:v>60.968423281378101</c:v>
                </c:pt>
                <c:pt idx="2557">
                  <c:v>60.962093688252125</c:v>
                </c:pt>
                <c:pt idx="2558">
                  <c:v>60.955764095126142</c:v>
                </c:pt>
                <c:pt idx="2559">
                  <c:v>60.949380899235514</c:v>
                </c:pt>
                <c:pt idx="2560">
                  <c:v>60.943051306109531</c:v>
                </c:pt>
                <c:pt idx="2561">
                  <c:v>60.936721712983555</c:v>
                </c:pt>
                <c:pt idx="2562">
                  <c:v>60.93033851709292</c:v>
                </c:pt>
                <c:pt idx="2563">
                  <c:v>60.92400892396693</c:v>
                </c:pt>
                <c:pt idx="2564">
                  <c:v>60.916986961797534</c:v>
                </c:pt>
                <c:pt idx="2565">
                  <c:v>60.910603765906899</c:v>
                </c:pt>
                <c:pt idx="2566">
                  <c:v>60.904966541824336</c:v>
                </c:pt>
                <c:pt idx="2567">
                  <c:v>60.898636948698361</c:v>
                </c:pt>
                <c:pt idx="2568">
                  <c:v>60.892302888675317</c:v>
                </c:pt>
                <c:pt idx="2569">
                  <c:v>60.88592415968175</c:v>
                </c:pt>
                <c:pt idx="2570">
                  <c:v>60.87959456655576</c:v>
                </c:pt>
                <c:pt idx="2571">
                  <c:v>60.873260506532731</c:v>
                </c:pt>
                <c:pt idx="2572">
                  <c:v>60.866189408495728</c:v>
                </c:pt>
                <c:pt idx="2573">
                  <c:v>60.859859815369745</c:v>
                </c:pt>
                <c:pt idx="2574">
                  <c:v>60.853476619479117</c:v>
                </c:pt>
                <c:pt idx="2575">
                  <c:v>60.847839395396555</c:v>
                </c:pt>
                <c:pt idx="2576">
                  <c:v>60.840817433227159</c:v>
                </c:pt>
                <c:pt idx="2577">
                  <c:v>60.834483373204108</c:v>
                </c:pt>
                <c:pt idx="2578">
                  <c:v>60.828104644210534</c:v>
                </c:pt>
                <c:pt idx="2579">
                  <c:v>60.82108268204113</c:v>
                </c:pt>
                <c:pt idx="2580">
                  <c:v>60.814699486150495</c:v>
                </c:pt>
                <c:pt idx="2581">
                  <c:v>60.808369893024519</c:v>
                </c:pt>
                <c:pt idx="2582">
                  <c:v>60.802040299898529</c:v>
                </c:pt>
                <c:pt idx="2583">
                  <c:v>60.795657104007908</c:v>
                </c:pt>
                <c:pt idx="2584">
                  <c:v>60.788635141838498</c:v>
                </c:pt>
                <c:pt idx="2585">
                  <c:v>60.782301081815469</c:v>
                </c:pt>
                <c:pt idx="2586">
                  <c:v>60.775922352821887</c:v>
                </c:pt>
                <c:pt idx="2587">
                  <c:v>60.769592759695904</c:v>
                </c:pt>
                <c:pt idx="2588">
                  <c:v>60.763258699672875</c:v>
                </c:pt>
                <c:pt idx="2589">
                  <c:v>60.756879970679293</c:v>
                </c:pt>
                <c:pt idx="2590">
                  <c:v>60.750550377553317</c:v>
                </c:pt>
                <c:pt idx="2591">
                  <c:v>60.744908686573694</c:v>
                </c:pt>
                <c:pt idx="2592">
                  <c:v>60.737837588536692</c:v>
                </c:pt>
                <c:pt idx="2593">
                  <c:v>60.731507995410716</c:v>
                </c:pt>
                <c:pt idx="2594">
                  <c:v>60.72517393538768</c:v>
                </c:pt>
                <c:pt idx="2595">
                  <c:v>60.719536711305125</c:v>
                </c:pt>
                <c:pt idx="2596">
                  <c:v>60.713157982311536</c:v>
                </c:pt>
                <c:pt idx="2597">
                  <c:v>60.7068239222885</c:v>
                </c:pt>
                <c:pt idx="2598">
                  <c:v>60.699752824251505</c:v>
                </c:pt>
                <c:pt idx="2599">
                  <c:v>60.693423231125522</c:v>
                </c:pt>
                <c:pt idx="2600">
                  <c:v>60.687089171102485</c:v>
                </c:pt>
                <c:pt idx="2601">
                  <c:v>60.680759577976495</c:v>
                </c:pt>
                <c:pt idx="2602">
                  <c:v>60.675073218026341</c:v>
                </c:pt>
                <c:pt idx="2603">
                  <c:v>60.668739158003312</c:v>
                </c:pt>
                <c:pt idx="2604">
                  <c:v>60.662409564877329</c:v>
                </c:pt>
                <c:pt idx="2605">
                  <c:v>60.656079971751353</c:v>
                </c:pt>
                <c:pt idx="2606">
                  <c:v>60.650389144904139</c:v>
                </c:pt>
                <c:pt idx="2607">
                  <c:v>60.644059551778149</c:v>
                </c:pt>
                <c:pt idx="2608">
                  <c:v>60.637729958652173</c:v>
                </c:pt>
                <c:pt idx="2609">
                  <c:v>60.631395898629137</c:v>
                </c:pt>
                <c:pt idx="2610">
                  <c:v>60.625017169635555</c:v>
                </c:pt>
                <c:pt idx="2611">
                  <c:v>60.619379945553</c:v>
                </c:pt>
                <c:pt idx="2612">
                  <c:v>60.613045885529957</c:v>
                </c:pt>
                <c:pt idx="2613">
                  <c:v>60.606716292403981</c:v>
                </c:pt>
                <c:pt idx="2614">
                  <c:v>60.600337563410399</c:v>
                </c:pt>
                <c:pt idx="2615">
                  <c:v>60.594003503387363</c:v>
                </c:pt>
                <c:pt idx="2616">
                  <c:v>60.587673910261387</c:v>
                </c:pt>
                <c:pt idx="2617">
                  <c:v>60.582036686178817</c:v>
                </c:pt>
                <c:pt idx="2618">
                  <c:v>60.575653490288182</c:v>
                </c:pt>
                <c:pt idx="2619">
                  <c:v>60.569323897162207</c:v>
                </c:pt>
                <c:pt idx="2620">
                  <c:v>60.564379042123072</c:v>
                </c:pt>
                <c:pt idx="2621">
                  <c:v>60.557357079953668</c:v>
                </c:pt>
                <c:pt idx="2622">
                  <c:v>60.551666253106454</c:v>
                </c:pt>
                <c:pt idx="2623">
                  <c:v>60.545336659980464</c:v>
                </c:pt>
                <c:pt idx="2624">
                  <c:v>60.538314697811067</c:v>
                </c:pt>
                <c:pt idx="2625">
                  <c:v>60.532673006831452</c:v>
                </c:pt>
                <c:pt idx="2626">
                  <c:v>60.526986646881298</c:v>
                </c:pt>
                <c:pt idx="2627">
                  <c:v>60.520657053755315</c:v>
                </c:pt>
                <c:pt idx="2628">
                  <c:v>60.514322993732272</c:v>
                </c:pt>
                <c:pt idx="2629">
                  <c:v>60.508685769649716</c:v>
                </c:pt>
                <c:pt idx="2630">
                  <c:v>60.502307040656135</c:v>
                </c:pt>
                <c:pt idx="2631">
                  <c:v>60.495972980633105</c:v>
                </c:pt>
                <c:pt idx="2632">
                  <c:v>60.490335756550536</c:v>
                </c:pt>
                <c:pt idx="2633">
                  <c:v>60.484006163424567</c:v>
                </c:pt>
                <c:pt idx="2634">
                  <c:v>60.478364472444945</c:v>
                </c:pt>
                <c:pt idx="2635">
                  <c:v>60.472727248362382</c:v>
                </c:pt>
                <c:pt idx="2636">
                  <c:v>60.467090024279827</c:v>
                </c:pt>
                <c:pt idx="2637">
                  <c:v>60.460706828389185</c:v>
                </c:pt>
                <c:pt idx="2638">
                  <c:v>60.454377235263202</c:v>
                </c:pt>
                <c:pt idx="2639">
                  <c:v>60.448740011180647</c:v>
                </c:pt>
                <c:pt idx="2640">
                  <c:v>60.443098320201031</c:v>
                </c:pt>
                <c:pt idx="2641">
                  <c:v>60.436768727075041</c:v>
                </c:pt>
                <c:pt idx="2642">
                  <c:v>60.431131502992486</c:v>
                </c:pt>
                <c:pt idx="2643">
                  <c:v>60.424748307101858</c:v>
                </c:pt>
                <c:pt idx="2644">
                  <c:v>60.419111083019295</c:v>
                </c:pt>
                <c:pt idx="2645">
                  <c:v>60.412781489893305</c:v>
                </c:pt>
                <c:pt idx="2646">
                  <c:v>60.407836634854171</c:v>
                </c:pt>
                <c:pt idx="2647">
                  <c:v>60.402194943874562</c:v>
                </c:pt>
                <c:pt idx="2648">
                  <c:v>60.395865350748579</c:v>
                </c:pt>
                <c:pt idx="2649">
                  <c:v>60.39022812666601</c:v>
                </c:pt>
                <c:pt idx="2650">
                  <c:v>60.383844930775389</c:v>
                </c:pt>
                <c:pt idx="2651">
                  <c:v>60.37820770669282</c:v>
                </c:pt>
                <c:pt idx="2652">
                  <c:v>60.371878113566837</c:v>
                </c:pt>
                <c:pt idx="2653">
                  <c:v>60.365544053543807</c:v>
                </c:pt>
                <c:pt idx="2654">
                  <c:v>60.359906829461238</c:v>
                </c:pt>
                <c:pt idx="2655">
                  <c:v>60.353528100467656</c:v>
                </c:pt>
                <c:pt idx="2656">
                  <c:v>60.347886409488048</c:v>
                </c:pt>
                <c:pt idx="2657">
                  <c:v>60.342249185405493</c:v>
                </c:pt>
                <c:pt idx="2658">
                  <c:v>60.33661196132293</c:v>
                </c:pt>
                <c:pt idx="2659">
                  <c:v>60.330277901299887</c:v>
                </c:pt>
                <c:pt idx="2660">
                  <c:v>60.324640677217332</c:v>
                </c:pt>
                <c:pt idx="2661">
                  <c:v>60.319003453134769</c:v>
                </c:pt>
                <c:pt idx="2662">
                  <c:v>60.313366229052214</c:v>
                </c:pt>
                <c:pt idx="2663">
                  <c:v>60.307724538072591</c:v>
                </c:pt>
                <c:pt idx="2664">
                  <c:v>60.302038178122444</c:v>
                </c:pt>
                <c:pt idx="2665">
                  <c:v>60.296400954039875</c:v>
                </c:pt>
                <c:pt idx="2666">
                  <c:v>60.290759263060259</c:v>
                </c:pt>
                <c:pt idx="2667">
                  <c:v>60.285122038977704</c:v>
                </c:pt>
                <c:pt idx="2668">
                  <c:v>60.280226319806161</c:v>
                </c:pt>
                <c:pt idx="2669">
                  <c:v>60.273843123915526</c:v>
                </c:pt>
                <c:pt idx="2670">
                  <c:v>60.268205899832964</c:v>
                </c:pt>
                <c:pt idx="2671">
                  <c:v>60.262568675750408</c:v>
                </c:pt>
                <c:pt idx="2672">
                  <c:v>60.256931451667839</c:v>
                </c:pt>
                <c:pt idx="2673">
                  <c:v>60.251289760688223</c:v>
                </c:pt>
                <c:pt idx="2674">
                  <c:v>60.245652536605668</c:v>
                </c:pt>
                <c:pt idx="2675">
                  <c:v>60.240015312523113</c:v>
                </c:pt>
                <c:pt idx="2676">
                  <c:v>60.23437362154349</c:v>
                </c:pt>
                <c:pt idx="2677">
                  <c:v>60.228736397460928</c:v>
                </c:pt>
                <c:pt idx="2678">
                  <c:v>60.223099173378372</c:v>
                </c:pt>
                <c:pt idx="2679">
                  <c:v>60.217461949295817</c:v>
                </c:pt>
                <c:pt idx="2680">
                  <c:v>60.211820258316195</c:v>
                </c:pt>
                <c:pt idx="2681">
                  <c:v>60.206183034233632</c:v>
                </c:pt>
                <c:pt idx="2682">
                  <c:v>60.199804305240043</c:v>
                </c:pt>
                <c:pt idx="2683">
                  <c:v>60.194162614260435</c:v>
                </c:pt>
                <c:pt idx="2684">
                  <c:v>60.18852539017788</c:v>
                </c:pt>
                <c:pt idx="2685">
                  <c:v>60.183580535138738</c:v>
                </c:pt>
                <c:pt idx="2686">
                  <c:v>60.177246475115709</c:v>
                </c:pt>
                <c:pt idx="2687">
                  <c:v>60.171609251033139</c:v>
                </c:pt>
                <c:pt idx="2688">
                  <c:v>60.165972026950577</c:v>
                </c:pt>
                <c:pt idx="2689">
                  <c:v>60.160330335970968</c:v>
                </c:pt>
                <c:pt idx="2690">
                  <c:v>60.154693111888399</c:v>
                </c:pt>
                <c:pt idx="2691">
                  <c:v>60.149055887805844</c:v>
                </c:pt>
                <c:pt idx="2692">
                  <c:v>60.143418663723281</c:v>
                </c:pt>
                <c:pt idx="2693">
                  <c:v>60.138469341787079</c:v>
                </c:pt>
                <c:pt idx="2694">
                  <c:v>60.132139748661103</c:v>
                </c:pt>
                <c:pt idx="2695">
                  <c:v>60.126502524578548</c:v>
                </c:pt>
                <c:pt idx="2696">
                  <c:v>60.120811697731334</c:v>
                </c:pt>
                <c:pt idx="2697">
                  <c:v>60.115915978559784</c:v>
                </c:pt>
                <c:pt idx="2698">
                  <c:v>60.109537249566216</c:v>
                </c:pt>
                <c:pt idx="2699">
                  <c:v>60.103895558586593</c:v>
                </c:pt>
                <c:pt idx="2700">
                  <c:v>60.098950703547459</c:v>
                </c:pt>
                <c:pt idx="2701">
                  <c:v>60.093313479464896</c:v>
                </c:pt>
                <c:pt idx="2702">
                  <c:v>60.087676255382341</c:v>
                </c:pt>
                <c:pt idx="2703">
                  <c:v>60.082034564402719</c:v>
                </c:pt>
                <c:pt idx="2704">
                  <c:v>60.076397340320163</c:v>
                </c:pt>
                <c:pt idx="2705">
                  <c:v>60.07006774719418</c:v>
                </c:pt>
                <c:pt idx="2706">
                  <c:v>60.064426056214572</c:v>
                </c:pt>
                <c:pt idx="2707">
                  <c:v>60.059481201175423</c:v>
                </c:pt>
                <c:pt idx="2708">
                  <c:v>60.053843977092868</c:v>
                </c:pt>
                <c:pt idx="2709">
                  <c:v>60.048899122053726</c:v>
                </c:pt>
                <c:pt idx="2710">
                  <c:v>60.043257431074103</c:v>
                </c:pt>
                <c:pt idx="2711">
                  <c:v>60.037620206991548</c:v>
                </c:pt>
                <c:pt idx="2712">
                  <c:v>60.031982982908993</c:v>
                </c:pt>
                <c:pt idx="2713">
                  <c:v>60.025648922885942</c:v>
                </c:pt>
                <c:pt idx="2714">
                  <c:v>60.020704067846808</c:v>
                </c:pt>
                <c:pt idx="2715">
                  <c:v>60.015066843764252</c:v>
                </c:pt>
                <c:pt idx="2716">
                  <c:v>60.010117521828057</c:v>
                </c:pt>
                <c:pt idx="2717">
                  <c:v>60.003787928702067</c:v>
                </c:pt>
                <c:pt idx="2718">
                  <c:v>59.998843073662933</c:v>
                </c:pt>
                <c:pt idx="2719">
                  <c:v>59.993205849580363</c:v>
                </c:pt>
                <c:pt idx="2720">
                  <c:v>59.987564158600762</c:v>
                </c:pt>
                <c:pt idx="2721">
                  <c:v>59.981926934518192</c:v>
                </c:pt>
                <c:pt idx="2722">
                  <c:v>59.976982079479058</c:v>
                </c:pt>
                <c:pt idx="2723">
                  <c:v>59.971340388499442</c:v>
                </c:pt>
                <c:pt idx="2724">
                  <c:v>59.965703164416887</c:v>
                </c:pt>
                <c:pt idx="2725">
                  <c:v>59.960065940334331</c:v>
                </c:pt>
                <c:pt idx="2726">
                  <c:v>59.954428716251762</c:v>
                </c:pt>
                <c:pt idx="2727">
                  <c:v>59.948787025272146</c:v>
                </c:pt>
                <c:pt idx="2728">
                  <c:v>59.943842170232998</c:v>
                </c:pt>
                <c:pt idx="2729">
                  <c:v>59.938897315193863</c:v>
                </c:pt>
                <c:pt idx="2730">
                  <c:v>59.93256325517082</c:v>
                </c:pt>
                <c:pt idx="2731">
                  <c:v>59.927618400131685</c:v>
                </c:pt>
                <c:pt idx="2732">
                  <c:v>59.921288807005702</c:v>
                </c:pt>
                <c:pt idx="2733">
                  <c:v>59.916343951966567</c:v>
                </c:pt>
                <c:pt idx="2734">
                  <c:v>59.910702260986959</c:v>
                </c:pt>
                <c:pt idx="2735">
                  <c:v>59.90575740594781</c:v>
                </c:pt>
                <c:pt idx="2736">
                  <c:v>59.900120181865248</c:v>
                </c:pt>
                <c:pt idx="2737">
                  <c:v>59.894478490885625</c:v>
                </c:pt>
                <c:pt idx="2738">
                  <c:v>59.88953363584649</c:v>
                </c:pt>
                <c:pt idx="2739">
                  <c:v>59.883896411763935</c:v>
                </c:pt>
                <c:pt idx="2740">
                  <c:v>59.878254720784319</c:v>
                </c:pt>
                <c:pt idx="2741">
                  <c:v>59.873309865745185</c:v>
                </c:pt>
                <c:pt idx="2742">
                  <c:v>59.868365010706036</c:v>
                </c:pt>
                <c:pt idx="2743">
                  <c:v>59.862035417580053</c:v>
                </c:pt>
                <c:pt idx="2744">
                  <c:v>59.857086095643865</c:v>
                </c:pt>
                <c:pt idx="2745">
                  <c:v>59.852190376472322</c:v>
                </c:pt>
                <c:pt idx="2746">
                  <c:v>59.846504016522161</c:v>
                </c:pt>
                <c:pt idx="2747">
                  <c:v>59.840862325542545</c:v>
                </c:pt>
                <c:pt idx="2748">
                  <c:v>59.835966606371002</c:v>
                </c:pt>
                <c:pt idx="2749">
                  <c:v>59.830329382288447</c:v>
                </c:pt>
                <c:pt idx="2750">
                  <c:v>59.825384527249305</c:v>
                </c:pt>
                <c:pt idx="2751">
                  <c:v>59.820435205313117</c:v>
                </c:pt>
                <c:pt idx="2752">
                  <c:v>59.814105612187127</c:v>
                </c:pt>
                <c:pt idx="2753">
                  <c:v>59.809853126191413</c:v>
                </c:pt>
                <c:pt idx="2754">
                  <c:v>59.804215902108851</c:v>
                </c:pt>
                <c:pt idx="2755">
                  <c:v>59.799266580172649</c:v>
                </c:pt>
                <c:pt idx="2756">
                  <c:v>59.793629356090094</c:v>
                </c:pt>
                <c:pt idx="2757">
                  <c:v>59.787992132007538</c:v>
                </c:pt>
                <c:pt idx="2758">
                  <c:v>59.783042810071343</c:v>
                </c:pt>
                <c:pt idx="2759">
                  <c:v>59.777405585988774</c:v>
                </c:pt>
                <c:pt idx="2760">
                  <c:v>59.771768361906219</c:v>
                </c:pt>
                <c:pt idx="2761">
                  <c:v>59.76682350686707</c:v>
                </c:pt>
                <c:pt idx="2762">
                  <c:v>59.761181815887468</c:v>
                </c:pt>
                <c:pt idx="2763">
                  <c:v>59.756286096715918</c:v>
                </c:pt>
                <c:pt idx="2764">
                  <c:v>59.750648872633363</c:v>
                </c:pt>
                <c:pt idx="2765">
                  <c:v>59.744958045786149</c:v>
                </c:pt>
                <c:pt idx="2766">
                  <c:v>59.740062326614606</c:v>
                </c:pt>
                <c:pt idx="2767">
                  <c:v>59.734425102532043</c:v>
                </c:pt>
                <c:pt idx="2768">
                  <c:v>59.730172616536322</c:v>
                </c:pt>
                <c:pt idx="2769">
                  <c:v>59.723838556513286</c:v>
                </c:pt>
                <c:pt idx="2770">
                  <c:v>59.718893701474144</c:v>
                </c:pt>
                <c:pt idx="2771">
                  <c:v>59.713948846435002</c:v>
                </c:pt>
                <c:pt idx="2772">
                  <c:v>59.708307155455387</c:v>
                </c:pt>
                <c:pt idx="2773">
                  <c:v>59.702669931372832</c:v>
                </c:pt>
                <c:pt idx="2774">
                  <c:v>59.697725076333697</c:v>
                </c:pt>
                <c:pt idx="2775">
                  <c:v>59.692780221294548</c:v>
                </c:pt>
                <c:pt idx="2776">
                  <c:v>59.687138530314932</c:v>
                </c:pt>
                <c:pt idx="2777">
                  <c:v>59.682242811143396</c:v>
                </c:pt>
                <c:pt idx="2778">
                  <c:v>59.677297956104248</c:v>
                </c:pt>
                <c:pt idx="2779">
                  <c:v>59.672353101065113</c:v>
                </c:pt>
                <c:pt idx="2780">
                  <c:v>59.666711410085504</c:v>
                </c:pt>
                <c:pt idx="2781">
                  <c:v>59.661074186002935</c:v>
                </c:pt>
                <c:pt idx="2782">
                  <c:v>59.6561293309638</c:v>
                </c:pt>
                <c:pt idx="2783">
                  <c:v>59.651180009027605</c:v>
                </c:pt>
                <c:pt idx="2784">
                  <c:v>59.645542784945036</c:v>
                </c:pt>
                <c:pt idx="2785">
                  <c:v>59.639905560862481</c:v>
                </c:pt>
                <c:pt idx="2786">
                  <c:v>59.634960705823339</c:v>
                </c:pt>
                <c:pt idx="2787">
                  <c:v>59.63006051975475</c:v>
                </c:pt>
                <c:pt idx="2788">
                  <c:v>59.62442329567218</c:v>
                </c:pt>
                <c:pt idx="2789">
                  <c:v>59.620170809676466</c:v>
                </c:pt>
                <c:pt idx="2790">
                  <c:v>59.614533585593897</c:v>
                </c:pt>
                <c:pt idx="2791">
                  <c:v>59.608891894614288</c:v>
                </c:pt>
                <c:pt idx="2792">
                  <c:v>59.603947039575147</c:v>
                </c:pt>
                <c:pt idx="2793">
                  <c:v>59.599002184536012</c:v>
                </c:pt>
                <c:pt idx="2794">
                  <c:v>59.593360493556389</c:v>
                </c:pt>
                <c:pt idx="2795">
                  <c:v>59.587723269473834</c:v>
                </c:pt>
                <c:pt idx="2796">
                  <c:v>59.582778414434692</c:v>
                </c:pt>
                <c:pt idx="2797">
                  <c:v>59.577882695263142</c:v>
                </c:pt>
                <c:pt idx="2798">
                  <c:v>59.572933373326954</c:v>
                </c:pt>
                <c:pt idx="2799">
                  <c:v>59.567296149244399</c:v>
                </c:pt>
                <c:pt idx="2800">
                  <c:v>59.561658925161829</c:v>
                </c:pt>
                <c:pt idx="2801">
                  <c:v>59.556017234182214</c:v>
                </c:pt>
                <c:pt idx="2802">
                  <c:v>59.551072379143079</c:v>
                </c:pt>
                <c:pt idx="2803">
                  <c:v>59.54612752410393</c:v>
                </c:pt>
                <c:pt idx="2804">
                  <c:v>59.540490300021375</c:v>
                </c:pt>
                <c:pt idx="2805">
                  <c:v>59.535540978085187</c:v>
                </c:pt>
                <c:pt idx="2806">
                  <c:v>59.530596123046045</c:v>
                </c:pt>
                <c:pt idx="2807">
                  <c:v>59.52495889896349</c:v>
                </c:pt>
                <c:pt idx="2808">
                  <c:v>59.520009577027288</c:v>
                </c:pt>
                <c:pt idx="2809">
                  <c:v>59.515113857855738</c:v>
                </c:pt>
                <c:pt idx="2810">
                  <c:v>59.509476633773183</c:v>
                </c:pt>
                <c:pt idx="2811">
                  <c:v>59.504531778734048</c:v>
                </c:pt>
                <c:pt idx="2812">
                  <c:v>59.499582456797853</c:v>
                </c:pt>
                <c:pt idx="2813">
                  <c:v>59.493945232715298</c:v>
                </c:pt>
                <c:pt idx="2814">
                  <c:v>59.489000377676149</c:v>
                </c:pt>
                <c:pt idx="2815">
                  <c:v>59.483363153593594</c:v>
                </c:pt>
                <c:pt idx="2816">
                  <c:v>59.478413831657392</c:v>
                </c:pt>
                <c:pt idx="2817">
                  <c:v>59.472776607574829</c:v>
                </c:pt>
                <c:pt idx="2818">
                  <c:v>59.467831752535695</c:v>
                </c:pt>
                <c:pt idx="2819">
                  <c:v>59.462190061556072</c:v>
                </c:pt>
                <c:pt idx="2820">
                  <c:v>59.457294342384536</c:v>
                </c:pt>
                <c:pt idx="2821">
                  <c:v>59.452349487345387</c:v>
                </c:pt>
                <c:pt idx="2822">
                  <c:v>59.446712263262839</c:v>
                </c:pt>
                <c:pt idx="2823">
                  <c:v>59.441762941326637</c:v>
                </c:pt>
                <c:pt idx="2824">
                  <c:v>59.436125717244082</c:v>
                </c:pt>
                <c:pt idx="2825">
                  <c:v>59.431180862204947</c:v>
                </c:pt>
                <c:pt idx="2826">
                  <c:v>59.426231540268745</c:v>
                </c:pt>
                <c:pt idx="2827">
                  <c:v>59.420594316186182</c:v>
                </c:pt>
                <c:pt idx="2828">
                  <c:v>59.414957092103627</c:v>
                </c:pt>
                <c:pt idx="2829">
                  <c:v>59.410012237064478</c:v>
                </c:pt>
                <c:pt idx="2830">
                  <c:v>59.40437054608487</c:v>
                </c:pt>
                <c:pt idx="2831">
                  <c:v>59.39947482691332</c:v>
                </c:pt>
                <c:pt idx="2832">
                  <c:v>59.394529971874185</c:v>
                </c:pt>
                <c:pt idx="2833">
                  <c:v>59.388892747791623</c:v>
                </c:pt>
                <c:pt idx="2834">
                  <c:v>59.383943425855421</c:v>
                </c:pt>
                <c:pt idx="2835">
                  <c:v>59.378998570816286</c:v>
                </c:pt>
                <c:pt idx="2836">
                  <c:v>59.373361346733731</c:v>
                </c:pt>
                <c:pt idx="2837">
                  <c:v>59.368412024797536</c:v>
                </c:pt>
                <c:pt idx="2838">
                  <c:v>59.36277480071498</c:v>
                </c:pt>
                <c:pt idx="2839">
                  <c:v>59.357829945675832</c:v>
                </c:pt>
                <c:pt idx="2840">
                  <c:v>59.352192721593276</c:v>
                </c:pt>
                <c:pt idx="2841">
                  <c:v>59.347292535524673</c:v>
                </c:pt>
                <c:pt idx="2842">
                  <c:v>59.341606175574512</c:v>
                </c:pt>
                <c:pt idx="2843">
                  <c:v>59.336710456402976</c:v>
                </c:pt>
                <c:pt idx="2844">
                  <c:v>59.331068765423353</c:v>
                </c:pt>
                <c:pt idx="2845">
                  <c:v>59.325431541340798</c:v>
                </c:pt>
                <c:pt idx="2846">
                  <c:v>59.320486686301656</c:v>
                </c:pt>
                <c:pt idx="2847">
                  <c:v>59.315541831262522</c:v>
                </c:pt>
                <c:pt idx="2848">
                  <c:v>59.309900140282913</c:v>
                </c:pt>
                <c:pt idx="2849">
                  <c:v>59.304955285243764</c:v>
                </c:pt>
                <c:pt idx="2850">
                  <c:v>59.299318061161209</c:v>
                </c:pt>
                <c:pt idx="2851">
                  <c:v>59.294373206122067</c:v>
                </c:pt>
                <c:pt idx="2852">
                  <c:v>59.289423884185865</c:v>
                </c:pt>
                <c:pt idx="2853">
                  <c:v>59.28378666010331</c:v>
                </c:pt>
                <c:pt idx="2854">
                  <c:v>59.278890940931774</c:v>
                </c:pt>
                <c:pt idx="2855">
                  <c:v>59.273941618995572</c:v>
                </c:pt>
                <c:pt idx="2856">
                  <c:v>59.26830439491301</c:v>
                </c:pt>
                <c:pt idx="2857">
                  <c:v>59.263359539873875</c:v>
                </c:pt>
                <c:pt idx="2858">
                  <c:v>59.257722315791305</c:v>
                </c:pt>
                <c:pt idx="2859">
                  <c:v>59.252080624811697</c:v>
                </c:pt>
                <c:pt idx="2860">
                  <c:v>59.247135769772555</c:v>
                </c:pt>
                <c:pt idx="2861">
                  <c:v>59.24149854569</c:v>
                </c:pt>
                <c:pt idx="2862">
                  <c:v>59.235856854710377</c:v>
                </c:pt>
                <c:pt idx="2863">
                  <c:v>59.230911999671243</c:v>
                </c:pt>
                <c:pt idx="2864">
                  <c:v>59.225274775588673</c:v>
                </c:pt>
                <c:pt idx="2865">
                  <c:v>59.220329920549538</c:v>
                </c:pt>
                <c:pt idx="2866">
                  <c:v>59.215380598613343</c:v>
                </c:pt>
                <c:pt idx="2867">
                  <c:v>59.209743374530788</c:v>
                </c:pt>
                <c:pt idx="2868">
                  <c:v>59.204106150448219</c:v>
                </c:pt>
                <c:pt idx="2869">
                  <c:v>59.199210431276683</c:v>
                </c:pt>
                <c:pt idx="2870">
                  <c:v>59.194953478383908</c:v>
                </c:pt>
                <c:pt idx="2871">
                  <c:v>59.189316254301339</c:v>
                </c:pt>
                <c:pt idx="2872">
                  <c:v>59.183679030218784</c:v>
                </c:pt>
                <c:pt idx="2873">
                  <c:v>59.178729708282596</c:v>
                </c:pt>
                <c:pt idx="2874">
                  <c:v>59.173092484200026</c:v>
                </c:pt>
                <c:pt idx="2875">
                  <c:v>59.168839998204312</c:v>
                </c:pt>
                <c:pt idx="2876">
                  <c:v>59.16320277412175</c:v>
                </c:pt>
                <c:pt idx="2877">
                  <c:v>59.157561083142127</c:v>
                </c:pt>
                <c:pt idx="2878">
                  <c:v>59.152665363970591</c:v>
                </c:pt>
                <c:pt idx="2879">
                  <c:v>59.147720508931457</c:v>
                </c:pt>
                <c:pt idx="2880">
                  <c:v>59.142078817951841</c:v>
                </c:pt>
                <c:pt idx="2881">
                  <c:v>59.137133962912699</c:v>
                </c:pt>
                <c:pt idx="2882">
                  <c:v>59.131496738830137</c:v>
                </c:pt>
                <c:pt idx="2883">
                  <c:v>59.126551883791002</c:v>
                </c:pt>
                <c:pt idx="2884">
                  <c:v>59.12091019281138</c:v>
                </c:pt>
                <c:pt idx="2885">
                  <c:v>59.115965337772238</c:v>
                </c:pt>
                <c:pt idx="2886">
                  <c:v>59.111020482733103</c:v>
                </c:pt>
                <c:pt idx="2887">
                  <c:v>59.10612476356156</c:v>
                </c:pt>
                <c:pt idx="2888">
                  <c:v>59.100483072581945</c:v>
                </c:pt>
                <c:pt idx="2889">
                  <c:v>59.095538217542796</c:v>
                </c:pt>
                <c:pt idx="2890">
                  <c:v>59.08990099346024</c:v>
                </c:pt>
                <c:pt idx="2891">
                  <c:v>59.084951671524045</c:v>
                </c:pt>
                <c:pt idx="2892">
                  <c:v>59.080006816484911</c:v>
                </c:pt>
                <c:pt idx="2893">
                  <c:v>59.074369592402356</c:v>
                </c:pt>
                <c:pt idx="2894">
                  <c:v>59.068732368319786</c:v>
                </c:pt>
                <c:pt idx="2895">
                  <c:v>59.063783046383591</c:v>
                </c:pt>
                <c:pt idx="2896">
                  <c:v>59.058838191344456</c:v>
                </c:pt>
                <c:pt idx="2897">
                  <c:v>59.053200967261887</c:v>
                </c:pt>
                <c:pt idx="2898">
                  <c:v>59.048300781193298</c:v>
                </c:pt>
                <c:pt idx="2899">
                  <c:v>59.043355926154163</c:v>
                </c:pt>
                <c:pt idx="2900">
                  <c:v>59.037718702071594</c:v>
                </c:pt>
                <c:pt idx="2901">
                  <c:v>59.032773847032459</c:v>
                </c:pt>
                <c:pt idx="2902">
                  <c:v>59.027132156052829</c:v>
                </c:pt>
                <c:pt idx="2903">
                  <c:v>59.021494931970274</c:v>
                </c:pt>
                <c:pt idx="2904">
                  <c:v>59.016550076931139</c:v>
                </c:pt>
                <c:pt idx="2905">
                  <c:v>59.011605221891998</c:v>
                </c:pt>
                <c:pt idx="2906">
                  <c:v>59.005963530912389</c:v>
                </c:pt>
                <c:pt idx="2907">
                  <c:v>59.00101867587324</c:v>
                </c:pt>
                <c:pt idx="2908">
                  <c:v>58.995381451790685</c:v>
                </c:pt>
                <c:pt idx="2909">
                  <c:v>58.989739760811069</c:v>
                </c:pt>
                <c:pt idx="2910">
                  <c:v>58.984794905771921</c:v>
                </c:pt>
                <c:pt idx="2911">
                  <c:v>58.979157681689365</c:v>
                </c:pt>
                <c:pt idx="2912">
                  <c:v>58.973515990709743</c:v>
                </c:pt>
                <c:pt idx="2913">
                  <c:v>58.968620271538207</c:v>
                </c:pt>
                <c:pt idx="2914">
                  <c:v>58.963675416499065</c:v>
                </c:pt>
                <c:pt idx="2915">
                  <c:v>58.95803819241651</c:v>
                </c:pt>
                <c:pt idx="2916">
                  <c:v>58.952396501436887</c:v>
                </c:pt>
                <c:pt idx="2917">
                  <c:v>58.947451646397752</c:v>
                </c:pt>
                <c:pt idx="2918">
                  <c:v>58.94181442231519</c:v>
                </c:pt>
                <c:pt idx="2919">
                  <c:v>58.936869567276048</c:v>
                </c:pt>
                <c:pt idx="2920">
                  <c:v>58.931227876296433</c:v>
                </c:pt>
                <c:pt idx="2921">
                  <c:v>58.925590652213877</c:v>
                </c:pt>
                <c:pt idx="2922">
                  <c:v>58.920645797174743</c:v>
                </c:pt>
                <c:pt idx="2923">
                  <c:v>58.915004106195127</c:v>
                </c:pt>
                <c:pt idx="2924">
                  <c:v>58.910059251155978</c:v>
                </c:pt>
                <c:pt idx="2925">
                  <c:v>58.904422027073423</c:v>
                </c:pt>
                <c:pt idx="2926">
                  <c:v>58.898784802990853</c:v>
                </c:pt>
                <c:pt idx="2927">
                  <c:v>58.893835481054666</c:v>
                </c:pt>
                <c:pt idx="2928">
                  <c:v>58.888198256972103</c:v>
                </c:pt>
                <c:pt idx="2929">
                  <c:v>58.882561032889548</c:v>
                </c:pt>
                <c:pt idx="2930">
                  <c:v>58.877611710953346</c:v>
                </c:pt>
                <c:pt idx="2931">
                  <c:v>58.871974486870783</c:v>
                </c:pt>
                <c:pt idx="2932">
                  <c:v>58.86707876769924</c:v>
                </c:pt>
                <c:pt idx="2933">
                  <c:v>58.861392407749094</c:v>
                </c:pt>
                <c:pt idx="2934">
                  <c:v>58.855750716769471</c:v>
                </c:pt>
                <c:pt idx="2935">
                  <c:v>58.850854997597921</c:v>
                </c:pt>
                <c:pt idx="2936">
                  <c:v>58.845217773515365</c:v>
                </c:pt>
                <c:pt idx="2937">
                  <c:v>58.839526946668165</c:v>
                </c:pt>
                <c:pt idx="2938">
                  <c:v>58.833889722585596</c:v>
                </c:pt>
                <c:pt idx="2939">
                  <c:v>58.828252498503034</c:v>
                </c:pt>
                <c:pt idx="2940">
                  <c:v>58.82335677933149</c:v>
                </c:pt>
                <c:pt idx="2941">
                  <c:v>58.817715088351875</c:v>
                </c:pt>
                <c:pt idx="2942">
                  <c:v>58.812028728401721</c:v>
                </c:pt>
                <c:pt idx="2943">
                  <c:v>58.807133009230171</c:v>
                </c:pt>
                <c:pt idx="2944">
                  <c:v>58.802183687293983</c:v>
                </c:pt>
                <c:pt idx="2945">
                  <c:v>58.796546463211421</c:v>
                </c:pt>
                <c:pt idx="2946">
                  <c:v>58.790909239128865</c:v>
                </c:pt>
                <c:pt idx="2947">
                  <c:v>58.785272015046296</c:v>
                </c:pt>
                <c:pt idx="2948">
                  <c:v>58.77963032406668</c:v>
                </c:pt>
                <c:pt idx="2949">
                  <c:v>58.773993099984125</c:v>
                </c:pt>
                <c:pt idx="2950">
                  <c:v>58.76835587590157</c:v>
                </c:pt>
                <c:pt idx="2951">
                  <c:v>58.763406553965368</c:v>
                </c:pt>
                <c:pt idx="2952">
                  <c:v>58.757769329882805</c:v>
                </c:pt>
                <c:pt idx="2953">
                  <c:v>58.752824474843671</c:v>
                </c:pt>
                <c:pt idx="2954">
                  <c:v>58.747187250761101</c:v>
                </c:pt>
                <c:pt idx="2955">
                  <c:v>58.742237928824913</c:v>
                </c:pt>
                <c:pt idx="2956">
                  <c:v>58.736600704742351</c:v>
                </c:pt>
                <c:pt idx="2957">
                  <c:v>58.730963480659796</c:v>
                </c:pt>
                <c:pt idx="2958">
                  <c:v>58.725321789680173</c:v>
                </c:pt>
                <c:pt idx="2959">
                  <c:v>58.720376934641038</c:v>
                </c:pt>
                <c:pt idx="2960">
                  <c:v>58.714739710558476</c:v>
                </c:pt>
                <c:pt idx="2961">
                  <c:v>58.709098019578867</c:v>
                </c:pt>
                <c:pt idx="2962">
                  <c:v>58.703460795496298</c:v>
                </c:pt>
                <c:pt idx="2963">
                  <c:v>58.697823571413736</c:v>
                </c:pt>
                <c:pt idx="2964">
                  <c:v>58.692186347331173</c:v>
                </c:pt>
                <c:pt idx="2965">
                  <c:v>58.687237025394992</c:v>
                </c:pt>
                <c:pt idx="2966">
                  <c:v>58.681599801312423</c:v>
                </c:pt>
                <c:pt idx="2967">
                  <c:v>58.676654946273288</c:v>
                </c:pt>
                <c:pt idx="2968">
                  <c:v>58.671705624337086</c:v>
                </c:pt>
                <c:pt idx="2969">
                  <c:v>58.666068400254524</c:v>
                </c:pt>
                <c:pt idx="2970">
                  <c:v>58.659738807128548</c:v>
                </c:pt>
                <c:pt idx="2971">
                  <c:v>58.654793952089399</c:v>
                </c:pt>
                <c:pt idx="2972">
                  <c:v>58.649152261109791</c:v>
                </c:pt>
                <c:pt idx="2973">
                  <c:v>58.644207406070649</c:v>
                </c:pt>
                <c:pt idx="2974">
                  <c:v>58.639262551031514</c:v>
                </c:pt>
                <c:pt idx="2975">
                  <c:v>58.633620860051892</c:v>
                </c:pt>
                <c:pt idx="2976">
                  <c:v>58.627983635969329</c:v>
                </c:pt>
                <c:pt idx="2977">
                  <c:v>58.623087916797786</c:v>
                </c:pt>
                <c:pt idx="2978">
                  <c:v>58.617450692715231</c:v>
                </c:pt>
                <c:pt idx="2979">
                  <c:v>58.611759865868017</c:v>
                </c:pt>
                <c:pt idx="2980">
                  <c:v>58.606122641785454</c:v>
                </c:pt>
                <c:pt idx="2981">
                  <c:v>58.601226922613911</c:v>
                </c:pt>
                <c:pt idx="2982">
                  <c:v>58.595585231634296</c:v>
                </c:pt>
                <c:pt idx="2983">
                  <c:v>58.58994800755174</c:v>
                </c:pt>
                <c:pt idx="2984">
                  <c:v>58.585003152512591</c:v>
                </c:pt>
                <c:pt idx="2985">
                  <c:v>58.579365928430036</c:v>
                </c:pt>
                <c:pt idx="2986">
                  <c:v>58.573724237450428</c:v>
                </c:pt>
                <c:pt idx="2987">
                  <c:v>58.568087013367865</c:v>
                </c:pt>
                <c:pt idx="2988">
                  <c:v>58.562400653417711</c:v>
                </c:pt>
                <c:pt idx="2989">
                  <c:v>58.557500467349101</c:v>
                </c:pt>
                <c:pt idx="2990">
                  <c:v>58.551863243266553</c:v>
                </c:pt>
                <c:pt idx="2991">
                  <c:v>58.546918388227411</c:v>
                </c:pt>
                <c:pt idx="2992">
                  <c:v>58.541281164144856</c:v>
                </c:pt>
                <c:pt idx="2993">
                  <c:v>58.535639473165226</c:v>
                </c:pt>
                <c:pt idx="2994">
                  <c:v>58.530694618126091</c:v>
                </c:pt>
                <c:pt idx="2995">
                  <c:v>58.525057394043522</c:v>
                </c:pt>
                <c:pt idx="2996">
                  <c:v>58.519415703063913</c:v>
                </c:pt>
                <c:pt idx="2997">
                  <c:v>58.514470848024779</c:v>
                </c:pt>
                <c:pt idx="2998">
                  <c:v>58.508833623942216</c:v>
                </c:pt>
                <c:pt idx="2999">
                  <c:v>58.503196399859647</c:v>
                </c:pt>
                <c:pt idx="3000">
                  <c:v>58.497554708880038</c:v>
                </c:pt>
                <c:pt idx="3001">
                  <c:v>58.492609853840897</c:v>
                </c:pt>
                <c:pt idx="3002">
                  <c:v>58.487664998801762</c:v>
                </c:pt>
                <c:pt idx="3003">
                  <c:v>58.481330938778719</c:v>
                </c:pt>
                <c:pt idx="3004">
                  <c:v>58.476386083739584</c:v>
                </c:pt>
                <c:pt idx="3005">
                  <c:v>58.470748859657022</c:v>
                </c:pt>
                <c:pt idx="3006">
                  <c:v>58.466545509528899</c:v>
                </c:pt>
                <c:pt idx="3007">
                  <c:v>58.460854682681685</c:v>
                </c:pt>
                <c:pt idx="3008">
                  <c:v>58.45521745859913</c:v>
                </c:pt>
                <c:pt idx="3009">
                  <c:v>58.44958023451656</c:v>
                </c:pt>
                <c:pt idx="3010">
                  <c:v>58.443938543536945</c:v>
                </c:pt>
                <c:pt idx="3011">
                  <c:v>58.439042824365416</c:v>
                </c:pt>
                <c:pt idx="3012">
                  <c:v>58.43335646441524</c:v>
                </c:pt>
                <c:pt idx="3013">
                  <c:v>58.428460745243704</c:v>
                </c:pt>
                <c:pt idx="3014">
                  <c:v>58.422819054264089</c:v>
                </c:pt>
                <c:pt idx="3015">
                  <c:v>58.417874199224954</c:v>
                </c:pt>
                <c:pt idx="3016">
                  <c:v>58.412236975142385</c:v>
                </c:pt>
                <c:pt idx="3017">
                  <c:v>58.406595284162776</c:v>
                </c:pt>
                <c:pt idx="3018">
                  <c:v>58.400958060080214</c:v>
                </c:pt>
                <c:pt idx="3019">
                  <c:v>58.395320835997651</c:v>
                </c:pt>
                <c:pt idx="3020">
                  <c:v>58.39037598095851</c:v>
                </c:pt>
                <c:pt idx="3021">
                  <c:v>58.384734289978901</c:v>
                </c:pt>
                <c:pt idx="3022">
                  <c:v>58.379097065896346</c:v>
                </c:pt>
                <c:pt idx="3023">
                  <c:v>58.374152210857197</c:v>
                </c:pt>
                <c:pt idx="3024">
                  <c:v>58.368510519877582</c:v>
                </c:pt>
                <c:pt idx="3025">
                  <c:v>58.362873295795012</c:v>
                </c:pt>
                <c:pt idx="3026">
                  <c:v>58.357928440755877</c:v>
                </c:pt>
                <c:pt idx="3027">
                  <c:v>58.351598847629901</c:v>
                </c:pt>
                <c:pt idx="3028">
                  <c:v>58.346649525693707</c:v>
                </c:pt>
                <c:pt idx="3029">
                  <c:v>58.341012301611137</c:v>
                </c:pt>
                <c:pt idx="3030">
                  <c:v>58.335375077528582</c:v>
                </c:pt>
                <c:pt idx="3031">
                  <c:v>58.328991881637961</c:v>
                </c:pt>
                <c:pt idx="3032">
                  <c:v>58.324096162466411</c:v>
                </c:pt>
                <c:pt idx="3033">
                  <c:v>58.318458938383841</c:v>
                </c:pt>
                <c:pt idx="3034">
                  <c:v>58.312817247404233</c:v>
                </c:pt>
                <c:pt idx="3035">
                  <c:v>58.307130887454072</c:v>
                </c:pt>
                <c:pt idx="3036">
                  <c:v>58.300801294328096</c:v>
                </c:pt>
                <c:pt idx="3037">
                  <c:v>58.295856439288954</c:v>
                </c:pt>
                <c:pt idx="3038">
                  <c:v>58.290214748309332</c:v>
                </c:pt>
                <c:pt idx="3039">
                  <c:v>58.284577524226776</c:v>
                </c:pt>
                <c:pt idx="3040">
                  <c:v>58.279632669187635</c:v>
                </c:pt>
                <c:pt idx="3041">
                  <c:v>58.273990978208026</c:v>
                </c:pt>
                <c:pt idx="3042">
                  <c:v>58.268353754125457</c:v>
                </c:pt>
                <c:pt idx="3043">
                  <c:v>58.262716530042901</c:v>
                </c:pt>
                <c:pt idx="3044">
                  <c:v>58.257074839063293</c:v>
                </c:pt>
                <c:pt idx="3045">
                  <c:v>58.252129984024151</c:v>
                </c:pt>
                <c:pt idx="3046">
                  <c:v>58.246492759941582</c:v>
                </c:pt>
                <c:pt idx="3047">
                  <c:v>58.240855535859026</c:v>
                </c:pt>
                <c:pt idx="3048">
                  <c:v>58.235213844879411</c:v>
                </c:pt>
                <c:pt idx="3049">
                  <c:v>58.230268989840269</c:v>
                </c:pt>
                <c:pt idx="3050">
                  <c:v>58.224631765757721</c:v>
                </c:pt>
                <c:pt idx="3051">
                  <c:v>58.218990074778091</c:v>
                </c:pt>
                <c:pt idx="3052">
                  <c:v>58.213352850695529</c:v>
                </c:pt>
                <c:pt idx="3053">
                  <c:v>58.208407995656387</c:v>
                </c:pt>
                <c:pt idx="3054">
                  <c:v>58.202078402530411</c:v>
                </c:pt>
                <c:pt idx="3055">
                  <c:v>58.197129080594223</c:v>
                </c:pt>
                <c:pt idx="3056">
                  <c:v>58.191491856511654</c:v>
                </c:pt>
                <c:pt idx="3057">
                  <c:v>58.185854632429091</c:v>
                </c:pt>
                <c:pt idx="3058">
                  <c:v>58.180212941449483</c:v>
                </c:pt>
                <c:pt idx="3059">
                  <c:v>58.174575717366913</c:v>
                </c:pt>
                <c:pt idx="3060">
                  <c:v>58.168938493284358</c:v>
                </c:pt>
                <c:pt idx="3061">
                  <c:v>58.163301269201796</c:v>
                </c:pt>
                <c:pt idx="3062">
                  <c:v>58.157659578222187</c:v>
                </c:pt>
                <c:pt idx="3063">
                  <c:v>58.152022354139618</c:v>
                </c:pt>
                <c:pt idx="3064">
                  <c:v>58.146385130057055</c:v>
                </c:pt>
                <c:pt idx="3065">
                  <c:v>58.140051070034026</c:v>
                </c:pt>
                <c:pt idx="3066">
                  <c:v>58.135106214994892</c:v>
                </c:pt>
                <c:pt idx="3067">
                  <c:v>58.12872748600131</c:v>
                </c:pt>
                <c:pt idx="3068">
                  <c:v>58.123085795021687</c:v>
                </c:pt>
                <c:pt idx="3069">
                  <c:v>58.117448570939132</c:v>
                </c:pt>
                <c:pt idx="3070">
                  <c:v>58.111811346856577</c:v>
                </c:pt>
                <c:pt idx="3071">
                  <c:v>58.106169655876947</c:v>
                </c:pt>
                <c:pt idx="3072">
                  <c:v>58.100532431794392</c:v>
                </c:pt>
                <c:pt idx="3073">
                  <c:v>58.094895207711836</c:v>
                </c:pt>
                <c:pt idx="3074">
                  <c:v>58.089257983629274</c:v>
                </c:pt>
                <c:pt idx="3075">
                  <c:v>58.083616292649651</c:v>
                </c:pt>
                <c:pt idx="3076">
                  <c:v>58.077979068567089</c:v>
                </c:pt>
                <c:pt idx="3077">
                  <c:v>58.072341844484534</c:v>
                </c:pt>
                <c:pt idx="3078">
                  <c:v>58.06600778446149</c:v>
                </c:pt>
                <c:pt idx="3079">
                  <c:v>58.061062929422356</c:v>
                </c:pt>
                <c:pt idx="3080">
                  <c:v>58.054684200428774</c:v>
                </c:pt>
                <c:pt idx="3081">
                  <c:v>58.049788481257238</c:v>
                </c:pt>
                <c:pt idx="3082">
                  <c:v>58.044146790277615</c:v>
                </c:pt>
                <c:pt idx="3083">
                  <c:v>58.03850956619506</c:v>
                </c:pt>
                <c:pt idx="3084">
                  <c:v>58.032823206244899</c:v>
                </c:pt>
                <c:pt idx="3085">
                  <c:v>58.02648914622187</c:v>
                </c:pt>
                <c:pt idx="3086">
                  <c:v>58.020851922139308</c:v>
                </c:pt>
                <c:pt idx="3087">
                  <c:v>58.015214698056752</c:v>
                </c:pt>
                <c:pt idx="3088">
                  <c:v>58.00957300707713</c:v>
                </c:pt>
                <c:pt idx="3089">
                  <c:v>58.003935782994574</c:v>
                </c:pt>
                <c:pt idx="3090">
                  <c:v>57.998298558912012</c:v>
                </c:pt>
                <c:pt idx="3091">
                  <c:v>57.992656867932389</c:v>
                </c:pt>
                <c:pt idx="3092">
                  <c:v>57.987019643849834</c:v>
                </c:pt>
                <c:pt idx="3093">
                  <c:v>57.981382419767279</c:v>
                </c:pt>
                <c:pt idx="3094">
                  <c:v>57.975745195684716</c:v>
                </c:pt>
                <c:pt idx="3095">
                  <c:v>57.970103504705094</c:v>
                </c:pt>
                <c:pt idx="3096">
                  <c:v>57.964466280622538</c:v>
                </c:pt>
                <c:pt idx="3097">
                  <c:v>57.958779920672377</c:v>
                </c:pt>
                <c:pt idx="3098">
                  <c:v>57.952445860649334</c:v>
                </c:pt>
                <c:pt idx="3099">
                  <c:v>57.946808636566786</c:v>
                </c:pt>
                <c:pt idx="3100">
                  <c:v>57.941171412484223</c:v>
                </c:pt>
                <c:pt idx="3101">
                  <c:v>57.935529721504608</c:v>
                </c:pt>
                <c:pt idx="3102">
                  <c:v>57.929892497422045</c:v>
                </c:pt>
                <c:pt idx="3103">
                  <c:v>57.92356290429607</c:v>
                </c:pt>
                <c:pt idx="3104">
                  <c:v>57.9179256802135</c:v>
                </c:pt>
                <c:pt idx="3105">
                  <c:v>57.912283989233885</c:v>
                </c:pt>
                <c:pt idx="3106">
                  <c:v>57.90590526024031</c:v>
                </c:pt>
                <c:pt idx="3107">
                  <c:v>57.90026803615774</c:v>
                </c:pt>
                <c:pt idx="3108">
                  <c:v>57.894626345178132</c:v>
                </c:pt>
                <c:pt idx="3109">
                  <c:v>57.888296752052149</c:v>
                </c:pt>
                <c:pt idx="3110">
                  <c:v>57.881918023058567</c:v>
                </c:pt>
                <c:pt idx="3111">
                  <c:v>57.876276332078959</c:v>
                </c:pt>
                <c:pt idx="3112">
                  <c:v>57.870639107996389</c:v>
                </c:pt>
                <c:pt idx="3113">
                  <c:v>57.863617145826993</c:v>
                </c:pt>
                <c:pt idx="3114">
                  <c:v>57.857975454847377</c:v>
                </c:pt>
                <c:pt idx="3115">
                  <c:v>57.852338230764822</c:v>
                </c:pt>
                <c:pt idx="3116">
                  <c:v>57.846701006682267</c:v>
                </c:pt>
                <c:pt idx="3117">
                  <c:v>57.841059315702651</c:v>
                </c:pt>
                <c:pt idx="3118">
                  <c:v>57.835422091620082</c:v>
                </c:pt>
                <c:pt idx="3119">
                  <c:v>57.8290433626265</c:v>
                </c:pt>
                <c:pt idx="3120">
                  <c:v>57.822709302603471</c:v>
                </c:pt>
                <c:pt idx="3121">
                  <c:v>57.816379709477481</c:v>
                </c:pt>
                <c:pt idx="3122">
                  <c:v>57.810742485394925</c:v>
                </c:pt>
                <c:pt idx="3123">
                  <c:v>57.804359289504291</c:v>
                </c:pt>
                <c:pt idx="3124">
                  <c:v>57.798722065421728</c:v>
                </c:pt>
                <c:pt idx="3125">
                  <c:v>57.792392472295752</c:v>
                </c:pt>
                <c:pt idx="3126">
                  <c:v>57.786755248213197</c:v>
                </c:pt>
                <c:pt idx="3127">
                  <c:v>57.780372052322562</c:v>
                </c:pt>
                <c:pt idx="3128">
                  <c:v>57.774042459196572</c:v>
                </c:pt>
                <c:pt idx="3129">
                  <c:v>57.768405235114017</c:v>
                </c:pt>
                <c:pt idx="3130">
                  <c:v>57.762071175090981</c:v>
                </c:pt>
                <c:pt idx="3131">
                  <c:v>57.756433951008425</c:v>
                </c:pt>
                <c:pt idx="3132">
                  <c:v>57.750796726925856</c:v>
                </c:pt>
                <c:pt idx="3133">
                  <c:v>57.74515503594624</c:v>
                </c:pt>
                <c:pt idx="3134">
                  <c:v>57.738776306952659</c:v>
                </c:pt>
                <c:pt idx="3135">
                  <c:v>57.732446713826683</c:v>
                </c:pt>
                <c:pt idx="3136">
                  <c:v>57.72680502284706</c:v>
                </c:pt>
                <c:pt idx="3137">
                  <c:v>57.720475429721084</c:v>
                </c:pt>
                <c:pt idx="3138">
                  <c:v>57.714838205638529</c:v>
                </c:pt>
                <c:pt idx="3139">
                  <c:v>57.70845500974788</c:v>
                </c:pt>
                <c:pt idx="3140">
                  <c:v>57.702817785665331</c:v>
                </c:pt>
                <c:pt idx="3141">
                  <c:v>57.696488192539356</c:v>
                </c:pt>
                <c:pt idx="3142">
                  <c:v>57.690154132516312</c:v>
                </c:pt>
                <c:pt idx="3143">
                  <c:v>57.683775403522731</c:v>
                </c:pt>
                <c:pt idx="3144">
                  <c:v>57.678138179440175</c:v>
                </c:pt>
                <c:pt idx="3145">
                  <c:v>57.671804119417139</c:v>
                </c:pt>
                <c:pt idx="3146">
                  <c:v>57.666166895334584</c:v>
                </c:pt>
                <c:pt idx="3147">
                  <c:v>57.659837302208594</c:v>
                </c:pt>
                <c:pt idx="3148">
                  <c:v>57.653454106317959</c:v>
                </c:pt>
                <c:pt idx="3149">
                  <c:v>57.647816882235404</c:v>
                </c:pt>
                <c:pt idx="3150">
                  <c:v>57.641487289109413</c:v>
                </c:pt>
                <c:pt idx="3151">
                  <c:v>57.635850065026851</c:v>
                </c:pt>
                <c:pt idx="3152">
                  <c:v>57.629466869136223</c:v>
                </c:pt>
                <c:pt idx="3153">
                  <c:v>57.62313727601024</c:v>
                </c:pt>
                <c:pt idx="3154">
                  <c:v>57.617500051927685</c:v>
                </c:pt>
                <c:pt idx="3155">
                  <c:v>57.611858360948062</c:v>
                </c:pt>
                <c:pt idx="3156">
                  <c:v>57.604787262911074</c:v>
                </c:pt>
                <c:pt idx="3157">
                  <c:v>57.598457669785084</c:v>
                </c:pt>
                <c:pt idx="3158">
                  <c:v>57.592123609762048</c:v>
                </c:pt>
                <c:pt idx="3159">
                  <c:v>57.586486385679493</c:v>
                </c:pt>
                <c:pt idx="3160">
                  <c:v>57.57941528764249</c:v>
                </c:pt>
                <c:pt idx="3161">
                  <c:v>57.573773596662868</c:v>
                </c:pt>
                <c:pt idx="3162">
                  <c:v>57.567444003536892</c:v>
                </c:pt>
                <c:pt idx="3163">
                  <c:v>57.561114410410909</c:v>
                </c:pt>
                <c:pt idx="3164">
                  <c:v>57.554731214520274</c:v>
                </c:pt>
                <c:pt idx="3165">
                  <c:v>57.549093990437719</c:v>
                </c:pt>
                <c:pt idx="3166">
                  <c:v>57.542072028268308</c:v>
                </c:pt>
                <c:pt idx="3167">
                  <c:v>57.53712270633212</c:v>
                </c:pt>
                <c:pt idx="3168">
                  <c:v>57.530051608295118</c:v>
                </c:pt>
                <c:pt idx="3169">
                  <c:v>57.523722015169142</c:v>
                </c:pt>
                <c:pt idx="3170">
                  <c:v>57.517387955146106</c:v>
                </c:pt>
                <c:pt idx="3171">
                  <c:v>57.511009226152531</c:v>
                </c:pt>
                <c:pt idx="3172">
                  <c:v>57.504679633026548</c:v>
                </c:pt>
                <c:pt idx="3173">
                  <c:v>57.498345573003505</c:v>
                </c:pt>
                <c:pt idx="3174">
                  <c:v>57.492708348920942</c:v>
                </c:pt>
                <c:pt idx="3175">
                  <c:v>57.486329619927368</c:v>
                </c:pt>
                <c:pt idx="3176">
                  <c:v>57.479995559904332</c:v>
                </c:pt>
                <c:pt idx="3177">
                  <c:v>57.473665966778341</c:v>
                </c:pt>
                <c:pt idx="3178">
                  <c:v>57.467287237784767</c:v>
                </c:pt>
                <c:pt idx="3179">
                  <c:v>57.460953177761731</c:v>
                </c:pt>
                <c:pt idx="3180">
                  <c:v>57.455315953679175</c:v>
                </c:pt>
                <c:pt idx="3181">
                  <c:v>57.448986360553199</c:v>
                </c:pt>
                <c:pt idx="3182">
                  <c:v>57.442603164662565</c:v>
                </c:pt>
                <c:pt idx="3183">
                  <c:v>57.435581202493161</c:v>
                </c:pt>
                <c:pt idx="3184">
                  <c:v>57.429943978410606</c:v>
                </c:pt>
                <c:pt idx="3185">
                  <c:v>57.423560782519964</c:v>
                </c:pt>
                <c:pt idx="3186">
                  <c:v>57.417231189393981</c:v>
                </c:pt>
                <c:pt idx="3187">
                  <c:v>57.41020922722457</c:v>
                </c:pt>
                <c:pt idx="3188">
                  <c:v>57.403826031333949</c:v>
                </c:pt>
                <c:pt idx="3189">
                  <c:v>57.397496438207959</c:v>
                </c:pt>
                <c:pt idx="3190">
                  <c:v>57.391166845081983</c:v>
                </c:pt>
                <c:pt idx="3191">
                  <c:v>57.384091280147928</c:v>
                </c:pt>
                <c:pt idx="3192">
                  <c:v>57.377761687021945</c:v>
                </c:pt>
                <c:pt idx="3193">
                  <c:v>57.371378491131317</c:v>
                </c:pt>
                <c:pt idx="3194">
                  <c:v>57.365048898005334</c:v>
                </c:pt>
                <c:pt idx="3195">
                  <c:v>57.358719304879358</c:v>
                </c:pt>
                <c:pt idx="3196">
                  <c:v>57.351643739945288</c:v>
                </c:pt>
                <c:pt idx="3197">
                  <c:v>57.346006515862733</c:v>
                </c:pt>
                <c:pt idx="3198">
                  <c:v>57.339676922736757</c:v>
                </c:pt>
                <c:pt idx="3199">
                  <c:v>57.333347329610774</c:v>
                </c:pt>
                <c:pt idx="3200">
                  <c:v>57.326271764676719</c:v>
                </c:pt>
                <c:pt idx="3201">
                  <c:v>57.319200666639716</c:v>
                </c:pt>
                <c:pt idx="3202">
                  <c:v>57.313558975660108</c:v>
                </c:pt>
                <c:pt idx="3203">
                  <c:v>57.306537013490697</c:v>
                </c:pt>
                <c:pt idx="3204">
                  <c:v>57.300158284497115</c:v>
                </c:pt>
                <c:pt idx="3205">
                  <c:v>57.293824224474086</c:v>
                </c:pt>
                <c:pt idx="3206">
                  <c:v>57.287494631348103</c:v>
                </c:pt>
                <c:pt idx="3207">
                  <c:v>57.280423533311108</c:v>
                </c:pt>
                <c:pt idx="3208">
                  <c:v>57.274089473288072</c:v>
                </c:pt>
                <c:pt idx="3209">
                  <c:v>57.267759880162096</c:v>
                </c:pt>
                <c:pt idx="3210">
                  <c:v>57.261381151168514</c:v>
                </c:pt>
                <c:pt idx="3211">
                  <c:v>57.25435472210205</c:v>
                </c:pt>
                <c:pt idx="3212">
                  <c:v>57.247975993108483</c:v>
                </c:pt>
                <c:pt idx="3213">
                  <c:v>57.241646399982493</c:v>
                </c:pt>
                <c:pt idx="3214">
                  <c:v>57.234619970916036</c:v>
                </c:pt>
                <c:pt idx="3215">
                  <c:v>57.228241241922447</c:v>
                </c:pt>
                <c:pt idx="3216">
                  <c:v>57.221219279753058</c:v>
                </c:pt>
                <c:pt idx="3217">
                  <c:v>57.215577588773435</c:v>
                </c:pt>
                <c:pt idx="3218">
                  <c:v>57.208506490736447</c:v>
                </c:pt>
                <c:pt idx="3219">
                  <c:v>57.202176897610457</c:v>
                </c:pt>
                <c:pt idx="3220">
                  <c:v>57.195101332676415</c:v>
                </c:pt>
                <c:pt idx="3221">
                  <c:v>57.188771739550425</c:v>
                </c:pt>
                <c:pt idx="3222">
                  <c:v>57.18169617461637</c:v>
                </c:pt>
                <c:pt idx="3223">
                  <c:v>57.17536658149038</c:v>
                </c:pt>
                <c:pt idx="3224">
                  <c:v>57.168295483453392</c:v>
                </c:pt>
                <c:pt idx="3225">
                  <c:v>57.161961423430355</c:v>
                </c:pt>
                <c:pt idx="3226">
                  <c:v>57.15563183030438</c:v>
                </c:pt>
                <c:pt idx="3227">
                  <c:v>57.14856073226737</c:v>
                </c:pt>
                <c:pt idx="3228">
                  <c:v>57.141534303200913</c:v>
                </c:pt>
                <c:pt idx="3229">
                  <c:v>57.135155574207339</c:v>
                </c:pt>
                <c:pt idx="3230">
                  <c:v>57.128133612037935</c:v>
                </c:pt>
                <c:pt idx="3231">
                  <c:v>57.12105804710388</c:v>
                </c:pt>
                <c:pt idx="3232">
                  <c:v>57.114728453977904</c:v>
                </c:pt>
                <c:pt idx="3233">
                  <c:v>57.107652889043848</c:v>
                </c:pt>
                <c:pt idx="3234">
                  <c:v>57.101323295917858</c:v>
                </c:pt>
                <c:pt idx="3235">
                  <c:v>57.09425219788087</c:v>
                </c:pt>
                <c:pt idx="3236">
                  <c:v>57.087225768814406</c:v>
                </c:pt>
                <c:pt idx="3237">
                  <c:v>57.080154670777404</c:v>
                </c:pt>
                <c:pt idx="3238">
                  <c:v>57.073132708608007</c:v>
                </c:pt>
                <c:pt idx="3239">
                  <c:v>57.066749512717372</c:v>
                </c:pt>
                <c:pt idx="3240">
                  <c:v>57.060419919591389</c:v>
                </c:pt>
                <c:pt idx="3241">
                  <c:v>57.052656452510966</c:v>
                </c:pt>
                <c:pt idx="3242">
                  <c:v>57.046322392487937</c:v>
                </c:pt>
                <c:pt idx="3243">
                  <c:v>57.039251294450935</c:v>
                </c:pt>
                <c:pt idx="3244">
                  <c:v>57.032921701324959</c:v>
                </c:pt>
                <c:pt idx="3245">
                  <c:v>57.025846136390903</c:v>
                </c:pt>
                <c:pt idx="3246">
                  <c:v>57.019516543264913</c:v>
                </c:pt>
                <c:pt idx="3247">
                  <c:v>57.012490114198457</c:v>
                </c:pt>
                <c:pt idx="3248">
                  <c:v>57.005419016161461</c:v>
                </c:pt>
                <c:pt idx="3249">
                  <c:v>56.998347918124459</c:v>
                </c:pt>
                <c:pt idx="3250">
                  <c:v>56.991321489058002</c:v>
                </c:pt>
                <c:pt idx="3251">
                  <c:v>56.984250391020993</c:v>
                </c:pt>
                <c:pt idx="3252">
                  <c:v>56.977228428851603</c:v>
                </c:pt>
                <c:pt idx="3253">
                  <c:v>56.970152863917548</c:v>
                </c:pt>
                <c:pt idx="3254">
                  <c:v>56.963823270791572</c:v>
                </c:pt>
                <c:pt idx="3255">
                  <c:v>56.956747705857516</c:v>
                </c:pt>
                <c:pt idx="3256">
                  <c:v>56.948984238777086</c:v>
                </c:pt>
                <c:pt idx="3257">
                  <c:v>56.942654645651118</c:v>
                </c:pt>
                <c:pt idx="3258">
                  <c:v>56.935628216584654</c:v>
                </c:pt>
                <c:pt idx="3259">
                  <c:v>56.928557118547651</c:v>
                </c:pt>
                <c:pt idx="3260">
                  <c:v>56.921486020510656</c:v>
                </c:pt>
                <c:pt idx="3261">
                  <c:v>56.914459591444199</c:v>
                </c:pt>
                <c:pt idx="3262">
                  <c:v>56.907388493407197</c:v>
                </c:pt>
                <c:pt idx="3263">
                  <c:v>56.9003665312378</c:v>
                </c:pt>
                <c:pt idx="3264">
                  <c:v>56.893290966303745</c:v>
                </c:pt>
                <c:pt idx="3265">
                  <c:v>56.886269004134334</c:v>
                </c:pt>
                <c:pt idx="3266">
                  <c:v>56.879193439200293</c:v>
                </c:pt>
                <c:pt idx="3267">
                  <c:v>56.872122341163291</c:v>
                </c:pt>
                <c:pt idx="3268">
                  <c:v>56.8657927480373</c:v>
                </c:pt>
                <c:pt idx="3269">
                  <c:v>56.858766318970844</c:v>
                </c:pt>
                <c:pt idx="3270">
                  <c:v>56.851002851890428</c:v>
                </c:pt>
                <c:pt idx="3271">
                  <c:v>56.843234917912952</c:v>
                </c:pt>
                <c:pt idx="3272">
                  <c:v>56.836163819875949</c:v>
                </c:pt>
                <c:pt idx="3273">
                  <c:v>56.829141857706553</c:v>
                </c:pt>
                <c:pt idx="3274">
                  <c:v>56.82206629277249</c:v>
                </c:pt>
                <c:pt idx="3275">
                  <c:v>56.814302825692074</c:v>
                </c:pt>
                <c:pt idx="3276">
                  <c:v>56.807280863522678</c:v>
                </c:pt>
                <c:pt idx="3277">
                  <c:v>56.800205298588622</c:v>
                </c:pt>
                <c:pt idx="3278">
                  <c:v>56.793183336419219</c:v>
                </c:pt>
                <c:pt idx="3279">
                  <c:v>56.786107771485163</c:v>
                </c:pt>
                <c:pt idx="3280">
                  <c:v>56.779085809315767</c:v>
                </c:pt>
                <c:pt idx="3281">
                  <c:v>56.771322342235344</c:v>
                </c:pt>
                <c:pt idx="3282">
                  <c:v>56.764246777301288</c:v>
                </c:pt>
                <c:pt idx="3283">
                  <c:v>56.757224815131892</c:v>
                </c:pt>
                <c:pt idx="3284">
                  <c:v>56.750153717094889</c:v>
                </c:pt>
                <c:pt idx="3285">
                  <c:v>56.743078152160834</c:v>
                </c:pt>
                <c:pt idx="3286">
                  <c:v>56.736056189991423</c:v>
                </c:pt>
                <c:pt idx="3287">
                  <c:v>56.728980625057382</c:v>
                </c:pt>
                <c:pt idx="3288">
                  <c:v>56.721958662887971</c:v>
                </c:pt>
                <c:pt idx="3289">
                  <c:v>56.714195195807548</c:v>
                </c:pt>
                <c:pt idx="3290">
                  <c:v>56.706427261830072</c:v>
                </c:pt>
                <c:pt idx="3291">
                  <c:v>56.699356163793077</c:v>
                </c:pt>
                <c:pt idx="3292">
                  <c:v>56.69232973472662</c:v>
                </c:pt>
                <c:pt idx="3293">
                  <c:v>56.684566267646211</c:v>
                </c:pt>
                <c:pt idx="3294">
                  <c:v>56.6775443054768</c:v>
                </c:pt>
                <c:pt idx="3295">
                  <c:v>56.669776371499324</c:v>
                </c:pt>
                <c:pt idx="3296">
                  <c:v>56.662705273462322</c:v>
                </c:pt>
                <c:pt idx="3297">
                  <c:v>56.655683311292918</c:v>
                </c:pt>
                <c:pt idx="3298">
                  <c:v>56.647915377315449</c:v>
                </c:pt>
                <c:pt idx="3299">
                  <c:v>56.640151910235026</c:v>
                </c:pt>
                <c:pt idx="3300">
                  <c:v>56.633076345300971</c:v>
                </c:pt>
                <c:pt idx="3301">
                  <c:v>56.625362014088154</c:v>
                </c:pt>
                <c:pt idx="3302">
                  <c:v>56.618290916051151</c:v>
                </c:pt>
                <c:pt idx="3303">
                  <c:v>56.610522982073675</c:v>
                </c:pt>
                <c:pt idx="3304">
                  <c:v>56.603501019904279</c:v>
                </c:pt>
                <c:pt idx="3305">
                  <c:v>56.595733085926803</c:v>
                </c:pt>
                <c:pt idx="3306">
                  <c:v>56.5886619878898</c:v>
                </c:pt>
                <c:pt idx="3307">
                  <c:v>56.580898520809377</c:v>
                </c:pt>
                <c:pt idx="3308">
                  <c:v>56.573130586831901</c:v>
                </c:pt>
                <c:pt idx="3309">
                  <c:v>56.56541625561907</c:v>
                </c:pt>
                <c:pt idx="3310">
                  <c:v>56.557648321641608</c:v>
                </c:pt>
                <c:pt idx="3311">
                  <c:v>56.550577223604606</c:v>
                </c:pt>
                <c:pt idx="3312">
                  <c:v>56.54281375652419</c:v>
                </c:pt>
                <c:pt idx="3313">
                  <c:v>56.535094958414312</c:v>
                </c:pt>
                <c:pt idx="3314">
                  <c:v>56.527331491333889</c:v>
                </c:pt>
                <c:pt idx="3315">
                  <c:v>56.519563557356413</c:v>
                </c:pt>
                <c:pt idx="3316">
                  <c:v>56.51110772123257</c:v>
                </c:pt>
                <c:pt idx="3317">
                  <c:v>56.504032156298521</c:v>
                </c:pt>
                <c:pt idx="3318">
                  <c:v>56.495576320174678</c:v>
                </c:pt>
                <c:pt idx="3319">
                  <c:v>56.487812853094255</c:v>
                </c:pt>
                <c:pt idx="3320">
                  <c:v>56.480786424027798</c:v>
                </c:pt>
                <c:pt idx="3321">
                  <c:v>56.472330587903961</c:v>
                </c:pt>
                <c:pt idx="3322">
                  <c:v>56.464562653926485</c:v>
                </c:pt>
                <c:pt idx="3323">
                  <c:v>56.456106817802642</c:v>
                </c:pt>
                <c:pt idx="3324">
                  <c:v>56.449035719765646</c:v>
                </c:pt>
                <c:pt idx="3325">
                  <c:v>56.440575416744757</c:v>
                </c:pt>
                <c:pt idx="3326">
                  <c:v>56.433553454575346</c:v>
                </c:pt>
                <c:pt idx="3327">
                  <c:v>56.42578552059787</c:v>
                </c:pt>
                <c:pt idx="3328">
                  <c:v>56.418022053517447</c:v>
                </c:pt>
                <c:pt idx="3329">
                  <c:v>56.410258586437024</c:v>
                </c:pt>
                <c:pt idx="3330">
                  <c:v>56.402490652459555</c:v>
                </c:pt>
                <c:pt idx="3331">
                  <c:v>56.394034816335711</c:v>
                </c:pt>
                <c:pt idx="3332">
                  <c:v>56.386266882358235</c:v>
                </c:pt>
                <c:pt idx="3333">
                  <c:v>56.378552551145425</c:v>
                </c:pt>
                <c:pt idx="3334">
                  <c:v>56.370784617167949</c:v>
                </c:pt>
                <c:pt idx="3335">
                  <c:v>56.362328781044098</c:v>
                </c:pt>
                <c:pt idx="3336">
                  <c:v>56.353872944920255</c:v>
                </c:pt>
                <c:pt idx="3337">
                  <c:v>56.346105010942779</c:v>
                </c:pt>
                <c:pt idx="3338">
                  <c:v>56.338341543862356</c:v>
                </c:pt>
                <c:pt idx="3339">
                  <c:v>56.329881240841459</c:v>
                </c:pt>
                <c:pt idx="3340">
                  <c:v>56.32211777376105</c:v>
                </c:pt>
                <c:pt idx="3341">
                  <c:v>56.32068389980661</c:v>
                </c:pt>
                <c:pt idx="3342">
                  <c:v>56.312223596785714</c:v>
                </c:pt>
                <c:pt idx="3343">
                  <c:v>56.304509265572889</c:v>
                </c:pt>
                <c:pt idx="3344">
                  <c:v>56.295999826684394</c:v>
                </c:pt>
                <c:pt idx="3345">
                  <c:v>56.287543990560565</c:v>
                </c:pt>
                <c:pt idx="3346">
                  <c:v>56.279829659347733</c:v>
                </c:pt>
                <c:pt idx="3347">
                  <c:v>56.271320220459245</c:v>
                </c:pt>
                <c:pt idx="3348">
                  <c:v>56.263605889246413</c:v>
                </c:pt>
                <c:pt idx="3349">
                  <c:v>56.255837955268937</c:v>
                </c:pt>
                <c:pt idx="3350">
                  <c:v>56.247382119145108</c:v>
                </c:pt>
                <c:pt idx="3351">
                  <c:v>56.238921816124211</c:v>
                </c:pt>
                <c:pt idx="3352">
                  <c:v>56.231158349043788</c:v>
                </c:pt>
                <c:pt idx="3353">
                  <c:v>56.223394881963365</c:v>
                </c:pt>
                <c:pt idx="3354">
                  <c:v>56.214934578942476</c:v>
                </c:pt>
                <c:pt idx="3355">
                  <c:v>56.206478742818632</c:v>
                </c:pt>
                <c:pt idx="3356">
                  <c:v>56.199403177884577</c:v>
                </c:pt>
                <c:pt idx="3357">
                  <c:v>56.190947341760733</c:v>
                </c:pt>
                <c:pt idx="3358">
                  <c:v>56.183925379591336</c:v>
                </c:pt>
                <c:pt idx="3359">
                  <c:v>56.176157445613853</c:v>
                </c:pt>
                <c:pt idx="3360">
                  <c:v>56.168393978533437</c:v>
                </c:pt>
                <c:pt idx="3361">
                  <c:v>56.160626044555961</c:v>
                </c:pt>
                <c:pt idx="3362">
                  <c:v>56.153604082386558</c:v>
                </c:pt>
                <c:pt idx="3363">
                  <c:v>56.146532984349562</c:v>
                </c:pt>
                <c:pt idx="3364">
                  <c:v>56.139457419415507</c:v>
                </c:pt>
                <c:pt idx="3365">
                  <c:v>56.132435457246096</c:v>
                </c:pt>
                <c:pt idx="3366">
                  <c:v>56.125359892312055</c:v>
                </c:pt>
                <c:pt idx="3367">
                  <c:v>56.118337930142644</c:v>
                </c:pt>
                <c:pt idx="3368">
                  <c:v>56.111959201149062</c:v>
                </c:pt>
                <c:pt idx="3369">
                  <c:v>56.104932772082606</c:v>
                </c:pt>
                <c:pt idx="3370">
                  <c:v>56.09786167404561</c:v>
                </c:pt>
                <c:pt idx="3371">
                  <c:v>56.091532080919627</c:v>
                </c:pt>
                <c:pt idx="3372">
                  <c:v>56.085198020896598</c:v>
                </c:pt>
                <c:pt idx="3373">
                  <c:v>56.079560796814029</c:v>
                </c:pt>
                <c:pt idx="3374">
                  <c:v>56.072489698777026</c:v>
                </c:pt>
                <c:pt idx="3375">
                  <c:v>56.066848007797418</c:v>
                </c:pt>
                <c:pt idx="3376">
                  <c:v>56.060518414671435</c:v>
                </c:pt>
                <c:pt idx="3377">
                  <c:v>56.05413968567786</c:v>
                </c:pt>
                <c:pt idx="3378">
                  <c:v>56.048497994698245</c:v>
                </c:pt>
                <c:pt idx="3379">
                  <c:v>56.04286077061569</c:v>
                </c:pt>
                <c:pt idx="3380">
                  <c:v>56.03722354653312</c:v>
                </c:pt>
                <c:pt idx="3381">
                  <c:v>56.031581855553505</c:v>
                </c:pt>
                <c:pt idx="3382">
                  <c:v>56.02663700051437</c:v>
                </c:pt>
                <c:pt idx="3383">
                  <c:v>56.020999776431815</c:v>
                </c:pt>
                <c:pt idx="3384">
                  <c:v>56.015362552349245</c:v>
                </c:pt>
                <c:pt idx="3385">
                  <c:v>56.01041323041305</c:v>
                </c:pt>
                <c:pt idx="3386">
                  <c:v>56.004776006330495</c:v>
                </c:pt>
                <c:pt idx="3387">
                  <c:v>55.999138782247925</c:v>
                </c:pt>
                <c:pt idx="3388">
                  <c:v>55.994189460311738</c:v>
                </c:pt>
                <c:pt idx="3389">
                  <c:v>55.989293741140187</c:v>
                </c:pt>
                <c:pt idx="3390">
                  <c:v>55.984348886101053</c:v>
                </c:pt>
                <c:pt idx="3391">
                  <c:v>55.979404031061918</c:v>
                </c:pt>
                <c:pt idx="3392">
                  <c:v>55.975196214036735</c:v>
                </c:pt>
                <c:pt idx="3393">
                  <c:v>55.970251358997594</c:v>
                </c:pt>
                <c:pt idx="3394">
                  <c:v>55.965306503958459</c:v>
                </c:pt>
                <c:pt idx="3395">
                  <c:v>55.960361648919324</c:v>
                </c:pt>
                <c:pt idx="3396">
                  <c:v>55.955412326983122</c:v>
                </c:pt>
                <c:pt idx="3397">
                  <c:v>55.950516607811586</c:v>
                </c:pt>
                <c:pt idx="3398">
                  <c:v>55.946264121815858</c:v>
                </c:pt>
                <c:pt idx="3399">
                  <c:v>55.941319266776709</c:v>
                </c:pt>
                <c:pt idx="3400">
                  <c:v>55.936369944840521</c:v>
                </c:pt>
                <c:pt idx="3401">
                  <c:v>55.932166594712406</c:v>
                </c:pt>
                <c:pt idx="3402">
                  <c:v>55.927221739673257</c:v>
                </c:pt>
                <c:pt idx="3403">
                  <c:v>55.923710758588562</c:v>
                </c:pt>
                <c:pt idx="3404">
                  <c:v>55.918761436652368</c:v>
                </c:pt>
                <c:pt idx="3405">
                  <c:v>55.913816581613233</c:v>
                </c:pt>
                <c:pt idx="3406">
                  <c:v>55.908871726574084</c:v>
                </c:pt>
                <c:pt idx="3407">
                  <c:v>55.905360745489382</c:v>
                </c:pt>
                <c:pt idx="3408">
                  <c:v>55.900411423553187</c:v>
                </c:pt>
                <c:pt idx="3409">
                  <c:v>55.896208073425072</c:v>
                </c:pt>
                <c:pt idx="3410">
                  <c:v>55.891955587429351</c:v>
                </c:pt>
                <c:pt idx="3411">
                  <c:v>55.887010732390209</c:v>
                </c:pt>
                <c:pt idx="3412">
                  <c:v>55.882807382262087</c:v>
                </c:pt>
                <c:pt idx="3413">
                  <c:v>55.878550429369312</c:v>
                </c:pt>
                <c:pt idx="3414">
                  <c:v>55.87503944828461</c:v>
                </c:pt>
                <c:pt idx="3415">
                  <c:v>55.870094593245476</c:v>
                </c:pt>
                <c:pt idx="3416">
                  <c:v>55.866583612160781</c:v>
                </c:pt>
                <c:pt idx="3417">
                  <c:v>55.862326659268</c:v>
                </c:pt>
                <c:pt idx="3418">
                  <c:v>55.858123309139884</c:v>
                </c:pt>
                <c:pt idx="3419">
                  <c:v>55.853178454100735</c:v>
                </c:pt>
                <c:pt idx="3420">
                  <c:v>55.84897510397262</c:v>
                </c:pt>
                <c:pt idx="3421">
                  <c:v>55.844722617976892</c:v>
                </c:pt>
                <c:pt idx="3422">
                  <c:v>55.840465665084125</c:v>
                </c:pt>
                <c:pt idx="3423">
                  <c:v>55.836262314956009</c:v>
                </c:pt>
                <c:pt idx="3424">
                  <c:v>55.832009828960281</c:v>
                </c:pt>
                <c:pt idx="3425">
                  <c:v>55.828498847875572</c:v>
                </c:pt>
                <c:pt idx="3426">
                  <c:v>55.823549525939384</c:v>
                </c:pt>
                <c:pt idx="3427">
                  <c:v>55.819346175811269</c:v>
                </c:pt>
                <c:pt idx="3428">
                  <c:v>55.815786058858961</c:v>
                </c:pt>
                <c:pt idx="3429">
                  <c:v>55.811582708730846</c:v>
                </c:pt>
                <c:pt idx="3430">
                  <c:v>55.807330222735132</c:v>
                </c:pt>
                <c:pt idx="3431">
                  <c:v>55.803122405709949</c:v>
                </c:pt>
                <c:pt idx="3432">
                  <c:v>55.798869919714235</c:v>
                </c:pt>
                <c:pt idx="3433">
                  <c:v>55.794666569586106</c:v>
                </c:pt>
                <c:pt idx="3434">
                  <c:v>55.791106452633812</c:v>
                </c:pt>
                <c:pt idx="3435">
                  <c:v>55.786898635608637</c:v>
                </c:pt>
                <c:pt idx="3436">
                  <c:v>55.783387654523928</c:v>
                </c:pt>
                <c:pt idx="3437">
                  <c:v>55.779135168528207</c:v>
                </c:pt>
                <c:pt idx="3438">
                  <c:v>55.775624187443505</c:v>
                </c:pt>
                <c:pt idx="3439">
                  <c:v>55.771371701447791</c:v>
                </c:pt>
                <c:pt idx="3440">
                  <c:v>55.767856253466043</c:v>
                </c:pt>
                <c:pt idx="3441">
                  <c:v>55.763603767470315</c:v>
                </c:pt>
                <c:pt idx="3442">
                  <c:v>55.759400417342199</c:v>
                </c:pt>
                <c:pt idx="3443">
                  <c:v>55.755147931346471</c:v>
                </c:pt>
                <c:pt idx="3444">
                  <c:v>55.751636950261776</c:v>
                </c:pt>
                <c:pt idx="3445">
                  <c:v>55.747429133236601</c:v>
                </c:pt>
                <c:pt idx="3446">
                  <c:v>55.74317664724088</c:v>
                </c:pt>
                <c:pt idx="3447">
                  <c:v>55.739665666156178</c:v>
                </c:pt>
                <c:pt idx="3448">
                  <c:v>55.736105549203884</c:v>
                </c:pt>
                <c:pt idx="3449">
                  <c:v>55.732594568119175</c:v>
                </c:pt>
                <c:pt idx="3450">
                  <c:v>55.728386751094007</c:v>
                </c:pt>
                <c:pt idx="3451">
                  <c:v>55.724134265098279</c:v>
                </c:pt>
                <c:pt idx="3452">
                  <c:v>55.720623284013584</c:v>
                </c:pt>
                <c:pt idx="3453">
                  <c:v>55.717063167061283</c:v>
                </c:pt>
                <c:pt idx="3454">
                  <c:v>55.712859816933161</c:v>
                </c:pt>
                <c:pt idx="3455">
                  <c:v>55.709344368951406</c:v>
                </c:pt>
                <c:pt idx="3456">
                  <c:v>55.705091882955692</c:v>
                </c:pt>
                <c:pt idx="3457">
                  <c:v>55.701580901870983</c:v>
                </c:pt>
                <c:pt idx="3458">
                  <c:v>55.698069920786288</c:v>
                </c:pt>
                <c:pt idx="3459">
                  <c:v>55.69381743479056</c:v>
                </c:pt>
                <c:pt idx="3460">
                  <c:v>55.690301986808812</c:v>
                </c:pt>
                <c:pt idx="3461">
                  <c:v>55.686741869856519</c:v>
                </c:pt>
                <c:pt idx="3462">
                  <c:v>55.682538519728396</c:v>
                </c:pt>
                <c:pt idx="3463">
                  <c:v>55.679027538643687</c:v>
                </c:pt>
                <c:pt idx="3464">
                  <c:v>55.675467421691394</c:v>
                </c:pt>
                <c:pt idx="3465">
                  <c:v>55.671951973709632</c:v>
                </c:pt>
                <c:pt idx="3466">
                  <c:v>55.667699487713918</c:v>
                </c:pt>
                <c:pt idx="3467">
                  <c:v>55.663496137585803</c:v>
                </c:pt>
                <c:pt idx="3468">
                  <c:v>55.659985156501094</c:v>
                </c:pt>
                <c:pt idx="3469">
                  <c:v>55.655728203608327</c:v>
                </c:pt>
                <c:pt idx="3470">
                  <c:v>55.652909591567038</c:v>
                </c:pt>
                <c:pt idx="3471">
                  <c:v>55.648706241438916</c:v>
                </c:pt>
                <c:pt idx="3472">
                  <c:v>55.645146124486622</c:v>
                </c:pt>
                <c:pt idx="3473">
                  <c:v>55.641635143401928</c:v>
                </c:pt>
                <c:pt idx="3474">
                  <c:v>55.638124162317212</c:v>
                </c:pt>
                <c:pt idx="3475">
                  <c:v>55.633867209424437</c:v>
                </c:pt>
                <c:pt idx="3476">
                  <c:v>55.630356228339735</c:v>
                </c:pt>
                <c:pt idx="3477">
                  <c:v>55.626845247255041</c:v>
                </c:pt>
                <c:pt idx="3478">
                  <c:v>55.622592761259327</c:v>
                </c:pt>
                <c:pt idx="3479">
                  <c:v>55.619774149218038</c:v>
                </c:pt>
                <c:pt idx="3480">
                  <c:v>55.616258701236291</c:v>
                </c:pt>
                <c:pt idx="3481">
                  <c:v>55.612006215240562</c:v>
                </c:pt>
                <c:pt idx="3482">
                  <c:v>55.60849523415586</c:v>
                </c:pt>
                <c:pt idx="3483">
                  <c:v>55.604984253071166</c:v>
                </c:pt>
                <c:pt idx="3484">
                  <c:v>55.601424136118858</c:v>
                </c:pt>
                <c:pt idx="3485">
                  <c:v>55.59721631909369</c:v>
                </c:pt>
                <c:pt idx="3486">
                  <c:v>55.594397707052401</c:v>
                </c:pt>
                <c:pt idx="3487">
                  <c:v>55.590145221056687</c:v>
                </c:pt>
                <c:pt idx="3488">
                  <c:v>55.585941870928565</c:v>
                </c:pt>
                <c:pt idx="3489">
                  <c:v>55.581689384932851</c:v>
                </c:pt>
                <c:pt idx="3490">
                  <c:v>55.578173936951089</c:v>
                </c:pt>
                <c:pt idx="3491">
                  <c:v>55.574662955866394</c:v>
                </c:pt>
                <c:pt idx="3492">
                  <c:v>55.571102838914086</c:v>
                </c:pt>
                <c:pt idx="3493">
                  <c:v>55.568284226872812</c:v>
                </c:pt>
                <c:pt idx="3494">
                  <c:v>55.56408087674469</c:v>
                </c:pt>
                <c:pt idx="3495">
                  <c:v>55.560516292895336</c:v>
                </c:pt>
                <c:pt idx="3496">
                  <c:v>55.557005311810634</c:v>
                </c:pt>
                <c:pt idx="3497">
                  <c:v>55.552801961682519</c:v>
                </c:pt>
                <c:pt idx="3498">
                  <c:v>55.549241844730211</c:v>
                </c:pt>
                <c:pt idx="3499">
                  <c:v>55.545730863645517</c:v>
                </c:pt>
                <c:pt idx="3500">
                  <c:v>55.542215415663762</c:v>
                </c:pt>
                <c:pt idx="3501">
                  <c:v>55.537962929668041</c:v>
                </c:pt>
                <c:pt idx="3502">
                  <c:v>55.534451948583339</c:v>
                </c:pt>
                <c:pt idx="3503">
                  <c:v>55.53094096749863</c:v>
                </c:pt>
                <c:pt idx="3504">
                  <c:v>55.527380850546336</c:v>
                </c:pt>
                <c:pt idx="3505">
                  <c:v>55.523173033521154</c:v>
                </c:pt>
                <c:pt idx="3506">
                  <c:v>55.519662052436459</c:v>
                </c:pt>
                <c:pt idx="3507">
                  <c:v>55.516101935484166</c:v>
                </c:pt>
                <c:pt idx="3508">
                  <c:v>55.512590954399457</c:v>
                </c:pt>
                <c:pt idx="3509">
                  <c:v>55.50977234235819</c:v>
                </c:pt>
                <c:pt idx="3510">
                  <c:v>55.505515389465408</c:v>
                </c:pt>
                <c:pt idx="3511">
                  <c:v>55.50269677742412</c:v>
                </c:pt>
                <c:pt idx="3512">
                  <c:v>55.498493427296005</c:v>
                </c:pt>
                <c:pt idx="3513">
                  <c:v>55.494982446211303</c:v>
                </c:pt>
                <c:pt idx="3514">
                  <c:v>55.491422329259009</c:v>
                </c:pt>
                <c:pt idx="3515">
                  <c:v>55.48721897913088</c:v>
                </c:pt>
                <c:pt idx="3516">
                  <c:v>55.483654395281533</c:v>
                </c:pt>
                <c:pt idx="3517">
                  <c:v>55.480143414196824</c:v>
                </c:pt>
                <c:pt idx="3518">
                  <c:v>55.475940064068709</c:v>
                </c:pt>
                <c:pt idx="3519">
                  <c:v>55.473121452027428</c:v>
                </c:pt>
                <c:pt idx="3520">
                  <c:v>55.469561335075134</c:v>
                </c:pt>
                <c:pt idx="3521">
                  <c:v>55.465353518049952</c:v>
                </c:pt>
                <c:pt idx="3522">
                  <c:v>55.461793401097651</c:v>
                </c:pt>
                <c:pt idx="3523">
                  <c:v>55.458282420012949</c:v>
                </c:pt>
                <c:pt idx="3524">
                  <c:v>55.455463807971675</c:v>
                </c:pt>
                <c:pt idx="3525">
                  <c:v>55.451260457843553</c:v>
                </c:pt>
                <c:pt idx="3526">
                  <c:v>55.447695873994199</c:v>
                </c:pt>
                <c:pt idx="3527">
                  <c:v>55.444184892909497</c:v>
                </c:pt>
                <c:pt idx="3528">
                  <c:v>55.440673911824788</c:v>
                </c:pt>
                <c:pt idx="3529">
                  <c:v>55.437113794872495</c:v>
                </c:pt>
                <c:pt idx="3530">
                  <c:v>55.4336028137878</c:v>
                </c:pt>
                <c:pt idx="3531">
                  <c:v>55.430091832703084</c:v>
                </c:pt>
                <c:pt idx="3532">
                  <c:v>55.426576384721336</c:v>
                </c:pt>
                <c:pt idx="3533">
                  <c:v>55.423016267769043</c:v>
                </c:pt>
                <c:pt idx="3534">
                  <c:v>55.419505286684348</c:v>
                </c:pt>
                <c:pt idx="3535">
                  <c:v>55.41525280068862</c:v>
                </c:pt>
                <c:pt idx="3536">
                  <c:v>55.412434188647339</c:v>
                </c:pt>
                <c:pt idx="3537">
                  <c:v>55.408918740665584</c:v>
                </c:pt>
                <c:pt idx="3538">
                  <c:v>55.405407759580882</c:v>
                </c:pt>
                <c:pt idx="3539">
                  <c:v>55.401896778496187</c:v>
                </c:pt>
                <c:pt idx="3540">
                  <c:v>55.39833666154388</c:v>
                </c:pt>
                <c:pt idx="3541">
                  <c:v>55.394825680459178</c:v>
                </c:pt>
                <c:pt idx="3542">
                  <c:v>55.391310232477423</c:v>
                </c:pt>
                <c:pt idx="3543">
                  <c:v>55.387750115525137</c:v>
                </c:pt>
                <c:pt idx="3544">
                  <c:v>55.383546765397007</c:v>
                </c:pt>
                <c:pt idx="3545">
                  <c:v>55.380035784312312</c:v>
                </c:pt>
                <c:pt idx="3546">
                  <c:v>55.376475667360005</c:v>
                </c:pt>
                <c:pt idx="3547">
                  <c:v>55.372960219378257</c:v>
                </c:pt>
                <c:pt idx="3548">
                  <c:v>55.369449238293541</c:v>
                </c:pt>
                <c:pt idx="3549">
                  <c:v>55.365889121341247</c:v>
                </c:pt>
                <c:pt idx="3550">
                  <c:v>55.362378140256553</c:v>
                </c:pt>
                <c:pt idx="3551">
                  <c:v>55.358867159171844</c:v>
                </c:pt>
                <c:pt idx="3552">
                  <c:v>55.354610206279077</c:v>
                </c:pt>
                <c:pt idx="3553">
                  <c:v>55.351791594237795</c:v>
                </c:pt>
                <c:pt idx="3554">
                  <c:v>55.348280613153101</c:v>
                </c:pt>
                <c:pt idx="3555">
                  <c:v>55.344077263024971</c:v>
                </c:pt>
                <c:pt idx="3556">
                  <c:v>55.34125865098369</c:v>
                </c:pt>
                <c:pt idx="3557">
                  <c:v>55.337698534031396</c:v>
                </c:pt>
                <c:pt idx="3558">
                  <c:v>55.334183086049634</c:v>
                </c:pt>
                <c:pt idx="3559">
                  <c:v>55.33067210496494</c:v>
                </c:pt>
                <c:pt idx="3560">
                  <c:v>55.327111988012632</c:v>
                </c:pt>
                <c:pt idx="3561">
                  <c:v>55.323601006927937</c:v>
                </c:pt>
                <c:pt idx="3562">
                  <c:v>55.319397656799815</c:v>
                </c:pt>
                <c:pt idx="3563">
                  <c:v>55.316579044758541</c:v>
                </c:pt>
                <c:pt idx="3564">
                  <c:v>55.312322091865759</c:v>
                </c:pt>
                <c:pt idx="3565">
                  <c:v>55.308811110781065</c:v>
                </c:pt>
                <c:pt idx="3566">
                  <c:v>55.305250993828757</c:v>
                </c:pt>
                <c:pt idx="3567">
                  <c:v>55.302432381787483</c:v>
                </c:pt>
                <c:pt idx="3568">
                  <c:v>55.298921400702781</c:v>
                </c:pt>
                <c:pt idx="3569">
                  <c:v>55.294713583677598</c:v>
                </c:pt>
                <c:pt idx="3570">
                  <c:v>55.291153466725305</c:v>
                </c:pt>
                <c:pt idx="3571">
                  <c:v>55.288334854684031</c:v>
                </c:pt>
                <c:pt idx="3572">
                  <c:v>55.284131504555901</c:v>
                </c:pt>
                <c:pt idx="3573">
                  <c:v>55.280571387603608</c:v>
                </c:pt>
                <c:pt idx="3574">
                  <c:v>55.277055939621846</c:v>
                </c:pt>
                <c:pt idx="3575">
                  <c:v>55.273544958537144</c:v>
                </c:pt>
                <c:pt idx="3576">
                  <c:v>55.270033977452449</c:v>
                </c:pt>
                <c:pt idx="3577">
                  <c:v>55.266473860500156</c:v>
                </c:pt>
                <c:pt idx="3578">
                  <c:v>55.262962879415447</c:v>
                </c:pt>
                <c:pt idx="3579">
                  <c:v>55.259447431433692</c:v>
                </c:pt>
                <c:pt idx="3580">
                  <c:v>55.255887314481392</c:v>
                </c:pt>
                <c:pt idx="3581">
                  <c:v>55.25237633339669</c:v>
                </c:pt>
                <c:pt idx="3582">
                  <c:v>55.248865352311995</c:v>
                </c:pt>
                <c:pt idx="3583">
                  <c:v>55.245354371227293</c:v>
                </c:pt>
                <c:pt idx="3584">
                  <c:v>55.241097418334519</c:v>
                </c:pt>
                <c:pt idx="3585">
                  <c:v>55.23758643724981</c:v>
                </c:pt>
                <c:pt idx="3586">
                  <c:v>55.234026320297524</c:v>
                </c:pt>
                <c:pt idx="3587">
                  <c:v>55.231207708256235</c:v>
                </c:pt>
                <c:pt idx="3588">
                  <c:v>55.22700435812812</c:v>
                </c:pt>
                <c:pt idx="3589">
                  <c:v>55.224185746086832</c:v>
                </c:pt>
                <c:pt idx="3590">
                  <c:v>55.220670298105077</c:v>
                </c:pt>
                <c:pt idx="3591">
                  <c:v>55.216417812109363</c:v>
                </c:pt>
                <c:pt idx="3592">
                  <c:v>55.213599200068074</c:v>
                </c:pt>
                <c:pt idx="3593">
                  <c:v>55.21008821898338</c:v>
                </c:pt>
                <c:pt idx="3594">
                  <c:v>55.206528102031086</c:v>
                </c:pt>
                <c:pt idx="3595">
                  <c:v>55.203012654049324</c:v>
                </c:pt>
                <c:pt idx="3596">
                  <c:v>55.199501672964622</c:v>
                </c:pt>
                <c:pt idx="3597">
                  <c:v>55.195990691879928</c:v>
                </c:pt>
                <c:pt idx="3598">
                  <c:v>55.19243057492762</c:v>
                </c:pt>
                <c:pt idx="3599">
                  <c:v>55.188919593842925</c:v>
                </c:pt>
                <c:pt idx="3600">
                  <c:v>55.185408612758224</c:v>
                </c:pt>
                <c:pt idx="3601">
                  <c:v>55.18184402890887</c:v>
                </c:pt>
                <c:pt idx="3602">
                  <c:v>55.177640678780747</c:v>
                </c:pt>
                <c:pt idx="3603">
                  <c:v>55.174129697696038</c:v>
                </c:pt>
                <c:pt idx="3604">
                  <c:v>55.170569580743745</c:v>
                </c:pt>
                <c:pt idx="3605">
                  <c:v>55.167058599659043</c:v>
                </c:pt>
                <c:pt idx="3606">
                  <c:v>55.163543151677295</c:v>
                </c:pt>
                <c:pt idx="3607">
                  <c:v>55.160724539636007</c:v>
                </c:pt>
                <c:pt idx="3608">
                  <c:v>55.157164422683714</c:v>
                </c:pt>
                <c:pt idx="3609">
                  <c:v>55.152961072555598</c:v>
                </c:pt>
                <c:pt idx="3610">
                  <c:v>55.150142460514303</c:v>
                </c:pt>
                <c:pt idx="3611">
                  <c:v>55.146631479429608</c:v>
                </c:pt>
                <c:pt idx="3612">
                  <c:v>55.142374526536827</c:v>
                </c:pt>
                <c:pt idx="3613">
                  <c:v>55.139555914495553</c:v>
                </c:pt>
                <c:pt idx="3614">
                  <c:v>55.136044933410858</c:v>
                </c:pt>
                <c:pt idx="3615">
                  <c:v>55.13248481645855</c:v>
                </c:pt>
                <c:pt idx="3616">
                  <c:v>55.128973835373849</c:v>
                </c:pt>
                <c:pt idx="3617">
                  <c:v>55.126150756435521</c:v>
                </c:pt>
                <c:pt idx="3618">
                  <c:v>55.121947406307392</c:v>
                </c:pt>
                <c:pt idx="3619">
                  <c:v>55.118387289355098</c:v>
                </c:pt>
                <c:pt idx="3620">
                  <c:v>55.114876308270389</c:v>
                </c:pt>
                <c:pt idx="3621">
                  <c:v>55.111365327185688</c:v>
                </c:pt>
                <c:pt idx="3622">
                  <c:v>55.107800743336341</c:v>
                </c:pt>
                <c:pt idx="3623">
                  <c:v>55.104289762251646</c:v>
                </c:pt>
                <c:pt idx="3624">
                  <c:v>55.100778781166937</c:v>
                </c:pt>
                <c:pt idx="3625">
                  <c:v>55.097267800082236</c:v>
                </c:pt>
                <c:pt idx="3626">
                  <c:v>55.094449188040961</c:v>
                </c:pt>
                <c:pt idx="3627">
                  <c:v>55.090889071088654</c:v>
                </c:pt>
                <c:pt idx="3628">
                  <c:v>55.087373623106906</c:v>
                </c:pt>
                <c:pt idx="3629">
                  <c:v>55.083862642022197</c:v>
                </c:pt>
                <c:pt idx="3630">
                  <c:v>55.080302525069904</c:v>
                </c:pt>
                <c:pt idx="3631">
                  <c:v>55.076791543985202</c:v>
                </c:pt>
                <c:pt idx="3632">
                  <c:v>55.072588193857086</c:v>
                </c:pt>
                <c:pt idx="3633">
                  <c:v>55.069765114918745</c:v>
                </c:pt>
                <c:pt idx="3634">
                  <c:v>55.066204997966452</c:v>
                </c:pt>
                <c:pt idx="3635">
                  <c:v>55.06269401688175</c:v>
                </c:pt>
                <c:pt idx="3636">
                  <c:v>55.059183035797055</c:v>
                </c:pt>
                <c:pt idx="3637">
                  <c:v>55.055622918844747</c:v>
                </c:pt>
                <c:pt idx="3638">
                  <c:v>55.052107470862985</c:v>
                </c:pt>
                <c:pt idx="3639">
                  <c:v>55.048596489778291</c:v>
                </c:pt>
                <c:pt idx="3640">
                  <c:v>55.04577787773700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2713-49A8-840C-4B44505B7F3E}"/>
            </c:ext>
          </c:extLst>
        </c:ser>
        <c:ser>
          <c:idx val="3"/>
          <c:order val="4"/>
          <c:tx>
            <c:strRef>
              <c:f>'TG (2)'!$AC$1</c:f>
              <c:strCache>
                <c:ptCount val="1"/>
                <c:pt idx="0">
                  <c:v>P400</c:v>
                </c:pt>
              </c:strCache>
            </c:strRef>
          </c:tx>
          <c:spPr>
            <a:ln w="19050" cap="rnd">
              <a:solidFill>
                <a:srgbClr val="FF0000"/>
              </a:solidFill>
              <a:round/>
            </a:ln>
            <a:effectLst/>
          </c:spPr>
          <c:marker>
            <c:symbol val="none"/>
          </c:marker>
          <c:xVal>
            <c:numRef>
              <c:f>'TG (2)'!$AF$2:$AF$3642</c:f>
              <c:numCache>
                <c:formatCode>General</c:formatCode>
                <c:ptCount val="3641"/>
                <c:pt idx="0">
                  <c:v>21.28</c:v>
                </c:pt>
                <c:pt idx="1">
                  <c:v>21.276</c:v>
                </c:pt>
                <c:pt idx="2">
                  <c:v>21.280999999999999</c:v>
                </c:pt>
                <c:pt idx="3">
                  <c:v>21.289000000000001</c:v>
                </c:pt>
                <c:pt idx="4">
                  <c:v>21.294</c:v>
                </c:pt>
                <c:pt idx="5">
                  <c:v>21.300999999999998</c:v>
                </c:pt>
                <c:pt idx="6">
                  <c:v>21.309000000000001</c:v>
                </c:pt>
                <c:pt idx="7">
                  <c:v>21.326000000000001</c:v>
                </c:pt>
                <c:pt idx="8">
                  <c:v>21.344000000000001</c:v>
                </c:pt>
                <c:pt idx="9">
                  <c:v>21.359000000000002</c:v>
                </c:pt>
                <c:pt idx="10">
                  <c:v>21.364999999999998</c:v>
                </c:pt>
                <c:pt idx="11">
                  <c:v>21.364000000000001</c:v>
                </c:pt>
                <c:pt idx="12">
                  <c:v>21.372</c:v>
                </c:pt>
                <c:pt idx="13">
                  <c:v>21.385999999999999</c:v>
                </c:pt>
                <c:pt idx="14">
                  <c:v>21.405000000000001</c:v>
                </c:pt>
                <c:pt idx="15">
                  <c:v>21.422000000000001</c:v>
                </c:pt>
                <c:pt idx="16">
                  <c:v>21.443000000000001</c:v>
                </c:pt>
                <c:pt idx="17">
                  <c:v>21.469000000000001</c:v>
                </c:pt>
                <c:pt idx="18">
                  <c:v>21.492000000000001</c:v>
                </c:pt>
                <c:pt idx="19">
                  <c:v>21.489000000000001</c:v>
                </c:pt>
                <c:pt idx="20">
                  <c:v>21.486999999999998</c:v>
                </c:pt>
                <c:pt idx="21">
                  <c:v>21.495999999999999</c:v>
                </c:pt>
                <c:pt idx="22">
                  <c:v>21.507999999999999</c:v>
                </c:pt>
                <c:pt idx="23">
                  <c:v>21.513999999999999</c:v>
                </c:pt>
                <c:pt idx="24">
                  <c:v>21.518999999999998</c:v>
                </c:pt>
                <c:pt idx="25">
                  <c:v>21.515000000000001</c:v>
                </c:pt>
                <c:pt idx="26">
                  <c:v>21.504999999999999</c:v>
                </c:pt>
                <c:pt idx="27">
                  <c:v>21.5</c:v>
                </c:pt>
                <c:pt idx="28">
                  <c:v>21.512</c:v>
                </c:pt>
                <c:pt idx="29">
                  <c:v>21.518999999999998</c:v>
                </c:pt>
                <c:pt idx="30">
                  <c:v>21.53</c:v>
                </c:pt>
                <c:pt idx="31">
                  <c:v>21.535</c:v>
                </c:pt>
                <c:pt idx="32">
                  <c:v>21.524999999999999</c:v>
                </c:pt>
                <c:pt idx="33">
                  <c:v>21.529</c:v>
                </c:pt>
                <c:pt idx="34">
                  <c:v>21.54</c:v>
                </c:pt>
                <c:pt idx="35">
                  <c:v>21.559000000000001</c:v>
                </c:pt>
                <c:pt idx="36">
                  <c:v>21.577000000000002</c:v>
                </c:pt>
                <c:pt idx="37">
                  <c:v>21.599</c:v>
                </c:pt>
                <c:pt idx="38">
                  <c:v>21.611000000000001</c:v>
                </c:pt>
                <c:pt idx="39">
                  <c:v>21.609000000000002</c:v>
                </c:pt>
                <c:pt idx="40">
                  <c:v>21.6</c:v>
                </c:pt>
                <c:pt idx="41">
                  <c:v>21.585999999999999</c:v>
                </c:pt>
                <c:pt idx="42">
                  <c:v>21.562999999999999</c:v>
                </c:pt>
                <c:pt idx="43">
                  <c:v>21.550999999999998</c:v>
                </c:pt>
                <c:pt idx="44">
                  <c:v>21.541</c:v>
                </c:pt>
                <c:pt idx="45">
                  <c:v>21.542999999999999</c:v>
                </c:pt>
                <c:pt idx="46">
                  <c:v>21.547999999999998</c:v>
                </c:pt>
                <c:pt idx="47">
                  <c:v>21.555</c:v>
                </c:pt>
                <c:pt idx="48">
                  <c:v>21.556999999999999</c:v>
                </c:pt>
                <c:pt idx="49">
                  <c:v>21.568000000000001</c:v>
                </c:pt>
                <c:pt idx="50">
                  <c:v>21.587</c:v>
                </c:pt>
                <c:pt idx="51">
                  <c:v>21.602</c:v>
                </c:pt>
                <c:pt idx="52">
                  <c:v>21.617000000000001</c:v>
                </c:pt>
                <c:pt idx="53">
                  <c:v>21.622</c:v>
                </c:pt>
                <c:pt idx="54">
                  <c:v>21.614999999999998</c:v>
                </c:pt>
                <c:pt idx="55">
                  <c:v>21.606999999999999</c:v>
                </c:pt>
                <c:pt idx="56">
                  <c:v>21.616</c:v>
                </c:pt>
                <c:pt idx="57">
                  <c:v>21.617000000000001</c:v>
                </c:pt>
                <c:pt idx="58">
                  <c:v>21.606000000000002</c:v>
                </c:pt>
                <c:pt idx="59">
                  <c:v>21.616</c:v>
                </c:pt>
                <c:pt idx="60">
                  <c:v>21.632999999999999</c:v>
                </c:pt>
                <c:pt idx="61">
                  <c:v>21.643000000000001</c:v>
                </c:pt>
                <c:pt idx="62">
                  <c:v>21.646000000000001</c:v>
                </c:pt>
                <c:pt idx="63">
                  <c:v>21.648</c:v>
                </c:pt>
                <c:pt idx="64">
                  <c:v>21.652999999999999</c:v>
                </c:pt>
                <c:pt idx="65">
                  <c:v>21.655999999999999</c:v>
                </c:pt>
                <c:pt idx="66">
                  <c:v>21.655999999999999</c:v>
                </c:pt>
                <c:pt idx="67">
                  <c:v>21.655000000000001</c:v>
                </c:pt>
                <c:pt idx="68">
                  <c:v>21.655999999999999</c:v>
                </c:pt>
                <c:pt idx="69">
                  <c:v>21.657</c:v>
                </c:pt>
                <c:pt idx="70">
                  <c:v>21.669</c:v>
                </c:pt>
                <c:pt idx="71">
                  <c:v>21.681000000000001</c:v>
                </c:pt>
                <c:pt idx="72">
                  <c:v>21.681999999999999</c:v>
                </c:pt>
                <c:pt idx="73">
                  <c:v>21.677</c:v>
                </c:pt>
                <c:pt idx="74">
                  <c:v>21.667999999999999</c:v>
                </c:pt>
                <c:pt idx="75">
                  <c:v>21.689</c:v>
                </c:pt>
                <c:pt idx="76">
                  <c:v>21.835000000000001</c:v>
                </c:pt>
                <c:pt idx="77">
                  <c:v>21.94</c:v>
                </c:pt>
                <c:pt idx="78">
                  <c:v>22.146999999999998</c:v>
                </c:pt>
                <c:pt idx="79">
                  <c:v>22.116</c:v>
                </c:pt>
                <c:pt idx="80">
                  <c:v>22.164000000000001</c:v>
                </c:pt>
                <c:pt idx="81">
                  <c:v>22.181999999999999</c:v>
                </c:pt>
                <c:pt idx="82">
                  <c:v>22.251000000000001</c:v>
                </c:pt>
                <c:pt idx="83">
                  <c:v>22.215</c:v>
                </c:pt>
                <c:pt idx="84">
                  <c:v>22.14</c:v>
                </c:pt>
                <c:pt idx="85">
                  <c:v>22.079000000000001</c:v>
                </c:pt>
                <c:pt idx="86">
                  <c:v>21.975999999999999</c:v>
                </c:pt>
                <c:pt idx="87">
                  <c:v>21.943000000000001</c:v>
                </c:pt>
                <c:pt idx="88">
                  <c:v>21.876999999999999</c:v>
                </c:pt>
                <c:pt idx="89">
                  <c:v>21.83</c:v>
                </c:pt>
                <c:pt idx="90">
                  <c:v>21.765999999999998</c:v>
                </c:pt>
                <c:pt idx="91">
                  <c:v>21.695</c:v>
                </c:pt>
                <c:pt idx="92">
                  <c:v>21.666</c:v>
                </c:pt>
                <c:pt idx="93">
                  <c:v>21.657</c:v>
                </c:pt>
                <c:pt idx="94">
                  <c:v>21.666</c:v>
                </c:pt>
                <c:pt idx="95">
                  <c:v>21.678999999999998</c:v>
                </c:pt>
                <c:pt idx="96">
                  <c:v>21.693999999999999</c:v>
                </c:pt>
                <c:pt idx="97">
                  <c:v>21.71</c:v>
                </c:pt>
                <c:pt idx="98">
                  <c:v>21.724</c:v>
                </c:pt>
                <c:pt idx="99">
                  <c:v>21.776</c:v>
                </c:pt>
                <c:pt idx="100">
                  <c:v>21.818999999999999</c:v>
                </c:pt>
                <c:pt idx="101">
                  <c:v>21.858000000000001</c:v>
                </c:pt>
                <c:pt idx="102">
                  <c:v>21.896999999999998</c:v>
                </c:pt>
                <c:pt idx="103">
                  <c:v>21.939</c:v>
                </c:pt>
                <c:pt idx="104">
                  <c:v>21.960999999999999</c:v>
                </c:pt>
                <c:pt idx="105">
                  <c:v>21.984999999999999</c:v>
                </c:pt>
                <c:pt idx="106">
                  <c:v>22.016999999999999</c:v>
                </c:pt>
                <c:pt idx="107">
                  <c:v>22.102</c:v>
                </c:pt>
                <c:pt idx="108">
                  <c:v>22.125</c:v>
                </c:pt>
                <c:pt idx="109">
                  <c:v>22.123999999999999</c:v>
                </c:pt>
                <c:pt idx="110">
                  <c:v>22.134</c:v>
                </c:pt>
                <c:pt idx="111">
                  <c:v>22.155000000000001</c:v>
                </c:pt>
                <c:pt idx="112">
                  <c:v>22.172000000000001</c:v>
                </c:pt>
                <c:pt idx="113">
                  <c:v>22.2</c:v>
                </c:pt>
                <c:pt idx="114">
                  <c:v>22.242000000000001</c:v>
                </c:pt>
                <c:pt idx="115">
                  <c:v>22.294</c:v>
                </c:pt>
                <c:pt idx="116">
                  <c:v>22.364000000000001</c:v>
                </c:pt>
                <c:pt idx="117">
                  <c:v>22.427</c:v>
                </c:pt>
                <c:pt idx="118">
                  <c:v>22.481999999999999</c:v>
                </c:pt>
                <c:pt idx="119">
                  <c:v>22.538</c:v>
                </c:pt>
                <c:pt idx="120">
                  <c:v>22.617000000000001</c:v>
                </c:pt>
                <c:pt idx="121">
                  <c:v>22.696999999999999</c:v>
                </c:pt>
                <c:pt idx="122">
                  <c:v>22.776</c:v>
                </c:pt>
                <c:pt idx="123">
                  <c:v>22.853999999999999</c:v>
                </c:pt>
                <c:pt idx="124">
                  <c:v>22.908000000000001</c:v>
                </c:pt>
                <c:pt idx="125">
                  <c:v>22.954000000000001</c:v>
                </c:pt>
                <c:pt idx="126">
                  <c:v>22.972000000000001</c:v>
                </c:pt>
                <c:pt idx="127">
                  <c:v>23.018999999999998</c:v>
                </c:pt>
                <c:pt idx="128">
                  <c:v>23.077000000000002</c:v>
                </c:pt>
                <c:pt idx="129">
                  <c:v>23.143999999999998</c:v>
                </c:pt>
                <c:pt idx="130">
                  <c:v>23.22</c:v>
                </c:pt>
                <c:pt idx="131">
                  <c:v>23.295999999999999</c:v>
                </c:pt>
                <c:pt idx="132">
                  <c:v>23.376999999999999</c:v>
                </c:pt>
                <c:pt idx="133">
                  <c:v>23.472999999999999</c:v>
                </c:pt>
                <c:pt idx="134">
                  <c:v>23.547000000000001</c:v>
                </c:pt>
                <c:pt idx="135">
                  <c:v>23.632000000000001</c:v>
                </c:pt>
                <c:pt idx="136">
                  <c:v>23.704999999999998</c:v>
                </c:pt>
                <c:pt idx="137">
                  <c:v>23.780999999999999</c:v>
                </c:pt>
                <c:pt idx="138">
                  <c:v>23.861000000000001</c:v>
                </c:pt>
                <c:pt idx="139">
                  <c:v>23.936</c:v>
                </c:pt>
                <c:pt idx="140">
                  <c:v>24.006</c:v>
                </c:pt>
                <c:pt idx="141">
                  <c:v>24.091999999999999</c:v>
                </c:pt>
                <c:pt idx="142">
                  <c:v>24.172000000000001</c:v>
                </c:pt>
                <c:pt idx="143">
                  <c:v>24.225000000000001</c:v>
                </c:pt>
                <c:pt idx="144">
                  <c:v>24.303999999999998</c:v>
                </c:pt>
                <c:pt idx="145">
                  <c:v>24.356000000000002</c:v>
                </c:pt>
                <c:pt idx="146">
                  <c:v>24.408000000000001</c:v>
                </c:pt>
                <c:pt idx="147">
                  <c:v>24.475000000000001</c:v>
                </c:pt>
                <c:pt idx="148">
                  <c:v>24.555</c:v>
                </c:pt>
                <c:pt idx="149">
                  <c:v>24.641999999999999</c:v>
                </c:pt>
                <c:pt idx="150">
                  <c:v>24.754000000000001</c:v>
                </c:pt>
                <c:pt idx="151">
                  <c:v>24.841999999999999</c:v>
                </c:pt>
                <c:pt idx="152">
                  <c:v>24.923999999999999</c:v>
                </c:pt>
                <c:pt idx="153">
                  <c:v>24.995000000000001</c:v>
                </c:pt>
                <c:pt idx="154">
                  <c:v>25.074999999999999</c:v>
                </c:pt>
                <c:pt idx="155">
                  <c:v>25.175000000000001</c:v>
                </c:pt>
                <c:pt idx="156">
                  <c:v>25.286999999999999</c:v>
                </c:pt>
                <c:pt idx="157">
                  <c:v>25.405999999999999</c:v>
                </c:pt>
                <c:pt idx="158">
                  <c:v>25.533999999999999</c:v>
                </c:pt>
                <c:pt idx="159">
                  <c:v>25.648</c:v>
                </c:pt>
                <c:pt idx="160">
                  <c:v>25.783000000000001</c:v>
                </c:pt>
                <c:pt idx="161">
                  <c:v>25.934000000000001</c:v>
                </c:pt>
                <c:pt idx="162">
                  <c:v>26.071000000000002</c:v>
                </c:pt>
                <c:pt idx="163">
                  <c:v>26.192</c:v>
                </c:pt>
                <c:pt idx="164">
                  <c:v>26.295999999999999</c:v>
                </c:pt>
                <c:pt idx="165">
                  <c:v>26.395</c:v>
                </c:pt>
                <c:pt idx="166">
                  <c:v>26.506</c:v>
                </c:pt>
                <c:pt idx="167">
                  <c:v>26.611999999999998</c:v>
                </c:pt>
                <c:pt idx="168">
                  <c:v>26.728000000000002</c:v>
                </c:pt>
                <c:pt idx="169">
                  <c:v>26.876999999999999</c:v>
                </c:pt>
                <c:pt idx="170">
                  <c:v>27.003</c:v>
                </c:pt>
                <c:pt idx="171">
                  <c:v>27.108000000000001</c:v>
                </c:pt>
                <c:pt idx="172">
                  <c:v>27.196000000000002</c:v>
                </c:pt>
                <c:pt idx="173">
                  <c:v>27.297999999999998</c:v>
                </c:pt>
                <c:pt idx="174">
                  <c:v>27.402999999999999</c:v>
                </c:pt>
                <c:pt idx="175">
                  <c:v>27.518999999999998</c:v>
                </c:pt>
                <c:pt idx="176">
                  <c:v>27.64</c:v>
                </c:pt>
                <c:pt idx="177">
                  <c:v>27.76</c:v>
                </c:pt>
                <c:pt idx="178">
                  <c:v>27.893000000000001</c:v>
                </c:pt>
                <c:pt idx="179">
                  <c:v>28.04</c:v>
                </c:pt>
                <c:pt idx="180">
                  <c:v>28.19</c:v>
                </c:pt>
                <c:pt idx="181">
                  <c:v>28.350999999999999</c:v>
                </c:pt>
                <c:pt idx="182">
                  <c:v>28.501999999999999</c:v>
                </c:pt>
                <c:pt idx="183">
                  <c:v>28.651</c:v>
                </c:pt>
                <c:pt idx="184">
                  <c:v>28.83</c:v>
                </c:pt>
                <c:pt idx="185">
                  <c:v>28.94</c:v>
                </c:pt>
                <c:pt idx="186">
                  <c:v>29.058</c:v>
                </c:pt>
                <c:pt idx="187">
                  <c:v>29.206</c:v>
                </c:pt>
                <c:pt idx="188">
                  <c:v>29.356000000000002</c:v>
                </c:pt>
                <c:pt idx="189">
                  <c:v>29.513000000000002</c:v>
                </c:pt>
                <c:pt idx="190">
                  <c:v>29.672000000000001</c:v>
                </c:pt>
                <c:pt idx="191">
                  <c:v>29.838000000000001</c:v>
                </c:pt>
                <c:pt idx="192">
                  <c:v>30.007999999999999</c:v>
                </c:pt>
                <c:pt idx="193">
                  <c:v>30.202000000000002</c:v>
                </c:pt>
                <c:pt idx="194">
                  <c:v>30.384</c:v>
                </c:pt>
                <c:pt idx="195">
                  <c:v>30.693000000000001</c:v>
                </c:pt>
                <c:pt idx="196">
                  <c:v>30.795999999999999</c:v>
                </c:pt>
                <c:pt idx="197">
                  <c:v>30.847999999999999</c:v>
                </c:pt>
                <c:pt idx="198">
                  <c:v>30.882000000000001</c:v>
                </c:pt>
                <c:pt idx="199">
                  <c:v>30.952000000000002</c:v>
                </c:pt>
                <c:pt idx="200">
                  <c:v>31.024000000000001</c:v>
                </c:pt>
                <c:pt idx="201">
                  <c:v>31.100999999999999</c:v>
                </c:pt>
                <c:pt idx="202">
                  <c:v>31.218</c:v>
                </c:pt>
                <c:pt idx="203">
                  <c:v>31.367000000000001</c:v>
                </c:pt>
                <c:pt idx="204">
                  <c:v>31.527999999999999</c:v>
                </c:pt>
                <c:pt idx="205">
                  <c:v>31.69</c:v>
                </c:pt>
                <c:pt idx="206">
                  <c:v>31.855</c:v>
                </c:pt>
                <c:pt idx="207">
                  <c:v>32.029000000000003</c:v>
                </c:pt>
                <c:pt idx="208">
                  <c:v>32.191000000000003</c:v>
                </c:pt>
                <c:pt idx="209">
                  <c:v>32.363999999999997</c:v>
                </c:pt>
                <c:pt idx="210">
                  <c:v>32.555999999999997</c:v>
                </c:pt>
                <c:pt idx="211">
                  <c:v>32.731000000000002</c:v>
                </c:pt>
                <c:pt idx="212">
                  <c:v>32.889000000000003</c:v>
                </c:pt>
                <c:pt idx="213">
                  <c:v>33.069000000000003</c:v>
                </c:pt>
                <c:pt idx="214">
                  <c:v>33.261000000000003</c:v>
                </c:pt>
                <c:pt idx="215">
                  <c:v>33.456000000000003</c:v>
                </c:pt>
                <c:pt idx="216">
                  <c:v>33.689</c:v>
                </c:pt>
                <c:pt idx="217">
                  <c:v>33.875999999999998</c:v>
                </c:pt>
                <c:pt idx="218">
                  <c:v>34.100999999999999</c:v>
                </c:pt>
                <c:pt idx="219">
                  <c:v>34.281999999999996</c:v>
                </c:pt>
                <c:pt idx="220">
                  <c:v>34.460999999999999</c:v>
                </c:pt>
                <c:pt idx="221">
                  <c:v>34.643000000000001</c:v>
                </c:pt>
                <c:pt idx="222">
                  <c:v>34.856000000000002</c:v>
                </c:pt>
                <c:pt idx="223">
                  <c:v>34.979999999999997</c:v>
                </c:pt>
                <c:pt idx="224">
                  <c:v>35.103000000000002</c:v>
                </c:pt>
                <c:pt idx="225">
                  <c:v>35.244999999999997</c:v>
                </c:pt>
                <c:pt idx="226">
                  <c:v>35.405999999999999</c:v>
                </c:pt>
                <c:pt idx="227">
                  <c:v>35.576999999999998</c:v>
                </c:pt>
                <c:pt idx="228">
                  <c:v>35.756</c:v>
                </c:pt>
                <c:pt idx="229">
                  <c:v>35.945</c:v>
                </c:pt>
                <c:pt idx="230">
                  <c:v>36.139000000000003</c:v>
                </c:pt>
                <c:pt idx="231">
                  <c:v>36.351999999999997</c:v>
                </c:pt>
                <c:pt idx="232">
                  <c:v>36.545000000000002</c:v>
                </c:pt>
                <c:pt idx="233">
                  <c:v>36.744</c:v>
                </c:pt>
                <c:pt idx="234">
                  <c:v>36.950000000000003</c:v>
                </c:pt>
                <c:pt idx="235">
                  <c:v>37.124000000000002</c:v>
                </c:pt>
                <c:pt idx="236">
                  <c:v>37.296999999999997</c:v>
                </c:pt>
                <c:pt idx="237">
                  <c:v>37.539000000000001</c:v>
                </c:pt>
                <c:pt idx="238">
                  <c:v>37.682000000000002</c:v>
                </c:pt>
                <c:pt idx="239">
                  <c:v>37.841000000000001</c:v>
                </c:pt>
                <c:pt idx="240">
                  <c:v>38.015999999999998</c:v>
                </c:pt>
                <c:pt idx="241">
                  <c:v>38.200000000000003</c:v>
                </c:pt>
                <c:pt idx="242">
                  <c:v>38.384</c:v>
                </c:pt>
                <c:pt idx="243">
                  <c:v>38.573999999999998</c:v>
                </c:pt>
                <c:pt idx="244">
                  <c:v>38.764000000000003</c:v>
                </c:pt>
                <c:pt idx="245">
                  <c:v>38.976999999999997</c:v>
                </c:pt>
                <c:pt idx="246">
                  <c:v>39.176000000000002</c:v>
                </c:pt>
                <c:pt idx="247">
                  <c:v>39.390999999999998</c:v>
                </c:pt>
                <c:pt idx="248">
                  <c:v>39.610999999999997</c:v>
                </c:pt>
                <c:pt idx="249">
                  <c:v>39.83</c:v>
                </c:pt>
                <c:pt idx="250">
                  <c:v>40.027999999999999</c:v>
                </c:pt>
                <c:pt idx="251">
                  <c:v>40.243000000000002</c:v>
                </c:pt>
                <c:pt idx="252">
                  <c:v>40.469000000000001</c:v>
                </c:pt>
                <c:pt idx="253">
                  <c:v>40.685000000000002</c:v>
                </c:pt>
                <c:pt idx="254">
                  <c:v>40.896999999999998</c:v>
                </c:pt>
                <c:pt idx="255">
                  <c:v>41.098999999999997</c:v>
                </c:pt>
                <c:pt idx="256">
                  <c:v>41.274999999999999</c:v>
                </c:pt>
                <c:pt idx="257">
                  <c:v>41.497999999999998</c:v>
                </c:pt>
                <c:pt idx="258">
                  <c:v>41.701999999999998</c:v>
                </c:pt>
                <c:pt idx="259">
                  <c:v>41.933999999999997</c:v>
                </c:pt>
                <c:pt idx="260">
                  <c:v>42.146000000000001</c:v>
                </c:pt>
                <c:pt idx="261">
                  <c:v>42.363</c:v>
                </c:pt>
                <c:pt idx="262">
                  <c:v>42.558999999999997</c:v>
                </c:pt>
                <c:pt idx="263">
                  <c:v>42.71</c:v>
                </c:pt>
                <c:pt idx="264">
                  <c:v>42.895000000000003</c:v>
                </c:pt>
                <c:pt idx="265">
                  <c:v>43.104999999999997</c:v>
                </c:pt>
                <c:pt idx="266">
                  <c:v>43.313000000000002</c:v>
                </c:pt>
                <c:pt idx="267">
                  <c:v>43.505000000000003</c:v>
                </c:pt>
                <c:pt idx="268">
                  <c:v>43.701000000000001</c:v>
                </c:pt>
                <c:pt idx="269">
                  <c:v>43.905000000000001</c:v>
                </c:pt>
                <c:pt idx="270">
                  <c:v>44.116999999999997</c:v>
                </c:pt>
                <c:pt idx="271">
                  <c:v>44.328000000000003</c:v>
                </c:pt>
                <c:pt idx="272">
                  <c:v>44.533999999999999</c:v>
                </c:pt>
                <c:pt idx="273">
                  <c:v>44.75</c:v>
                </c:pt>
                <c:pt idx="274">
                  <c:v>44.975000000000001</c:v>
                </c:pt>
                <c:pt idx="275">
                  <c:v>45.203000000000003</c:v>
                </c:pt>
                <c:pt idx="276">
                  <c:v>45.435000000000002</c:v>
                </c:pt>
                <c:pt idx="277">
                  <c:v>45.682000000000002</c:v>
                </c:pt>
                <c:pt idx="278">
                  <c:v>45.902999999999999</c:v>
                </c:pt>
                <c:pt idx="279">
                  <c:v>46.146000000000001</c:v>
                </c:pt>
                <c:pt idx="280">
                  <c:v>46.381</c:v>
                </c:pt>
                <c:pt idx="281">
                  <c:v>46.594999999999999</c:v>
                </c:pt>
                <c:pt idx="282">
                  <c:v>46.820999999999998</c:v>
                </c:pt>
                <c:pt idx="283">
                  <c:v>47.042000000000002</c:v>
                </c:pt>
                <c:pt idx="284">
                  <c:v>47.246000000000002</c:v>
                </c:pt>
                <c:pt idx="285">
                  <c:v>47.45</c:v>
                </c:pt>
                <c:pt idx="286">
                  <c:v>47.667000000000002</c:v>
                </c:pt>
                <c:pt idx="287">
                  <c:v>47.893000000000001</c:v>
                </c:pt>
                <c:pt idx="288">
                  <c:v>48.133000000000003</c:v>
                </c:pt>
                <c:pt idx="289">
                  <c:v>48.381</c:v>
                </c:pt>
                <c:pt idx="290">
                  <c:v>48.640999999999998</c:v>
                </c:pt>
                <c:pt idx="291">
                  <c:v>48.877000000000002</c:v>
                </c:pt>
                <c:pt idx="292">
                  <c:v>49.1</c:v>
                </c:pt>
                <c:pt idx="293">
                  <c:v>49.304000000000002</c:v>
                </c:pt>
                <c:pt idx="294">
                  <c:v>49.515999999999998</c:v>
                </c:pt>
                <c:pt idx="295">
                  <c:v>49.743000000000002</c:v>
                </c:pt>
                <c:pt idx="296">
                  <c:v>49.97</c:v>
                </c:pt>
                <c:pt idx="297">
                  <c:v>50.212000000000003</c:v>
                </c:pt>
                <c:pt idx="298">
                  <c:v>50.45</c:v>
                </c:pt>
                <c:pt idx="299">
                  <c:v>50.692999999999998</c:v>
                </c:pt>
                <c:pt idx="300">
                  <c:v>50.942999999999998</c:v>
                </c:pt>
                <c:pt idx="301">
                  <c:v>51.198999999999998</c:v>
                </c:pt>
                <c:pt idx="302">
                  <c:v>51.429000000000002</c:v>
                </c:pt>
                <c:pt idx="303">
                  <c:v>51.643000000000001</c:v>
                </c:pt>
                <c:pt idx="304">
                  <c:v>51.872</c:v>
                </c:pt>
                <c:pt idx="305">
                  <c:v>52.088999999999999</c:v>
                </c:pt>
                <c:pt idx="306">
                  <c:v>52.314999999999998</c:v>
                </c:pt>
                <c:pt idx="307">
                  <c:v>52.540999999999997</c:v>
                </c:pt>
                <c:pt idx="308">
                  <c:v>52.781999999999996</c:v>
                </c:pt>
                <c:pt idx="309">
                  <c:v>53.026000000000003</c:v>
                </c:pt>
                <c:pt idx="310">
                  <c:v>53.279000000000003</c:v>
                </c:pt>
                <c:pt idx="311">
                  <c:v>53.545000000000002</c:v>
                </c:pt>
                <c:pt idx="312">
                  <c:v>53.808999999999997</c:v>
                </c:pt>
                <c:pt idx="313">
                  <c:v>54.052</c:v>
                </c:pt>
                <c:pt idx="314">
                  <c:v>54.317</c:v>
                </c:pt>
                <c:pt idx="315">
                  <c:v>54.576000000000001</c:v>
                </c:pt>
                <c:pt idx="316">
                  <c:v>54.837000000000003</c:v>
                </c:pt>
                <c:pt idx="317">
                  <c:v>55.109000000000002</c:v>
                </c:pt>
                <c:pt idx="318">
                  <c:v>55.374000000000002</c:v>
                </c:pt>
                <c:pt idx="319">
                  <c:v>55.677</c:v>
                </c:pt>
                <c:pt idx="320">
                  <c:v>55.933999999999997</c:v>
                </c:pt>
                <c:pt idx="321">
                  <c:v>56.17</c:v>
                </c:pt>
                <c:pt idx="322">
                  <c:v>56.43</c:v>
                </c:pt>
                <c:pt idx="323">
                  <c:v>56.676000000000002</c:v>
                </c:pt>
                <c:pt idx="324">
                  <c:v>56.924999999999997</c:v>
                </c:pt>
                <c:pt idx="325">
                  <c:v>57.137999999999998</c:v>
                </c:pt>
                <c:pt idx="326">
                  <c:v>57.354999999999997</c:v>
                </c:pt>
                <c:pt idx="327">
                  <c:v>57.582000000000001</c:v>
                </c:pt>
                <c:pt idx="328">
                  <c:v>57.831000000000003</c:v>
                </c:pt>
                <c:pt idx="329">
                  <c:v>58.076999999999998</c:v>
                </c:pt>
                <c:pt idx="330">
                  <c:v>58.320999999999998</c:v>
                </c:pt>
                <c:pt idx="331">
                  <c:v>58.582999999999998</c:v>
                </c:pt>
                <c:pt idx="332">
                  <c:v>58.857999999999997</c:v>
                </c:pt>
                <c:pt idx="333">
                  <c:v>59.134999999999998</c:v>
                </c:pt>
                <c:pt idx="334">
                  <c:v>59.41</c:v>
                </c:pt>
                <c:pt idx="335">
                  <c:v>59.69</c:v>
                </c:pt>
                <c:pt idx="336">
                  <c:v>59.97</c:v>
                </c:pt>
                <c:pt idx="337">
                  <c:v>60.244</c:v>
                </c:pt>
                <c:pt idx="338">
                  <c:v>60.540999999999997</c:v>
                </c:pt>
                <c:pt idx="339">
                  <c:v>60.841999999999999</c:v>
                </c:pt>
                <c:pt idx="340">
                  <c:v>61.103000000000002</c:v>
                </c:pt>
                <c:pt idx="341">
                  <c:v>61.348999999999997</c:v>
                </c:pt>
                <c:pt idx="342">
                  <c:v>61.597000000000001</c:v>
                </c:pt>
                <c:pt idx="343">
                  <c:v>61.801000000000002</c:v>
                </c:pt>
                <c:pt idx="344">
                  <c:v>62.005000000000003</c:v>
                </c:pt>
                <c:pt idx="345">
                  <c:v>62.209000000000003</c:v>
                </c:pt>
                <c:pt idx="346">
                  <c:v>62.441000000000003</c:v>
                </c:pt>
                <c:pt idx="347">
                  <c:v>62.651000000000003</c:v>
                </c:pt>
                <c:pt idx="348">
                  <c:v>62.881</c:v>
                </c:pt>
                <c:pt idx="349">
                  <c:v>63.128999999999998</c:v>
                </c:pt>
                <c:pt idx="350">
                  <c:v>63.378999999999998</c:v>
                </c:pt>
                <c:pt idx="351">
                  <c:v>63.639000000000003</c:v>
                </c:pt>
                <c:pt idx="352">
                  <c:v>63.936</c:v>
                </c:pt>
                <c:pt idx="353">
                  <c:v>64.159000000000006</c:v>
                </c:pt>
                <c:pt idx="354">
                  <c:v>64.397999999999996</c:v>
                </c:pt>
                <c:pt idx="355">
                  <c:v>64.649000000000001</c:v>
                </c:pt>
                <c:pt idx="356">
                  <c:v>64.915999999999997</c:v>
                </c:pt>
                <c:pt idx="357">
                  <c:v>65.180999999999997</c:v>
                </c:pt>
                <c:pt idx="358">
                  <c:v>65.456999999999994</c:v>
                </c:pt>
                <c:pt idx="359">
                  <c:v>65.728999999999999</c:v>
                </c:pt>
                <c:pt idx="360">
                  <c:v>66.009</c:v>
                </c:pt>
                <c:pt idx="361">
                  <c:v>66.307000000000002</c:v>
                </c:pt>
                <c:pt idx="362">
                  <c:v>66.584999999999994</c:v>
                </c:pt>
                <c:pt idx="363">
                  <c:v>66.888999999999996</c:v>
                </c:pt>
                <c:pt idx="364">
                  <c:v>67.177999999999997</c:v>
                </c:pt>
                <c:pt idx="365">
                  <c:v>67.492999999999995</c:v>
                </c:pt>
                <c:pt idx="366">
                  <c:v>67.772000000000006</c:v>
                </c:pt>
                <c:pt idx="367">
                  <c:v>68.066000000000003</c:v>
                </c:pt>
                <c:pt idx="368">
                  <c:v>68.227999999999994</c:v>
                </c:pt>
                <c:pt idx="369">
                  <c:v>68.430000000000007</c:v>
                </c:pt>
                <c:pt idx="370">
                  <c:v>68.646000000000001</c:v>
                </c:pt>
                <c:pt idx="371">
                  <c:v>68.882000000000005</c:v>
                </c:pt>
                <c:pt idx="372">
                  <c:v>69.123000000000005</c:v>
                </c:pt>
                <c:pt idx="373">
                  <c:v>69.379000000000005</c:v>
                </c:pt>
                <c:pt idx="374">
                  <c:v>69.662000000000006</c:v>
                </c:pt>
                <c:pt idx="375">
                  <c:v>69.918000000000006</c:v>
                </c:pt>
                <c:pt idx="376">
                  <c:v>70.188000000000002</c:v>
                </c:pt>
                <c:pt idx="377">
                  <c:v>70.457999999999998</c:v>
                </c:pt>
                <c:pt idx="378">
                  <c:v>70.736000000000004</c:v>
                </c:pt>
                <c:pt idx="379">
                  <c:v>71.034000000000006</c:v>
                </c:pt>
                <c:pt idx="380">
                  <c:v>71.296000000000006</c:v>
                </c:pt>
                <c:pt idx="381">
                  <c:v>71.563999999999993</c:v>
                </c:pt>
                <c:pt idx="382">
                  <c:v>71.850999999999999</c:v>
                </c:pt>
                <c:pt idx="383">
                  <c:v>72.138999999999996</c:v>
                </c:pt>
                <c:pt idx="384">
                  <c:v>72.435000000000002</c:v>
                </c:pt>
                <c:pt idx="385">
                  <c:v>72.709000000000003</c:v>
                </c:pt>
                <c:pt idx="386">
                  <c:v>72.986999999999995</c:v>
                </c:pt>
                <c:pt idx="387">
                  <c:v>73.27</c:v>
                </c:pt>
                <c:pt idx="388">
                  <c:v>73.543000000000006</c:v>
                </c:pt>
                <c:pt idx="389">
                  <c:v>73.819999999999993</c:v>
                </c:pt>
                <c:pt idx="390">
                  <c:v>74.082999999999998</c:v>
                </c:pt>
                <c:pt idx="391">
                  <c:v>74.346999999999994</c:v>
                </c:pt>
                <c:pt idx="392">
                  <c:v>74.617999999999995</c:v>
                </c:pt>
                <c:pt idx="393">
                  <c:v>74.893000000000001</c:v>
                </c:pt>
                <c:pt idx="394">
                  <c:v>75.162999999999997</c:v>
                </c:pt>
                <c:pt idx="395">
                  <c:v>75.430999999999997</c:v>
                </c:pt>
                <c:pt idx="396">
                  <c:v>75.700999999999993</c:v>
                </c:pt>
                <c:pt idx="397">
                  <c:v>75.978999999999999</c:v>
                </c:pt>
                <c:pt idx="398">
                  <c:v>76.266000000000005</c:v>
                </c:pt>
                <c:pt idx="399">
                  <c:v>76.566000000000003</c:v>
                </c:pt>
                <c:pt idx="400">
                  <c:v>76.850999999999999</c:v>
                </c:pt>
                <c:pt idx="401">
                  <c:v>77.129000000000005</c:v>
                </c:pt>
                <c:pt idx="402">
                  <c:v>77.415999999999997</c:v>
                </c:pt>
                <c:pt idx="403">
                  <c:v>77.721999999999994</c:v>
                </c:pt>
                <c:pt idx="404">
                  <c:v>78.010999999999996</c:v>
                </c:pt>
                <c:pt idx="405">
                  <c:v>78.3</c:v>
                </c:pt>
                <c:pt idx="406">
                  <c:v>78.616</c:v>
                </c:pt>
                <c:pt idx="407">
                  <c:v>78.915999999999997</c:v>
                </c:pt>
                <c:pt idx="408">
                  <c:v>79.231999999999999</c:v>
                </c:pt>
                <c:pt idx="409">
                  <c:v>79.515000000000001</c:v>
                </c:pt>
                <c:pt idx="410">
                  <c:v>79.814999999999998</c:v>
                </c:pt>
                <c:pt idx="411">
                  <c:v>80.08</c:v>
                </c:pt>
                <c:pt idx="412">
                  <c:v>80.358999999999995</c:v>
                </c:pt>
                <c:pt idx="413">
                  <c:v>80.626999999999995</c:v>
                </c:pt>
                <c:pt idx="414">
                  <c:v>80.924999999999997</c:v>
                </c:pt>
                <c:pt idx="415">
                  <c:v>81.177999999999997</c:v>
                </c:pt>
                <c:pt idx="416">
                  <c:v>81.453000000000003</c:v>
                </c:pt>
                <c:pt idx="417">
                  <c:v>81.710999999999999</c:v>
                </c:pt>
                <c:pt idx="418">
                  <c:v>81.992000000000004</c:v>
                </c:pt>
                <c:pt idx="419">
                  <c:v>82.260999999999996</c:v>
                </c:pt>
                <c:pt idx="420">
                  <c:v>82.555000000000007</c:v>
                </c:pt>
                <c:pt idx="421">
                  <c:v>82.852000000000004</c:v>
                </c:pt>
                <c:pt idx="422">
                  <c:v>83.096000000000004</c:v>
                </c:pt>
                <c:pt idx="423">
                  <c:v>83.325000000000003</c:v>
                </c:pt>
                <c:pt idx="424">
                  <c:v>83.590999999999994</c:v>
                </c:pt>
                <c:pt idx="425">
                  <c:v>83.906999999999996</c:v>
                </c:pt>
                <c:pt idx="426">
                  <c:v>84.14</c:v>
                </c:pt>
                <c:pt idx="427">
                  <c:v>84.402000000000001</c:v>
                </c:pt>
                <c:pt idx="428">
                  <c:v>84.668999999999997</c:v>
                </c:pt>
                <c:pt idx="429">
                  <c:v>84.938999999999993</c:v>
                </c:pt>
                <c:pt idx="430">
                  <c:v>85.215000000000003</c:v>
                </c:pt>
                <c:pt idx="431">
                  <c:v>85.52</c:v>
                </c:pt>
                <c:pt idx="432">
                  <c:v>85.819000000000003</c:v>
                </c:pt>
                <c:pt idx="433">
                  <c:v>86.100999999999999</c:v>
                </c:pt>
                <c:pt idx="434">
                  <c:v>86.403000000000006</c:v>
                </c:pt>
                <c:pt idx="435">
                  <c:v>86.716999999999999</c:v>
                </c:pt>
                <c:pt idx="436">
                  <c:v>86.988</c:v>
                </c:pt>
                <c:pt idx="437">
                  <c:v>87.272000000000006</c:v>
                </c:pt>
                <c:pt idx="438">
                  <c:v>87.566999999999993</c:v>
                </c:pt>
                <c:pt idx="439">
                  <c:v>87.85</c:v>
                </c:pt>
                <c:pt idx="440">
                  <c:v>88.144999999999996</c:v>
                </c:pt>
                <c:pt idx="441">
                  <c:v>88.450999999999993</c:v>
                </c:pt>
                <c:pt idx="442">
                  <c:v>88.739000000000004</c:v>
                </c:pt>
                <c:pt idx="443">
                  <c:v>89.009</c:v>
                </c:pt>
                <c:pt idx="444">
                  <c:v>89.290999999999997</c:v>
                </c:pt>
                <c:pt idx="445">
                  <c:v>89.54</c:v>
                </c:pt>
                <c:pt idx="446">
                  <c:v>89.804000000000002</c:v>
                </c:pt>
                <c:pt idx="447">
                  <c:v>90.105000000000004</c:v>
                </c:pt>
                <c:pt idx="448">
                  <c:v>90.378</c:v>
                </c:pt>
                <c:pt idx="449">
                  <c:v>90.697000000000003</c:v>
                </c:pt>
                <c:pt idx="450">
                  <c:v>90.963999999999999</c:v>
                </c:pt>
                <c:pt idx="451">
                  <c:v>91.218000000000004</c:v>
                </c:pt>
                <c:pt idx="452">
                  <c:v>91.498999999999995</c:v>
                </c:pt>
                <c:pt idx="453">
                  <c:v>91.766999999999996</c:v>
                </c:pt>
                <c:pt idx="454">
                  <c:v>92.025999999999996</c:v>
                </c:pt>
                <c:pt idx="455">
                  <c:v>92.28</c:v>
                </c:pt>
                <c:pt idx="456">
                  <c:v>92.548000000000002</c:v>
                </c:pt>
                <c:pt idx="457">
                  <c:v>92.835999999999999</c:v>
                </c:pt>
                <c:pt idx="458">
                  <c:v>93.102000000000004</c:v>
                </c:pt>
                <c:pt idx="459">
                  <c:v>93.366</c:v>
                </c:pt>
                <c:pt idx="460">
                  <c:v>93.649000000000001</c:v>
                </c:pt>
                <c:pt idx="461">
                  <c:v>93.933999999999997</c:v>
                </c:pt>
                <c:pt idx="462">
                  <c:v>94.231999999999999</c:v>
                </c:pt>
                <c:pt idx="463">
                  <c:v>94.519000000000005</c:v>
                </c:pt>
                <c:pt idx="464">
                  <c:v>94.825000000000003</c:v>
                </c:pt>
                <c:pt idx="465">
                  <c:v>95.131</c:v>
                </c:pt>
                <c:pt idx="466">
                  <c:v>95.432000000000002</c:v>
                </c:pt>
                <c:pt idx="467">
                  <c:v>95.73</c:v>
                </c:pt>
                <c:pt idx="468">
                  <c:v>96.031999999999996</c:v>
                </c:pt>
                <c:pt idx="469">
                  <c:v>96.340999999999994</c:v>
                </c:pt>
                <c:pt idx="470">
                  <c:v>96.680999999999997</c:v>
                </c:pt>
                <c:pt idx="471">
                  <c:v>96.995000000000005</c:v>
                </c:pt>
                <c:pt idx="472">
                  <c:v>97.287999999999997</c:v>
                </c:pt>
                <c:pt idx="473">
                  <c:v>97.582999999999998</c:v>
                </c:pt>
                <c:pt idx="474">
                  <c:v>97.9</c:v>
                </c:pt>
                <c:pt idx="475">
                  <c:v>98.213999999999999</c:v>
                </c:pt>
                <c:pt idx="476">
                  <c:v>98.512</c:v>
                </c:pt>
                <c:pt idx="477">
                  <c:v>98.793000000000006</c:v>
                </c:pt>
                <c:pt idx="478">
                  <c:v>99.066000000000003</c:v>
                </c:pt>
                <c:pt idx="479">
                  <c:v>99.313999999999993</c:v>
                </c:pt>
                <c:pt idx="480">
                  <c:v>99.563000000000002</c:v>
                </c:pt>
                <c:pt idx="481">
                  <c:v>99.825000000000003</c:v>
                </c:pt>
                <c:pt idx="482">
                  <c:v>100.137</c:v>
                </c:pt>
                <c:pt idx="483">
                  <c:v>100.392</c:v>
                </c:pt>
                <c:pt idx="484">
                  <c:v>100.666</c:v>
                </c:pt>
                <c:pt idx="485">
                  <c:v>100.92400000000001</c:v>
                </c:pt>
                <c:pt idx="486">
                  <c:v>101.205</c:v>
                </c:pt>
                <c:pt idx="487">
                  <c:v>101.46</c:v>
                </c:pt>
                <c:pt idx="488">
                  <c:v>101.729</c:v>
                </c:pt>
                <c:pt idx="489">
                  <c:v>102.01300000000001</c:v>
                </c:pt>
                <c:pt idx="490">
                  <c:v>102.3</c:v>
                </c:pt>
                <c:pt idx="491">
                  <c:v>102.595</c:v>
                </c:pt>
                <c:pt idx="492">
                  <c:v>102.89100000000001</c:v>
                </c:pt>
                <c:pt idx="493">
                  <c:v>103.19</c:v>
                </c:pt>
                <c:pt idx="494">
                  <c:v>103.499</c:v>
                </c:pt>
                <c:pt idx="495">
                  <c:v>103.82899999999999</c:v>
                </c:pt>
                <c:pt idx="496">
                  <c:v>104.122</c:v>
                </c:pt>
                <c:pt idx="497">
                  <c:v>104.423</c:v>
                </c:pt>
                <c:pt idx="498">
                  <c:v>104.687</c:v>
                </c:pt>
                <c:pt idx="499">
                  <c:v>104.968</c:v>
                </c:pt>
                <c:pt idx="500">
                  <c:v>105.255</c:v>
                </c:pt>
                <c:pt idx="501">
                  <c:v>105.575</c:v>
                </c:pt>
                <c:pt idx="502">
                  <c:v>105.866</c:v>
                </c:pt>
                <c:pt idx="503">
                  <c:v>106.166</c:v>
                </c:pt>
                <c:pt idx="504">
                  <c:v>106.541</c:v>
                </c:pt>
                <c:pt idx="505">
                  <c:v>106.94</c:v>
                </c:pt>
                <c:pt idx="506">
                  <c:v>107.122</c:v>
                </c:pt>
                <c:pt idx="507">
                  <c:v>107.399</c:v>
                </c:pt>
                <c:pt idx="508">
                  <c:v>107.629</c:v>
                </c:pt>
                <c:pt idx="509">
                  <c:v>107.881</c:v>
                </c:pt>
                <c:pt idx="510">
                  <c:v>108.176</c:v>
                </c:pt>
                <c:pt idx="511">
                  <c:v>108.458</c:v>
                </c:pt>
                <c:pt idx="512">
                  <c:v>108.756</c:v>
                </c:pt>
                <c:pt idx="513">
                  <c:v>109.02500000000001</c:v>
                </c:pt>
                <c:pt idx="514">
                  <c:v>109.309</c:v>
                </c:pt>
                <c:pt idx="515">
                  <c:v>109.613</c:v>
                </c:pt>
                <c:pt idx="516">
                  <c:v>109.931</c:v>
                </c:pt>
                <c:pt idx="517">
                  <c:v>110.23399999999999</c:v>
                </c:pt>
                <c:pt idx="518">
                  <c:v>110.492</c:v>
                </c:pt>
                <c:pt idx="519">
                  <c:v>110.792</c:v>
                </c:pt>
                <c:pt idx="520">
                  <c:v>111.045</c:v>
                </c:pt>
                <c:pt idx="521">
                  <c:v>111.342</c:v>
                </c:pt>
                <c:pt idx="522">
                  <c:v>111.553</c:v>
                </c:pt>
                <c:pt idx="523">
                  <c:v>111.83</c:v>
                </c:pt>
                <c:pt idx="524">
                  <c:v>112.029</c:v>
                </c:pt>
                <c:pt idx="525">
                  <c:v>112.264</c:v>
                </c:pt>
                <c:pt idx="526">
                  <c:v>112.544</c:v>
                </c:pt>
                <c:pt idx="527">
                  <c:v>112.816</c:v>
                </c:pt>
                <c:pt idx="528">
                  <c:v>113.087</c:v>
                </c:pt>
                <c:pt idx="529">
                  <c:v>113.348</c:v>
                </c:pt>
                <c:pt idx="530">
                  <c:v>113.54</c:v>
                </c:pt>
                <c:pt idx="531">
                  <c:v>113.708</c:v>
                </c:pt>
                <c:pt idx="532">
                  <c:v>113.878</c:v>
                </c:pt>
                <c:pt idx="533">
                  <c:v>114.087</c:v>
                </c:pt>
                <c:pt idx="534">
                  <c:v>114.31699999999999</c:v>
                </c:pt>
                <c:pt idx="535">
                  <c:v>114.542</c:v>
                </c:pt>
                <c:pt idx="536">
                  <c:v>114.79600000000001</c:v>
                </c:pt>
                <c:pt idx="537">
                  <c:v>115.056</c:v>
                </c:pt>
                <c:pt idx="538">
                  <c:v>115.32</c:v>
                </c:pt>
                <c:pt idx="539">
                  <c:v>115.586</c:v>
                </c:pt>
                <c:pt idx="540">
                  <c:v>115.855</c:v>
                </c:pt>
                <c:pt idx="541">
                  <c:v>116.142</c:v>
                </c:pt>
                <c:pt idx="542">
                  <c:v>116.4</c:v>
                </c:pt>
                <c:pt idx="543">
                  <c:v>116.66800000000001</c:v>
                </c:pt>
                <c:pt idx="544">
                  <c:v>116.934</c:v>
                </c:pt>
                <c:pt idx="545">
                  <c:v>117.244</c:v>
                </c:pt>
                <c:pt idx="546">
                  <c:v>117.523</c:v>
                </c:pt>
                <c:pt idx="547">
                  <c:v>117.806</c:v>
                </c:pt>
                <c:pt idx="548">
                  <c:v>118.10299999999999</c:v>
                </c:pt>
                <c:pt idx="549">
                  <c:v>118.45699999999999</c:v>
                </c:pt>
                <c:pt idx="550">
                  <c:v>118.751</c:v>
                </c:pt>
                <c:pt idx="551">
                  <c:v>119.048</c:v>
                </c:pt>
                <c:pt idx="552">
                  <c:v>119.322</c:v>
                </c:pt>
                <c:pt idx="553">
                  <c:v>119.624</c:v>
                </c:pt>
                <c:pt idx="554">
                  <c:v>119.956</c:v>
                </c:pt>
                <c:pt idx="555">
                  <c:v>120.271</c:v>
                </c:pt>
                <c:pt idx="556">
                  <c:v>120.568</c:v>
                </c:pt>
                <c:pt idx="557">
                  <c:v>120.877</c:v>
                </c:pt>
                <c:pt idx="558">
                  <c:v>121.169</c:v>
                </c:pt>
                <c:pt idx="559">
                  <c:v>121.5</c:v>
                </c:pt>
                <c:pt idx="560">
                  <c:v>121.824</c:v>
                </c:pt>
                <c:pt idx="561">
                  <c:v>122.14400000000001</c:v>
                </c:pt>
                <c:pt idx="562">
                  <c:v>122.46299999999999</c:v>
                </c:pt>
                <c:pt idx="563">
                  <c:v>122.848</c:v>
                </c:pt>
                <c:pt idx="564">
                  <c:v>123.223</c:v>
                </c:pt>
                <c:pt idx="565">
                  <c:v>123.446</c:v>
                </c:pt>
                <c:pt idx="566">
                  <c:v>123.81</c:v>
                </c:pt>
                <c:pt idx="567">
                  <c:v>124.092</c:v>
                </c:pt>
                <c:pt idx="568">
                  <c:v>124.367</c:v>
                </c:pt>
                <c:pt idx="569">
                  <c:v>124.697</c:v>
                </c:pt>
                <c:pt idx="570">
                  <c:v>124.953</c:v>
                </c:pt>
                <c:pt idx="571">
                  <c:v>125.328</c:v>
                </c:pt>
                <c:pt idx="572">
                  <c:v>125.614</c:v>
                </c:pt>
                <c:pt idx="573">
                  <c:v>125.91</c:v>
                </c:pt>
                <c:pt idx="574">
                  <c:v>126.157</c:v>
                </c:pt>
                <c:pt idx="575">
                  <c:v>126.5</c:v>
                </c:pt>
                <c:pt idx="576">
                  <c:v>126.77500000000001</c:v>
                </c:pt>
                <c:pt idx="577">
                  <c:v>127.009</c:v>
                </c:pt>
                <c:pt idx="578">
                  <c:v>127.28</c:v>
                </c:pt>
                <c:pt idx="579">
                  <c:v>127.643</c:v>
                </c:pt>
                <c:pt idx="580">
                  <c:v>127.88</c:v>
                </c:pt>
                <c:pt idx="581">
                  <c:v>128.22399999999999</c:v>
                </c:pt>
                <c:pt idx="582">
                  <c:v>128.36199999999999</c:v>
                </c:pt>
                <c:pt idx="583">
                  <c:v>128.63900000000001</c:v>
                </c:pt>
                <c:pt idx="584">
                  <c:v>128.88</c:v>
                </c:pt>
                <c:pt idx="585">
                  <c:v>129.08099999999999</c:v>
                </c:pt>
                <c:pt idx="586">
                  <c:v>129.37</c:v>
                </c:pt>
                <c:pt idx="587">
                  <c:v>129.57</c:v>
                </c:pt>
                <c:pt idx="588">
                  <c:v>129.86600000000001</c:v>
                </c:pt>
                <c:pt idx="589">
                  <c:v>130.066</c:v>
                </c:pt>
                <c:pt idx="590">
                  <c:v>130.33600000000001</c:v>
                </c:pt>
                <c:pt idx="591">
                  <c:v>130.56</c:v>
                </c:pt>
                <c:pt idx="592">
                  <c:v>130.81899999999999</c:v>
                </c:pt>
                <c:pt idx="593">
                  <c:v>131.00899999999999</c:v>
                </c:pt>
                <c:pt idx="594">
                  <c:v>131.22499999999999</c:v>
                </c:pt>
                <c:pt idx="595">
                  <c:v>131.44200000000001</c:v>
                </c:pt>
                <c:pt idx="596">
                  <c:v>131.673</c:v>
                </c:pt>
                <c:pt idx="597">
                  <c:v>131.92699999999999</c:v>
                </c:pt>
                <c:pt idx="598">
                  <c:v>132.185</c:v>
                </c:pt>
                <c:pt idx="599">
                  <c:v>132.49700000000001</c:v>
                </c:pt>
                <c:pt idx="600">
                  <c:v>132.79300000000001</c:v>
                </c:pt>
                <c:pt idx="601">
                  <c:v>133.03399999999999</c:v>
                </c:pt>
                <c:pt idx="602">
                  <c:v>133.32</c:v>
                </c:pt>
                <c:pt idx="603">
                  <c:v>133.66300000000001</c:v>
                </c:pt>
                <c:pt idx="604">
                  <c:v>133.90700000000001</c:v>
                </c:pt>
                <c:pt idx="605">
                  <c:v>134.17099999999999</c:v>
                </c:pt>
                <c:pt idx="606">
                  <c:v>134.434</c:v>
                </c:pt>
                <c:pt idx="607">
                  <c:v>134.73699999999999</c:v>
                </c:pt>
                <c:pt idx="608">
                  <c:v>135.07</c:v>
                </c:pt>
                <c:pt idx="609">
                  <c:v>135.33199999999999</c:v>
                </c:pt>
                <c:pt idx="610">
                  <c:v>135.61799999999999</c:v>
                </c:pt>
                <c:pt idx="611">
                  <c:v>135.881</c:v>
                </c:pt>
                <c:pt idx="612">
                  <c:v>136.15199999999999</c:v>
                </c:pt>
                <c:pt idx="613">
                  <c:v>136.42400000000001</c:v>
                </c:pt>
                <c:pt idx="614">
                  <c:v>136.74700000000001</c:v>
                </c:pt>
                <c:pt idx="615">
                  <c:v>137.06399999999999</c:v>
                </c:pt>
                <c:pt idx="616">
                  <c:v>137.37799999999999</c:v>
                </c:pt>
                <c:pt idx="617">
                  <c:v>137.65899999999999</c:v>
                </c:pt>
                <c:pt idx="618">
                  <c:v>137.96899999999999</c:v>
                </c:pt>
                <c:pt idx="619">
                  <c:v>138.30000000000001</c:v>
                </c:pt>
                <c:pt idx="620">
                  <c:v>138.601</c:v>
                </c:pt>
                <c:pt idx="621">
                  <c:v>138.89500000000001</c:v>
                </c:pt>
                <c:pt idx="622">
                  <c:v>139.15</c:v>
                </c:pt>
                <c:pt idx="623">
                  <c:v>139.40899999999999</c:v>
                </c:pt>
                <c:pt idx="624">
                  <c:v>139.75200000000001</c:v>
                </c:pt>
                <c:pt idx="625">
                  <c:v>140.05699999999999</c:v>
                </c:pt>
                <c:pt idx="626">
                  <c:v>140.38399999999999</c:v>
                </c:pt>
                <c:pt idx="627">
                  <c:v>140.6</c:v>
                </c:pt>
                <c:pt idx="628">
                  <c:v>140.833</c:v>
                </c:pt>
                <c:pt idx="629">
                  <c:v>141.096</c:v>
                </c:pt>
                <c:pt idx="630">
                  <c:v>141.36500000000001</c:v>
                </c:pt>
                <c:pt idx="631">
                  <c:v>141.673</c:v>
                </c:pt>
                <c:pt idx="632">
                  <c:v>141.959</c:v>
                </c:pt>
                <c:pt idx="633">
                  <c:v>142.29300000000001</c:v>
                </c:pt>
                <c:pt idx="634">
                  <c:v>142.66499999999999</c:v>
                </c:pt>
                <c:pt idx="635">
                  <c:v>142.93700000000001</c:v>
                </c:pt>
                <c:pt idx="636">
                  <c:v>143.23500000000001</c:v>
                </c:pt>
                <c:pt idx="637">
                  <c:v>143.47399999999999</c:v>
                </c:pt>
                <c:pt idx="638">
                  <c:v>143.71100000000001</c:v>
                </c:pt>
                <c:pt idx="639">
                  <c:v>144.011</c:v>
                </c:pt>
                <c:pt idx="640">
                  <c:v>144.345</c:v>
                </c:pt>
                <c:pt idx="641">
                  <c:v>144.56200000000001</c:v>
                </c:pt>
                <c:pt idx="642">
                  <c:v>144.82</c:v>
                </c:pt>
                <c:pt idx="643">
                  <c:v>145.108</c:v>
                </c:pt>
                <c:pt idx="644">
                  <c:v>145.32900000000001</c:v>
                </c:pt>
                <c:pt idx="645">
                  <c:v>145.59</c:v>
                </c:pt>
                <c:pt idx="646">
                  <c:v>145.85599999999999</c:v>
                </c:pt>
                <c:pt idx="647">
                  <c:v>146.148</c:v>
                </c:pt>
                <c:pt idx="648">
                  <c:v>146.429</c:v>
                </c:pt>
                <c:pt idx="649">
                  <c:v>146.714</c:v>
                </c:pt>
                <c:pt idx="650">
                  <c:v>147.03399999999999</c:v>
                </c:pt>
                <c:pt idx="651">
                  <c:v>147.36799999999999</c:v>
                </c:pt>
                <c:pt idx="652">
                  <c:v>147.65199999999999</c:v>
                </c:pt>
                <c:pt idx="653">
                  <c:v>148.00200000000001</c:v>
                </c:pt>
                <c:pt idx="654">
                  <c:v>148.303</c:v>
                </c:pt>
                <c:pt idx="655">
                  <c:v>148.60599999999999</c:v>
                </c:pt>
                <c:pt idx="656">
                  <c:v>148.959</c:v>
                </c:pt>
                <c:pt idx="657">
                  <c:v>149.21700000000001</c:v>
                </c:pt>
                <c:pt idx="658">
                  <c:v>149.58600000000001</c:v>
                </c:pt>
                <c:pt idx="659">
                  <c:v>149.84100000000001</c:v>
                </c:pt>
                <c:pt idx="660">
                  <c:v>150.12100000000001</c:v>
                </c:pt>
                <c:pt idx="661">
                  <c:v>150.39599999999999</c:v>
                </c:pt>
                <c:pt idx="662">
                  <c:v>150.678</c:v>
                </c:pt>
                <c:pt idx="663">
                  <c:v>150.965</c:v>
                </c:pt>
                <c:pt idx="664">
                  <c:v>151.24600000000001</c:v>
                </c:pt>
                <c:pt idx="665">
                  <c:v>151.59100000000001</c:v>
                </c:pt>
                <c:pt idx="666">
                  <c:v>151.88900000000001</c:v>
                </c:pt>
                <c:pt idx="667">
                  <c:v>152.142</c:v>
                </c:pt>
                <c:pt idx="668">
                  <c:v>152.49100000000001</c:v>
                </c:pt>
                <c:pt idx="669">
                  <c:v>152.84</c:v>
                </c:pt>
                <c:pt idx="670">
                  <c:v>153.11600000000001</c:v>
                </c:pt>
                <c:pt idx="671">
                  <c:v>153.43899999999999</c:v>
                </c:pt>
                <c:pt idx="672">
                  <c:v>153.703</c:v>
                </c:pt>
                <c:pt idx="673">
                  <c:v>154.15100000000001</c:v>
                </c:pt>
                <c:pt idx="674">
                  <c:v>154.45599999999999</c:v>
                </c:pt>
                <c:pt idx="675">
                  <c:v>154.739</c:v>
                </c:pt>
                <c:pt idx="676">
                  <c:v>155.12799999999999</c:v>
                </c:pt>
                <c:pt idx="677">
                  <c:v>155.458</c:v>
                </c:pt>
                <c:pt idx="678">
                  <c:v>155.715</c:v>
                </c:pt>
                <c:pt idx="679">
                  <c:v>156.06899999999999</c:v>
                </c:pt>
                <c:pt idx="680">
                  <c:v>156.38300000000001</c:v>
                </c:pt>
                <c:pt idx="681">
                  <c:v>156.60400000000001</c:v>
                </c:pt>
                <c:pt idx="682">
                  <c:v>157.00200000000001</c:v>
                </c:pt>
                <c:pt idx="683">
                  <c:v>157.24700000000001</c:v>
                </c:pt>
                <c:pt idx="684">
                  <c:v>157.489</c:v>
                </c:pt>
                <c:pt idx="685">
                  <c:v>157.78100000000001</c:v>
                </c:pt>
                <c:pt idx="686">
                  <c:v>158.08099999999999</c:v>
                </c:pt>
                <c:pt idx="687">
                  <c:v>158.38399999999999</c:v>
                </c:pt>
                <c:pt idx="688">
                  <c:v>158.64400000000001</c:v>
                </c:pt>
                <c:pt idx="689">
                  <c:v>159.023</c:v>
                </c:pt>
                <c:pt idx="690">
                  <c:v>159.21299999999999</c:v>
                </c:pt>
                <c:pt idx="691">
                  <c:v>159.50200000000001</c:v>
                </c:pt>
                <c:pt idx="692">
                  <c:v>159.828</c:v>
                </c:pt>
                <c:pt idx="693">
                  <c:v>159.97999999999999</c:v>
                </c:pt>
                <c:pt idx="694">
                  <c:v>160.268</c:v>
                </c:pt>
                <c:pt idx="695">
                  <c:v>160.52600000000001</c:v>
                </c:pt>
                <c:pt idx="696">
                  <c:v>160.72399999999999</c:v>
                </c:pt>
                <c:pt idx="697">
                  <c:v>160.97300000000001</c:v>
                </c:pt>
                <c:pt idx="698">
                  <c:v>161.25200000000001</c:v>
                </c:pt>
                <c:pt idx="699">
                  <c:v>161.47300000000001</c:v>
                </c:pt>
                <c:pt idx="700">
                  <c:v>161.68299999999999</c:v>
                </c:pt>
                <c:pt idx="701">
                  <c:v>161.91499999999999</c:v>
                </c:pt>
                <c:pt idx="702">
                  <c:v>162.244</c:v>
                </c:pt>
                <c:pt idx="703">
                  <c:v>162.49700000000001</c:v>
                </c:pt>
                <c:pt idx="704">
                  <c:v>162.74</c:v>
                </c:pt>
                <c:pt idx="705">
                  <c:v>163.154</c:v>
                </c:pt>
                <c:pt idx="706">
                  <c:v>163.41800000000001</c:v>
                </c:pt>
                <c:pt idx="707">
                  <c:v>163.62</c:v>
                </c:pt>
                <c:pt idx="708">
                  <c:v>163.88900000000001</c:v>
                </c:pt>
                <c:pt idx="709">
                  <c:v>164.11600000000001</c:v>
                </c:pt>
                <c:pt idx="710">
                  <c:v>164.321</c:v>
                </c:pt>
                <c:pt idx="711">
                  <c:v>164.667</c:v>
                </c:pt>
                <c:pt idx="712">
                  <c:v>164.88499999999999</c:v>
                </c:pt>
                <c:pt idx="713">
                  <c:v>165.179</c:v>
                </c:pt>
                <c:pt idx="714">
                  <c:v>165.51900000000001</c:v>
                </c:pt>
                <c:pt idx="715">
                  <c:v>165.79599999999999</c:v>
                </c:pt>
                <c:pt idx="716">
                  <c:v>166.05600000000001</c:v>
                </c:pt>
                <c:pt idx="717">
                  <c:v>166.26400000000001</c:v>
                </c:pt>
                <c:pt idx="718">
                  <c:v>166.55699999999999</c:v>
                </c:pt>
                <c:pt idx="719">
                  <c:v>166.816</c:v>
                </c:pt>
                <c:pt idx="720">
                  <c:v>167.072</c:v>
                </c:pt>
                <c:pt idx="721">
                  <c:v>167.38200000000001</c:v>
                </c:pt>
                <c:pt idx="722">
                  <c:v>167.64500000000001</c:v>
                </c:pt>
                <c:pt idx="723">
                  <c:v>167.91300000000001</c:v>
                </c:pt>
                <c:pt idx="724">
                  <c:v>168.19499999999999</c:v>
                </c:pt>
                <c:pt idx="725">
                  <c:v>168.53200000000001</c:v>
                </c:pt>
                <c:pt idx="726">
                  <c:v>168.85400000000001</c:v>
                </c:pt>
                <c:pt idx="727">
                  <c:v>169.16499999999999</c:v>
                </c:pt>
                <c:pt idx="728">
                  <c:v>169.46799999999999</c:v>
                </c:pt>
                <c:pt idx="729">
                  <c:v>169.80699999999999</c:v>
                </c:pt>
                <c:pt idx="730">
                  <c:v>170.11799999999999</c:v>
                </c:pt>
                <c:pt idx="731">
                  <c:v>170.423</c:v>
                </c:pt>
                <c:pt idx="732">
                  <c:v>170.73699999999999</c:v>
                </c:pt>
                <c:pt idx="733">
                  <c:v>171.05699999999999</c:v>
                </c:pt>
                <c:pt idx="734">
                  <c:v>171.39400000000001</c:v>
                </c:pt>
                <c:pt idx="735">
                  <c:v>171.71</c:v>
                </c:pt>
                <c:pt idx="736">
                  <c:v>171.989</c:v>
                </c:pt>
                <c:pt idx="737">
                  <c:v>172.31</c:v>
                </c:pt>
                <c:pt idx="738">
                  <c:v>172.602</c:v>
                </c:pt>
                <c:pt idx="739">
                  <c:v>172.89699999999999</c:v>
                </c:pt>
                <c:pt idx="740">
                  <c:v>173.17699999999999</c:v>
                </c:pt>
                <c:pt idx="741">
                  <c:v>173.60499999999999</c:v>
                </c:pt>
                <c:pt idx="742">
                  <c:v>173.90700000000001</c:v>
                </c:pt>
                <c:pt idx="743">
                  <c:v>174.155</c:v>
                </c:pt>
                <c:pt idx="744">
                  <c:v>174.453</c:v>
                </c:pt>
                <c:pt idx="745">
                  <c:v>174.67599999999999</c:v>
                </c:pt>
                <c:pt idx="746">
                  <c:v>174.928</c:v>
                </c:pt>
                <c:pt idx="747">
                  <c:v>175.279</c:v>
                </c:pt>
                <c:pt idx="748">
                  <c:v>175.548</c:v>
                </c:pt>
                <c:pt idx="749">
                  <c:v>175.78700000000001</c:v>
                </c:pt>
                <c:pt idx="750">
                  <c:v>176.072</c:v>
                </c:pt>
                <c:pt idx="751">
                  <c:v>176.3</c:v>
                </c:pt>
                <c:pt idx="752">
                  <c:v>176.6</c:v>
                </c:pt>
                <c:pt idx="753">
                  <c:v>176.93600000000001</c:v>
                </c:pt>
                <c:pt idx="754">
                  <c:v>177.345</c:v>
                </c:pt>
                <c:pt idx="755">
                  <c:v>177.61199999999999</c:v>
                </c:pt>
                <c:pt idx="756">
                  <c:v>177.91399999999999</c:v>
                </c:pt>
                <c:pt idx="757">
                  <c:v>178.286</c:v>
                </c:pt>
                <c:pt idx="758">
                  <c:v>178.524</c:v>
                </c:pt>
                <c:pt idx="759">
                  <c:v>178.80799999999999</c:v>
                </c:pt>
                <c:pt idx="760">
                  <c:v>179.13499999999999</c:v>
                </c:pt>
                <c:pt idx="761">
                  <c:v>179.43100000000001</c:v>
                </c:pt>
                <c:pt idx="762">
                  <c:v>179.77099999999999</c:v>
                </c:pt>
                <c:pt idx="763">
                  <c:v>180.02</c:v>
                </c:pt>
                <c:pt idx="764">
                  <c:v>180.31299999999999</c:v>
                </c:pt>
                <c:pt idx="765">
                  <c:v>180.63399999999999</c:v>
                </c:pt>
                <c:pt idx="766">
                  <c:v>180.935</c:v>
                </c:pt>
                <c:pt idx="767">
                  <c:v>181.42599999999999</c:v>
                </c:pt>
                <c:pt idx="768">
                  <c:v>181.80699999999999</c:v>
                </c:pt>
                <c:pt idx="769">
                  <c:v>182.126</c:v>
                </c:pt>
                <c:pt idx="770">
                  <c:v>182.392</c:v>
                </c:pt>
                <c:pt idx="771">
                  <c:v>182.67699999999999</c:v>
                </c:pt>
                <c:pt idx="772">
                  <c:v>182.94300000000001</c:v>
                </c:pt>
                <c:pt idx="773">
                  <c:v>183.137</c:v>
                </c:pt>
                <c:pt idx="774">
                  <c:v>183.489</c:v>
                </c:pt>
                <c:pt idx="775">
                  <c:v>183.85400000000001</c:v>
                </c:pt>
                <c:pt idx="776">
                  <c:v>184.22499999999999</c:v>
                </c:pt>
                <c:pt idx="777">
                  <c:v>184.459</c:v>
                </c:pt>
                <c:pt idx="778">
                  <c:v>184.792</c:v>
                </c:pt>
                <c:pt idx="779">
                  <c:v>185.101</c:v>
                </c:pt>
                <c:pt idx="780">
                  <c:v>185.51</c:v>
                </c:pt>
                <c:pt idx="781">
                  <c:v>185.78299999999999</c:v>
                </c:pt>
                <c:pt idx="782">
                  <c:v>186.03800000000001</c:v>
                </c:pt>
                <c:pt idx="783">
                  <c:v>186.46899999999999</c:v>
                </c:pt>
                <c:pt idx="784">
                  <c:v>186.77199999999999</c:v>
                </c:pt>
                <c:pt idx="785">
                  <c:v>187.03700000000001</c:v>
                </c:pt>
                <c:pt idx="786">
                  <c:v>187.185</c:v>
                </c:pt>
                <c:pt idx="787">
                  <c:v>187.381</c:v>
                </c:pt>
                <c:pt idx="788">
                  <c:v>187.71600000000001</c:v>
                </c:pt>
                <c:pt idx="789">
                  <c:v>187.95400000000001</c:v>
                </c:pt>
                <c:pt idx="790">
                  <c:v>188.25800000000001</c:v>
                </c:pt>
                <c:pt idx="791">
                  <c:v>188.37</c:v>
                </c:pt>
                <c:pt idx="792">
                  <c:v>188.65799999999999</c:v>
                </c:pt>
                <c:pt idx="793">
                  <c:v>188.983</c:v>
                </c:pt>
                <c:pt idx="794">
                  <c:v>189.38300000000001</c:v>
                </c:pt>
                <c:pt idx="795">
                  <c:v>189.512</c:v>
                </c:pt>
                <c:pt idx="796">
                  <c:v>189.809</c:v>
                </c:pt>
                <c:pt idx="797">
                  <c:v>190.04400000000001</c:v>
                </c:pt>
                <c:pt idx="798">
                  <c:v>190.32599999999999</c:v>
                </c:pt>
                <c:pt idx="799">
                  <c:v>190.666</c:v>
                </c:pt>
                <c:pt idx="800">
                  <c:v>190.81899999999999</c:v>
                </c:pt>
                <c:pt idx="801">
                  <c:v>191.04</c:v>
                </c:pt>
                <c:pt idx="802">
                  <c:v>191.48500000000001</c:v>
                </c:pt>
                <c:pt idx="803">
                  <c:v>191.733</c:v>
                </c:pt>
                <c:pt idx="804">
                  <c:v>191.959</c:v>
                </c:pt>
                <c:pt idx="805">
                  <c:v>192.16399999999999</c:v>
                </c:pt>
                <c:pt idx="806">
                  <c:v>192.26300000000001</c:v>
                </c:pt>
                <c:pt idx="807">
                  <c:v>192.524</c:v>
                </c:pt>
                <c:pt idx="808">
                  <c:v>192.80199999999999</c:v>
                </c:pt>
                <c:pt idx="809">
                  <c:v>193.07499999999999</c:v>
                </c:pt>
                <c:pt idx="810">
                  <c:v>193.203</c:v>
                </c:pt>
                <c:pt idx="811">
                  <c:v>193.51499999999999</c:v>
                </c:pt>
                <c:pt idx="812">
                  <c:v>193.786</c:v>
                </c:pt>
                <c:pt idx="813">
                  <c:v>193.977</c:v>
                </c:pt>
                <c:pt idx="814">
                  <c:v>194.17699999999999</c:v>
                </c:pt>
                <c:pt idx="815">
                  <c:v>194.43100000000001</c:v>
                </c:pt>
                <c:pt idx="816">
                  <c:v>194.69900000000001</c:v>
                </c:pt>
                <c:pt idx="817">
                  <c:v>194.88800000000001</c:v>
                </c:pt>
                <c:pt idx="818">
                  <c:v>195.08799999999999</c:v>
                </c:pt>
                <c:pt idx="819">
                  <c:v>195.32499999999999</c:v>
                </c:pt>
                <c:pt idx="820">
                  <c:v>195.57599999999999</c:v>
                </c:pt>
                <c:pt idx="821">
                  <c:v>195.83199999999999</c:v>
                </c:pt>
                <c:pt idx="822">
                  <c:v>196.14699999999999</c:v>
                </c:pt>
                <c:pt idx="823">
                  <c:v>196.47499999999999</c:v>
                </c:pt>
                <c:pt idx="824">
                  <c:v>196.68199999999999</c:v>
                </c:pt>
                <c:pt idx="825">
                  <c:v>196.96799999999999</c:v>
                </c:pt>
                <c:pt idx="826">
                  <c:v>197.26400000000001</c:v>
                </c:pt>
                <c:pt idx="827">
                  <c:v>197.58</c:v>
                </c:pt>
                <c:pt idx="828">
                  <c:v>197.86500000000001</c:v>
                </c:pt>
                <c:pt idx="829">
                  <c:v>198.07599999999999</c:v>
                </c:pt>
                <c:pt idx="830">
                  <c:v>198.38399999999999</c:v>
                </c:pt>
                <c:pt idx="831">
                  <c:v>198.625</c:v>
                </c:pt>
                <c:pt idx="832">
                  <c:v>198.833</c:v>
                </c:pt>
                <c:pt idx="833">
                  <c:v>199.11500000000001</c:v>
                </c:pt>
                <c:pt idx="834">
                  <c:v>199.42</c:v>
                </c:pt>
                <c:pt idx="835">
                  <c:v>199.673</c:v>
                </c:pt>
                <c:pt idx="836">
                  <c:v>200.02600000000001</c:v>
                </c:pt>
                <c:pt idx="837">
                  <c:v>200.31299999999999</c:v>
                </c:pt>
                <c:pt idx="838">
                  <c:v>200.57499999999999</c:v>
                </c:pt>
                <c:pt idx="839">
                  <c:v>200.83600000000001</c:v>
                </c:pt>
                <c:pt idx="840">
                  <c:v>201.14400000000001</c:v>
                </c:pt>
                <c:pt idx="841">
                  <c:v>201.46600000000001</c:v>
                </c:pt>
                <c:pt idx="842">
                  <c:v>201.73400000000001</c:v>
                </c:pt>
                <c:pt idx="843">
                  <c:v>202.001</c:v>
                </c:pt>
                <c:pt idx="844">
                  <c:v>202.285</c:v>
                </c:pt>
                <c:pt idx="845">
                  <c:v>202.51599999999999</c:v>
                </c:pt>
                <c:pt idx="846">
                  <c:v>202.761</c:v>
                </c:pt>
                <c:pt idx="847">
                  <c:v>203.11699999999999</c:v>
                </c:pt>
                <c:pt idx="848">
                  <c:v>203.523</c:v>
                </c:pt>
                <c:pt idx="849">
                  <c:v>203.84899999999999</c:v>
                </c:pt>
                <c:pt idx="850">
                  <c:v>204.108</c:v>
                </c:pt>
                <c:pt idx="851">
                  <c:v>204.334</c:v>
                </c:pt>
                <c:pt idx="852">
                  <c:v>204.56399999999999</c:v>
                </c:pt>
                <c:pt idx="853">
                  <c:v>204.87700000000001</c:v>
                </c:pt>
                <c:pt idx="854">
                  <c:v>205.178</c:v>
                </c:pt>
                <c:pt idx="855">
                  <c:v>205.483</c:v>
                </c:pt>
                <c:pt idx="856">
                  <c:v>205.72200000000001</c:v>
                </c:pt>
                <c:pt idx="857">
                  <c:v>206.16800000000001</c:v>
                </c:pt>
                <c:pt idx="858">
                  <c:v>206.49700000000001</c:v>
                </c:pt>
                <c:pt idx="859">
                  <c:v>206.87700000000001</c:v>
                </c:pt>
                <c:pt idx="860">
                  <c:v>206.964</c:v>
                </c:pt>
                <c:pt idx="861">
                  <c:v>207.131</c:v>
                </c:pt>
                <c:pt idx="862">
                  <c:v>207.38499999999999</c:v>
                </c:pt>
                <c:pt idx="863">
                  <c:v>207.65299999999999</c:v>
                </c:pt>
                <c:pt idx="864">
                  <c:v>207.917</c:v>
                </c:pt>
                <c:pt idx="865">
                  <c:v>208.21700000000001</c:v>
                </c:pt>
                <c:pt idx="866">
                  <c:v>208.46700000000001</c:v>
                </c:pt>
                <c:pt idx="867">
                  <c:v>208.74700000000001</c:v>
                </c:pt>
                <c:pt idx="868">
                  <c:v>208.99199999999999</c:v>
                </c:pt>
                <c:pt idx="869">
                  <c:v>209.23500000000001</c:v>
                </c:pt>
                <c:pt idx="870">
                  <c:v>209.46</c:v>
                </c:pt>
                <c:pt idx="871">
                  <c:v>209.74299999999999</c:v>
                </c:pt>
                <c:pt idx="872">
                  <c:v>210.11199999999999</c:v>
                </c:pt>
                <c:pt idx="873">
                  <c:v>210.43600000000001</c:v>
                </c:pt>
                <c:pt idx="874">
                  <c:v>210.62299999999999</c:v>
                </c:pt>
                <c:pt idx="875">
                  <c:v>210.905</c:v>
                </c:pt>
                <c:pt idx="876">
                  <c:v>211.233</c:v>
                </c:pt>
                <c:pt idx="877">
                  <c:v>211.61699999999999</c:v>
                </c:pt>
                <c:pt idx="878">
                  <c:v>211.959</c:v>
                </c:pt>
                <c:pt idx="879">
                  <c:v>212.16900000000001</c:v>
                </c:pt>
                <c:pt idx="880">
                  <c:v>212.27699999999999</c:v>
                </c:pt>
                <c:pt idx="881">
                  <c:v>212.477</c:v>
                </c:pt>
                <c:pt idx="882">
                  <c:v>212.82900000000001</c:v>
                </c:pt>
                <c:pt idx="883">
                  <c:v>213.04499999999999</c:v>
                </c:pt>
                <c:pt idx="884">
                  <c:v>213.35300000000001</c:v>
                </c:pt>
                <c:pt idx="885">
                  <c:v>213.71600000000001</c:v>
                </c:pt>
                <c:pt idx="886">
                  <c:v>213.98</c:v>
                </c:pt>
                <c:pt idx="887">
                  <c:v>214.18199999999999</c:v>
                </c:pt>
                <c:pt idx="888">
                  <c:v>214.36500000000001</c:v>
                </c:pt>
                <c:pt idx="889">
                  <c:v>214.631</c:v>
                </c:pt>
                <c:pt idx="890">
                  <c:v>214.95500000000001</c:v>
                </c:pt>
                <c:pt idx="891">
                  <c:v>215.251</c:v>
                </c:pt>
                <c:pt idx="892">
                  <c:v>215.46</c:v>
                </c:pt>
                <c:pt idx="893">
                  <c:v>215.93799999999999</c:v>
                </c:pt>
                <c:pt idx="894">
                  <c:v>216.13900000000001</c:v>
                </c:pt>
                <c:pt idx="895">
                  <c:v>216.339</c:v>
                </c:pt>
                <c:pt idx="896">
                  <c:v>216.61099999999999</c:v>
                </c:pt>
                <c:pt idx="897">
                  <c:v>216.779</c:v>
                </c:pt>
                <c:pt idx="898">
                  <c:v>217.143</c:v>
                </c:pt>
                <c:pt idx="899">
                  <c:v>217.517</c:v>
                </c:pt>
                <c:pt idx="900">
                  <c:v>217.89400000000001</c:v>
                </c:pt>
                <c:pt idx="901">
                  <c:v>218.14099999999999</c:v>
                </c:pt>
                <c:pt idx="902">
                  <c:v>218.291</c:v>
                </c:pt>
                <c:pt idx="903">
                  <c:v>218.37200000000001</c:v>
                </c:pt>
                <c:pt idx="904">
                  <c:v>218.59200000000001</c:v>
                </c:pt>
                <c:pt idx="905">
                  <c:v>218.93100000000001</c:v>
                </c:pt>
                <c:pt idx="906">
                  <c:v>219.41300000000001</c:v>
                </c:pt>
                <c:pt idx="907">
                  <c:v>219.494</c:v>
                </c:pt>
                <c:pt idx="908">
                  <c:v>219.774</c:v>
                </c:pt>
                <c:pt idx="909">
                  <c:v>219.97200000000001</c:v>
                </c:pt>
                <c:pt idx="910">
                  <c:v>220.34399999999999</c:v>
                </c:pt>
                <c:pt idx="911">
                  <c:v>220.584</c:v>
                </c:pt>
                <c:pt idx="912">
                  <c:v>220.80600000000001</c:v>
                </c:pt>
                <c:pt idx="913">
                  <c:v>221.06100000000001</c:v>
                </c:pt>
                <c:pt idx="914">
                  <c:v>221.43899999999999</c:v>
                </c:pt>
                <c:pt idx="915">
                  <c:v>221.56800000000001</c:v>
                </c:pt>
                <c:pt idx="916">
                  <c:v>221.97800000000001</c:v>
                </c:pt>
                <c:pt idx="917">
                  <c:v>222.089</c:v>
                </c:pt>
                <c:pt idx="918">
                  <c:v>222.34700000000001</c:v>
                </c:pt>
                <c:pt idx="919">
                  <c:v>222.58199999999999</c:v>
                </c:pt>
                <c:pt idx="920">
                  <c:v>222.69800000000001</c:v>
                </c:pt>
                <c:pt idx="921">
                  <c:v>223.047</c:v>
                </c:pt>
                <c:pt idx="922">
                  <c:v>223.196</c:v>
                </c:pt>
                <c:pt idx="923">
                  <c:v>223.43700000000001</c:v>
                </c:pt>
                <c:pt idx="924">
                  <c:v>223.697</c:v>
                </c:pt>
                <c:pt idx="925">
                  <c:v>223.92500000000001</c:v>
                </c:pt>
                <c:pt idx="926">
                  <c:v>224.143</c:v>
                </c:pt>
                <c:pt idx="927">
                  <c:v>224.422</c:v>
                </c:pt>
                <c:pt idx="928">
                  <c:v>224.62700000000001</c:v>
                </c:pt>
                <c:pt idx="929">
                  <c:v>225.036</c:v>
                </c:pt>
                <c:pt idx="930">
                  <c:v>225.39400000000001</c:v>
                </c:pt>
                <c:pt idx="931">
                  <c:v>225.45099999999999</c:v>
                </c:pt>
                <c:pt idx="932">
                  <c:v>225.499</c:v>
                </c:pt>
                <c:pt idx="933">
                  <c:v>225.673</c:v>
                </c:pt>
                <c:pt idx="934">
                  <c:v>226.22499999999999</c:v>
                </c:pt>
                <c:pt idx="935">
                  <c:v>226.46199999999999</c:v>
                </c:pt>
                <c:pt idx="936">
                  <c:v>226.63399999999999</c:v>
                </c:pt>
                <c:pt idx="937">
                  <c:v>226.86500000000001</c:v>
                </c:pt>
                <c:pt idx="938">
                  <c:v>227.065</c:v>
                </c:pt>
                <c:pt idx="939">
                  <c:v>227.351</c:v>
                </c:pt>
                <c:pt idx="940">
                  <c:v>227.57900000000001</c:v>
                </c:pt>
                <c:pt idx="941">
                  <c:v>227.83600000000001</c:v>
                </c:pt>
                <c:pt idx="942">
                  <c:v>228.14699999999999</c:v>
                </c:pt>
                <c:pt idx="943">
                  <c:v>228.53899999999999</c:v>
                </c:pt>
                <c:pt idx="944">
                  <c:v>228.83799999999999</c:v>
                </c:pt>
                <c:pt idx="945">
                  <c:v>228.97200000000001</c:v>
                </c:pt>
                <c:pt idx="946">
                  <c:v>229.13900000000001</c:v>
                </c:pt>
                <c:pt idx="947">
                  <c:v>229.40899999999999</c:v>
                </c:pt>
                <c:pt idx="948">
                  <c:v>229.83500000000001</c:v>
                </c:pt>
                <c:pt idx="949">
                  <c:v>230.15</c:v>
                </c:pt>
                <c:pt idx="950">
                  <c:v>230.208</c:v>
                </c:pt>
                <c:pt idx="951">
                  <c:v>230.512</c:v>
                </c:pt>
                <c:pt idx="952">
                  <c:v>230.66399999999999</c:v>
                </c:pt>
                <c:pt idx="953">
                  <c:v>230.96799999999999</c:v>
                </c:pt>
                <c:pt idx="954">
                  <c:v>231.197</c:v>
                </c:pt>
                <c:pt idx="955">
                  <c:v>231.47800000000001</c:v>
                </c:pt>
                <c:pt idx="956">
                  <c:v>231.76</c:v>
                </c:pt>
                <c:pt idx="957">
                  <c:v>232.03299999999999</c:v>
                </c:pt>
                <c:pt idx="958">
                  <c:v>232.50399999999999</c:v>
                </c:pt>
                <c:pt idx="959">
                  <c:v>232.74100000000001</c:v>
                </c:pt>
                <c:pt idx="960">
                  <c:v>233.00700000000001</c:v>
                </c:pt>
                <c:pt idx="961">
                  <c:v>233.09800000000001</c:v>
                </c:pt>
                <c:pt idx="962">
                  <c:v>233.184</c:v>
                </c:pt>
                <c:pt idx="963">
                  <c:v>233.566</c:v>
                </c:pt>
                <c:pt idx="964">
                  <c:v>233.99600000000001</c:v>
                </c:pt>
                <c:pt idx="965">
                  <c:v>234.16499999999999</c:v>
                </c:pt>
                <c:pt idx="966">
                  <c:v>234.29900000000001</c:v>
                </c:pt>
                <c:pt idx="967">
                  <c:v>234.547</c:v>
                </c:pt>
                <c:pt idx="968">
                  <c:v>234.85400000000001</c:v>
                </c:pt>
                <c:pt idx="969">
                  <c:v>235.06299999999999</c:v>
                </c:pt>
                <c:pt idx="970">
                  <c:v>235.31200000000001</c:v>
                </c:pt>
                <c:pt idx="971">
                  <c:v>235.42099999999999</c:v>
                </c:pt>
                <c:pt idx="972">
                  <c:v>235.767</c:v>
                </c:pt>
                <c:pt idx="973">
                  <c:v>236.04</c:v>
                </c:pt>
                <c:pt idx="974">
                  <c:v>236.29900000000001</c:v>
                </c:pt>
                <c:pt idx="975">
                  <c:v>236.47499999999999</c:v>
                </c:pt>
                <c:pt idx="976">
                  <c:v>236.84700000000001</c:v>
                </c:pt>
                <c:pt idx="977">
                  <c:v>237.078</c:v>
                </c:pt>
                <c:pt idx="978">
                  <c:v>237.172</c:v>
                </c:pt>
                <c:pt idx="979">
                  <c:v>237.37200000000001</c:v>
                </c:pt>
                <c:pt idx="980">
                  <c:v>237.65100000000001</c:v>
                </c:pt>
                <c:pt idx="981">
                  <c:v>237.81200000000001</c:v>
                </c:pt>
                <c:pt idx="982">
                  <c:v>237.971</c:v>
                </c:pt>
                <c:pt idx="983">
                  <c:v>238.05500000000001</c:v>
                </c:pt>
                <c:pt idx="984">
                  <c:v>238.19200000000001</c:v>
                </c:pt>
                <c:pt idx="985">
                  <c:v>238.49199999999999</c:v>
                </c:pt>
                <c:pt idx="986">
                  <c:v>238.71700000000001</c:v>
                </c:pt>
                <c:pt idx="987">
                  <c:v>238.95699999999999</c:v>
                </c:pt>
                <c:pt idx="988">
                  <c:v>239.279</c:v>
                </c:pt>
                <c:pt idx="989">
                  <c:v>239.44300000000001</c:v>
                </c:pt>
                <c:pt idx="990">
                  <c:v>239.887</c:v>
                </c:pt>
                <c:pt idx="991">
                  <c:v>240.07400000000001</c:v>
                </c:pt>
                <c:pt idx="992">
                  <c:v>240.19800000000001</c:v>
                </c:pt>
                <c:pt idx="993">
                  <c:v>240.34299999999999</c:v>
                </c:pt>
                <c:pt idx="994">
                  <c:v>240.489</c:v>
                </c:pt>
                <c:pt idx="995">
                  <c:v>240.74799999999999</c:v>
                </c:pt>
                <c:pt idx="996">
                  <c:v>241.27</c:v>
                </c:pt>
                <c:pt idx="997">
                  <c:v>241.61099999999999</c:v>
                </c:pt>
                <c:pt idx="998">
                  <c:v>241.92599999999999</c:v>
                </c:pt>
                <c:pt idx="999">
                  <c:v>242.17500000000001</c:v>
                </c:pt>
                <c:pt idx="1000">
                  <c:v>242.238</c:v>
                </c:pt>
                <c:pt idx="1001">
                  <c:v>242.559</c:v>
                </c:pt>
                <c:pt idx="1002">
                  <c:v>242.83799999999999</c:v>
                </c:pt>
                <c:pt idx="1003">
                  <c:v>243.20500000000001</c:v>
                </c:pt>
                <c:pt idx="1004">
                  <c:v>243.39</c:v>
                </c:pt>
                <c:pt idx="1005">
                  <c:v>243.73400000000001</c:v>
                </c:pt>
                <c:pt idx="1006">
                  <c:v>244.09800000000001</c:v>
                </c:pt>
                <c:pt idx="1007">
                  <c:v>244.22</c:v>
                </c:pt>
                <c:pt idx="1008">
                  <c:v>244.476</c:v>
                </c:pt>
                <c:pt idx="1009">
                  <c:v>244.886</c:v>
                </c:pt>
                <c:pt idx="1010">
                  <c:v>245.07400000000001</c:v>
                </c:pt>
                <c:pt idx="1011">
                  <c:v>245.40199999999999</c:v>
                </c:pt>
                <c:pt idx="1012">
                  <c:v>245.536</c:v>
                </c:pt>
                <c:pt idx="1013">
                  <c:v>245.82</c:v>
                </c:pt>
                <c:pt idx="1014">
                  <c:v>246.21100000000001</c:v>
                </c:pt>
                <c:pt idx="1015">
                  <c:v>246.41499999999999</c:v>
                </c:pt>
                <c:pt idx="1016">
                  <c:v>246.667</c:v>
                </c:pt>
                <c:pt idx="1017">
                  <c:v>247.119</c:v>
                </c:pt>
                <c:pt idx="1018">
                  <c:v>247.38</c:v>
                </c:pt>
                <c:pt idx="1019">
                  <c:v>247.751</c:v>
                </c:pt>
                <c:pt idx="1020">
                  <c:v>248.05199999999999</c:v>
                </c:pt>
                <c:pt idx="1021">
                  <c:v>248.11</c:v>
                </c:pt>
                <c:pt idx="1022">
                  <c:v>248.215</c:v>
                </c:pt>
                <c:pt idx="1023">
                  <c:v>248.483</c:v>
                </c:pt>
                <c:pt idx="1024">
                  <c:v>248.77099999999999</c:v>
                </c:pt>
                <c:pt idx="1025">
                  <c:v>249.006</c:v>
                </c:pt>
                <c:pt idx="1026">
                  <c:v>249.29599999999999</c:v>
                </c:pt>
                <c:pt idx="1027">
                  <c:v>249.625</c:v>
                </c:pt>
                <c:pt idx="1028">
                  <c:v>249.816</c:v>
                </c:pt>
                <c:pt idx="1029">
                  <c:v>250.04499999999999</c:v>
                </c:pt>
                <c:pt idx="1030">
                  <c:v>250.36600000000001</c:v>
                </c:pt>
                <c:pt idx="1031">
                  <c:v>250.608</c:v>
                </c:pt>
                <c:pt idx="1032">
                  <c:v>250.89400000000001</c:v>
                </c:pt>
                <c:pt idx="1033">
                  <c:v>251.22900000000001</c:v>
                </c:pt>
                <c:pt idx="1034">
                  <c:v>251.47499999999999</c:v>
                </c:pt>
                <c:pt idx="1035">
                  <c:v>251.619</c:v>
                </c:pt>
                <c:pt idx="1036">
                  <c:v>251.94499999999999</c:v>
                </c:pt>
                <c:pt idx="1037">
                  <c:v>252.19800000000001</c:v>
                </c:pt>
                <c:pt idx="1038">
                  <c:v>252.61600000000001</c:v>
                </c:pt>
                <c:pt idx="1039">
                  <c:v>253.02799999999999</c:v>
                </c:pt>
                <c:pt idx="1040">
                  <c:v>253.41499999999999</c:v>
                </c:pt>
                <c:pt idx="1041">
                  <c:v>253.46199999999999</c:v>
                </c:pt>
                <c:pt idx="1042">
                  <c:v>253.60599999999999</c:v>
                </c:pt>
                <c:pt idx="1043">
                  <c:v>253.905</c:v>
                </c:pt>
                <c:pt idx="1044">
                  <c:v>254.25</c:v>
                </c:pt>
                <c:pt idx="1045">
                  <c:v>254.506</c:v>
                </c:pt>
                <c:pt idx="1046">
                  <c:v>254.86600000000001</c:v>
                </c:pt>
                <c:pt idx="1047">
                  <c:v>255.24100000000001</c:v>
                </c:pt>
                <c:pt idx="1048">
                  <c:v>255.52</c:v>
                </c:pt>
                <c:pt idx="1049">
                  <c:v>255.72200000000001</c:v>
                </c:pt>
                <c:pt idx="1050">
                  <c:v>255.99199999999999</c:v>
                </c:pt>
                <c:pt idx="1051">
                  <c:v>256.28800000000001</c:v>
                </c:pt>
                <c:pt idx="1052">
                  <c:v>256.57400000000001</c:v>
                </c:pt>
                <c:pt idx="1053">
                  <c:v>256.77999999999997</c:v>
                </c:pt>
                <c:pt idx="1054">
                  <c:v>256.93599999999998</c:v>
                </c:pt>
                <c:pt idx="1055">
                  <c:v>257.27600000000001</c:v>
                </c:pt>
                <c:pt idx="1056">
                  <c:v>257.60199999999998</c:v>
                </c:pt>
                <c:pt idx="1057">
                  <c:v>257.923</c:v>
                </c:pt>
                <c:pt idx="1058">
                  <c:v>258.12099999999998</c:v>
                </c:pt>
                <c:pt idx="1059">
                  <c:v>258.322</c:v>
                </c:pt>
                <c:pt idx="1060">
                  <c:v>258.536</c:v>
                </c:pt>
                <c:pt idx="1061">
                  <c:v>258.71199999999999</c:v>
                </c:pt>
                <c:pt idx="1062">
                  <c:v>258.97899999999998</c:v>
                </c:pt>
                <c:pt idx="1063">
                  <c:v>259.37099999999998</c:v>
                </c:pt>
                <c:pt idx="1064">
                  <c:v>259.721</c:v>
                </c:pt>
                <c:pt idx="1065">
                  <c:v>259.92700000000002</c:v>
                </c:pt>
                <c:pt idx="1066">
                  <c:v>260.149</c:v>
                </c:pt>
                <c:pt idx="1067">
                  <c:v>260.30799999999999</c:v>
                </c:pt>
                <c:pt idx="1068">
                  <c:v>260.81799999999998</c:v>
                </c:pt>
                <c:pt idx="1069">
                  <c:v>261.01400000000001</c:v>
                </c:pt>
                <c:pt idx="1070">
                  <c:v>261.46899999999999</c:v>
                </c:pt>
                <c:pt idx="1071">
                  <c:v>261.608</c:v>
                </c:pt>
                <c:pt idx="1072">
                  <c:v>261.94499999999999</c:v>
                </c:pt>
                <c:pt idx="1073">
                  <c:v>262.15499999999997</c:v>
                </c:pt>
                <c:pt idx="1074">
                  <c:v>262.37599999999998</c:v>
                </c:pt>
                <c:pt idx="1075">
                  <c:v>262.52800000000002</c:v>
                </c:pt>
                <c:pt idx="1076">
                  <c:v>262.80099999999999</c:v>
                </c:pt>
                <c:pt idx="1077">
                  <c:v>263.15100000000001</c:v>
                </c:pt>
                <c:pt idx="1078">
                  <c:v>263.61200000000002</c:v>
                </c:pt>
                <c:pt idx="1079">
                  <c:v>263.84199999999998</c:v>
                </c:pt>
                <c:pt idx="1080">
                  <c:v>263.93799999999999</c:v>
                </c:pt>
                <c:pt idx="1081">
                  <c:v>264.33999999999997</c:v>
                </c:pt>
                <c:pt idx="1082">
                  <c:v>264.411</c:v>
                </c:pt>
                <c:pt idx="1083">
                  <c:v>264.959</c:v>
                </c:pt>
                <c:pt idx="1084">
                  <c:v>265.26499999999999</c:v>
                </c:pt>
                <c:pt idx="1085">
                  <c:v>265.49599999999998</c:v>
                </c:pt>
                <c:pt idx="1086">
                  <c:v>265.45699999999999</c:v>
                </c:pt>
                <c:pt idx="1087">
                  <c:v>265.72899999999998</c:v>
                </c:pt>
                <c:pt idx="1088">
                  <c:v>265.928</c:v>
                </c:pt>
                <c:pt idx="1089">
                  <c:v>266.02</c:v>
                </c:pt>
                <c:pt idx="1090">
                  <c:v>266.34399999999999</c:v>
                </c:pt>
                <c:pt idx="1091">
                  <c:v>266.702</c:v>
                </c:pt>
                <c:pt idx="1092">
                  <c:v>266.88099999999997</c:v>
                </c:pt>
                <c:pt idx="1093">
                  <c:v>267.04300000000001</c:v>
                </c:pt>
                <c:pt idx="1094">
                  <c:v>267.19900000000001</c:v>
                </c:pt>
                <c:pt idx="1095">
                  <c:v>267.76499999999999</c:v>
                </c:pt>
                <c:pt idx="1096">
                  <c:v>268.05599999999998</c:v>
                </c:pt>
                <c:pt idx="1097">
                  <c:v>268.35300000000001</c:v>
                </c:pt>
                <c:pt idx="1098">
                  <c:v>268.53699999999998</c:v>
                </c:pt>
                <c:pt idx="1099">
                  <c:v>268.733</c:v>
                </c:pt>
                <c:pt idx="1100">
                  <c:v>269.01600000000002</c:v>
                </c:pt>
                <c:pt idx="1101">
                  <c:v>269.33300000000003</c:v>
                </c:pt>
                <c:pt idx="1102">
                  <c:v>269.46100000000001</c:v>
                </c:pt>
                <c:pt idx="1103">
                  <c:v>269.63</c:v>
                </c:pt>
                <c:pt idx="1104">
                  <c:v>269.92700000000002</c:v>
                </c:pt>
                <c:pt idx="1105">
                  <c:v>270.10000000000002</c:v>
                </c:pt>
                <c:pt idx="1106">
                  <c:v>270.48099999999999</c:v>
                </c:pt>
                <c:pt idx="1107">
                  <c:v>270.84199999999998</c:v>
                </c:pt>
                <c:pt idx="1108">
                  <c:v>271.21100000000001</c:v>
                </c:pt>
                <c:pt idx="1109">
                  <c:v>271.51100000000002</c:v>
                </c:pt>
                <c:pt idx="1110">
                  <c:v>271.714</c:v>
                </c:pt>
                <c:pt idx="1111">
                  <c:v>271.92</c:v>
                </c:pt>
                <c:pt idx="1112">
                  <c:v>272.13799999999998</c:v>
                </c:pt>
                <c:pt idx="1113">
                  <c:v>272.45</c:v>
                </c:pt>
                <c:pt idx="1114">
                  <c:v>272.589</c:v>
                </c:pt>
                <c:pt idx="1115">
                  <c:v>272.78800000000001</c:v>
                </c:pt>
                <c:pt idx="1116">
                  <c:v>273.08199999999999</c:v>
                </c:pt>
                <c:pt idx="1117">
                  <c:v>273.66899999999998</c:v>
                </c:pt>
                <c:pt idx="1118">
                  <c:v>273.88200000000001</c:v>
                </c:pt>
                <c:pt idx="1119">
                  <c:v>273.947</c:v>
                </c:pt>
                <c:pt idx="1120">
                  <c:v>274.233</c:v>
                </c:pt>
                <c:pt idx="1121">
                  <c:v>274.447</c:v>
                </c:pt>
                <c:pt idx="1122">
                  <c:v>274.71199999999999</c:v>
                </c:pt>
                <c:pt idx="1123">
                  <c:v>274.94600000000003</c:v>
                </c:pt>
                <c:pt idx="1124">
                  <c:v>275.12299999999999</c:v>
                </c:pt>
                <c:pt idx="1125">
                  <c:v>275.38400000000001</c:v>
                </c:pt>
                <c:pt idx="1126">
                  <c:v>275.65199999999999</c:v>
                </c:pt>
                <c:pt idx="1127">
                  <c:v>275.95600000000002</c:v>
                </c:pt>
                <c:pt idx="1128">
                  <c:v>276.24400000000003</c:v>
                </c:pt>
                <c:pt idx="1129">
                  <c:v>276.54899999999998</c:v>
                </c:pt>
                <c:pt idx="1130">
                  <c:v>276.661</c:v>
                </c:pt>
                <c:pt idx="1131">
                  <c:v>276.858</c:v>
                </c:pt>
                <c:pt idx="1132">
                  <c:v>277.25799999999998</c:v>
                </c:pt>
                <c:pt idx="1133">
                  <c:v>277.291</c:v>
                </c:pt>
                <c:pt idx="1134">
                  <c:v>277.55799999999999</c:v>
                </c:pt>
                <c:pt idx="1135">
                  <c:v>277.85899999999998</c:v>
                </c:pt>
                <c:pt idx="1136">
                  <c:v>278.13600000000002</c:v>
                </c:pt>
                <c:pt idx="1137">
                  <c:v>278.358</c:v>
                </c:pt>
                <c:pt idx="1138">
                  <c:v>278.649</c:v>
                </c:pt>
                <c:pt idx="1139">
                  <c:v>279.06599999999997</c:v>
                </c:pt>
                <c:pt idx="1140">
                  <c:v>279.197</c:v>
                </c:pt>
                <c:pt idx="1141">
                  <c:v>279.19400000000002</c:v>
                </c:pt>
                <c:pt idx="1142">
                  <c:v>279.459</c:v>
                </c:pt>
                <c:pt idx="1143">
                  <c:v>280.02999999999997</c:v>
                </c:pt>
                <c:pt idx="1144">
                  <c:v>280.202</c:v>
                </c:pt>
                <c:pt idx="1145">
                  <c:v>280.55500000000001</c:v>
                </c:pt>
                <c:pt idx="1146">
                  <c:v>280.83100000000002</c:v>
                </c:pt>
                <c:pt idx="1147">
                  <c:v>280.834</c:v>
                </c:pt>
                <c:pt idx="1148">
                  <c:v>281.09199999999998</c:v>
                </c:pt>
                <c:pt idx="1149">
                  <c:v>281.19099999999997</c:v>
                </c:pt>
                <c:pt idx="1150">
                  <c:v>281.447</c:v>
                </c:pt>
                <c:pt idx="1151">
                  <c:v>281.50099999999998</c:v>
                </c:pt>
                <c:pt idx="1152">
                  <c:v>281.76100000000002</c:v>
                </c:pt>
                <c:pt idx="1153">
                  <c:v>282.2</c:v>
                </c:pt>
                <c:pt idx="1154">
                  <c:v>282.375</c:v>
                </c:pt>
                <c:pt idx="1155">
                  <c:v>282.69</c:v>
                </c:pt>
                <c:pt idx="1156">
                  <c:v>282.89400000000001</c:v>
                </c:pt>
                <c:pt idx="1157">
                  <c:v>283.30599999999998</c:v>
                </c:pt>
                <c:pt idx="1158">
                  <c:v>283.697</c:v>
                </c:pt>
                <c:pt idx="1159">
                  <c:v>284.01400000000001</c:v>
                </c:pt>
                <c:pt idx="1160">
                  <c:v>284.09199999999998</c:v>
                </c:pt>
                <c:pt idx="1161">
                  <c:v>284.32</c:v>
                </c:pt>
                <c:pt idx="1162">
                  <c:v>284.5</c:v>
                </c:pt>
                <c:pt idx="1163">
                  <c:v>284.75299999999999</c:v>
                </c:pt>
                <c:pt idx="1164">
                  <c:v>284.97000000000003</c:v>
                </c:pt>
                <c:pt idx="1165">
                  <c:v>285.17099999999999</c:v>
                </c:pt>
                <c:pt idx="1166">
                  <c:v>285.572</c:v>
                </c:pt>
                <c:pt idx="1167">
                  <c:v>285.83100000000002</c:v>
                </c:pt>
                <c:pt idx="1168">
                  <c:v>286.27100000000002</c:v>
                </c:pt>
                <c:pt idx="1169">
                  <c:v>286.45</c:v>
                </c:pt>
                <c:pt idx="1170">
                  <c:v>286.61599999999999</c:v>
                </c:pt>
                <c:pt idx="1171">
                  <c:v>286.74200000000002</c:v>
                </c:pt>
                <c:pt idx="1172">
                  <c:v>287.12200000000001</c:v>
                </c:pt>
                <c:pt idx="1173">
                  <c:v>287.43799999999999</c:v>
                </c:pt>
                <c:pt idx="1174">
                  <c:v>287.589</c:v>
                </c:pt>
                <c:pt idx="1175">
                  <c:v>287.75700000000001</c:v>
                </c:pt>
                <c:pt idx="1176">
                  <c:v>287.94400000000002</c:v>
                </c:pt>
                <c:pt idx="1177">
                  <c:v>288.27199999999999</c:v>
                </c:pt>
                <c:pt idx="1178">
                  <c:v>288.577</c:v>
                </c:pt>
                <c:pt idx="1179">
                  <c:v>288.74700000000001</c:v>
                </c:pt>
                <c:pt idx="1180">
                  <c:v>288.90699999999998</c:v>
                </c:pt>
                <c:pt idx="1181">
                  <c:v>289.21899999999999</c:v>
                </c:pt>
                <c:pt idx="1182">
                  <c:v>289.64400000000001</c:v>
                </c:pt>
                <c:pt idx="1183">
                  <c:v>290.14999999999998</c:v>
                </c:pt>
                <c:pt idx="1184">
                  <c:v>290.28100000000001</c:v>
                </c:pt>
                <c:pt idx="1185">
                  <c:v>290.51799999999997</c:v>
                </c:pt>
                <c:pt idx="1186">
                  <c:v>290.79899999999998</c:v>
                </c:pt>
                <c:pt idx="1187">
                  <c:v>291.30099999999999</c:v>
                </c:pt>
                <c:pt idx="1188">
                  <c:v>291.25200000000001</c:v>
                </c:pt>
                <c:pt idx="1189">
                  <c:v>291.399</c:v>
                </c:pt>
                <c:pt idx="1190">
                  <c:v>291.637</c:v>
                </c:pt>
                <c:pt idx="1191">
                  <c:v>292.03100000000001</c:v>
                </c:pt>
                <c:pt idx="1192">
                  <c:v>292.37799999999999</c:v>
                </c:pt>
                <c:pt idx="1193">
                  <c:v>292.57100000000003</c:v>
                </c:pt>
                <c:pt idx="1194">
                  <c:v>292.97399999999999</c:v>
                </c:pt>
                <c:pt idx="1195">
                  <c:v>293.22000000000003</c:v>
                </c:pt>
                <c:pt idx="1196">
                  <c:v>293.35399999999998</c:v>
                </c:pt>
                <c:pt idx="1197">
                  <c:v>293.51400000000001</c:v>
                </c:pt>
                <c:pt idx="1198">
                  <c:v>293.97399999999999</c:v>
                </c:pt>
                <c:pt idx="1199">
                  <c:v>294.13200000000001</c:v>
                </c:pt>
                <c:pt idx="1200">
                  <c:v>294.37400000000002</c:v>
                </c:pt>
                <c:pt idx="1201">
                  <c:v>294.36200000000002</c:v>
                </c:pt>
                <c:pt idx="1202">
                  <c:v>294.50599999999997</c:v>
                </c:pt>
                <c:pt idx="1203">
                  <c:v>294.91699999999997</c:v>
                </c:pt>
                <c:pt idx="1204">
                  <c:v>295.19600000000003</c:v>
                </c:pt>
                <c:pt idx="1205">
                  <c:v>295.40300000000002</c:v>
                </c:pt>
                <c:pt idx="1206">
                  <c:v>295.47800000000001</c:v>
                </c:pt>
                <c:pt idx="1207">
                  <c:v>295.62900000000002</c:v>
                </c:pt>
                <c:pt idx="1208">
                  <c:v>295.74099999999999</c:v>
                </c:pt>
                <c:pt idx="1209">
                  <c:v>295.89999999999998</c:v>
                </c:pt>
                <c:pt idx="1210">
                  <c:v>296.18799999999999</c:v>
                </c:pt>
                <c:pt idx="1211">
                  <c:v>296.54700000000003</c:v>
                </c:pt>
                <c:pt idx="1212">
                  <c:v>296.78800000000001</c:v>
                </c:pt>
                <c:pt idx="1213">
                  <c:v>296.93299999999999</c:v>
                </c:pt>
                <c:pt idx="1214">
                  <c:v>297.23099999999999</c:v>
                </c:pt>
                <c:pt idx="1215">
                  <c:v>297.46300000000002</c:v>
                </c:pt>
                <c:pt idx="1216">
                  <c:v>297.69200000000001</c:v>
                </c:pt>
                <c:pt idx="1217">
                  <c:v>298.11099999999999</c:v>
                </c:pt>
                <c:pt idx="1218">
                  <c:v>298.23700000000002</c:v>
                </c:pt>
                <c:pt idx="1219">
                  <c:v>298.53199999999998</c:v>
                </c:pt>
                <c:pt idx="1220">
                  <c:v>298.75599999999997</c:v>
                </c:pt>
                <c:pt idx="1221">
                  <c:v>298.93</c:v>
                </c:pt>
                <c:pt idx="1222">
                  <c:v>299.33999999999997</c:v>
                </c:pt>
                <c:pt idx="1223">
                  <c:v>299.57900000000001</c:v>
                </c:pt>
                <c:pt idx="1224">
                  <c:v>299.91800000000001</c:v>
                </c:pt>
                <c:pt idx="1225">
                  <c:v>300.11200000000002</c:v>
                </c:pt>
                <c:pt idx="1226">
                  <c:v>300.42599999999999</c:v>
                </c:pt>
                <c:pt idx="1227">
                  <c:v>300.64299999999997</c:v>
                </c:pt>
                <c:pt idx="1228">
                  <c:v>300.88799999999998</c:v>
                </c:pt>
                <c:pt idx="1229">
                  <c:v>301.161</c:v>
                </c:pt>
                <c:pt idx="1230">
                  <c:v>301.44299999999998</c:v>
                </c:pt>
                <c:pt idx="1231">
                  <c:v>301.75400000000002</c:v>
                </c:pt>
                <c:pt idx="1232">
                  <c:v>302.18</c:v>
                </c:pt>
                <c:pt idx="1233">
                  <c:v>302.35899999999998</c:v>
                </c:pt>
                <c:pt idx="1234">
                  <c:v>302.54500000000002</c:v>
                </c:pt>
                <c:pt idx="1235">
                  <c:v>302.875</c:v>
                </c:pt>
                <c:pt idx="1236">
                  <c:v>303.16199999999998</c:v>
                </c:pt>
                <c:pt idx="1237">
                  <c:v>303.21100000000001</c:v>
                </c:pt>
                <c:pt idx="1238">
                  <c:v>303.57799999999997</c:v>
                </c:pt>
                <c:pt idx="1239">
                  <c:v>303.87799999999999</c:v>
                </c:pt>
                <c:pt idx="1240">
                  <c:v>304.33199999999999</c:v>
                </c:pt>
                <c:pt idx="1241">
                  <c:v>304.59199999999998</c:v>
                </c:pt>
                <c:pt idx="1242">
                  <c:v>304.88900000000001</c:v>
                </c:pt>
                <c:pt idx="1243">
                  <c:v>304.92200000000003</c:v>
                </c:pt>
                <c:pt idx="1244">
                  <c:v>305.40699999999998</c:v>
                </c:pt>
                <c:pt idx="1245">
                  <c:v>305.61900000000003</c:v>
                </c:pt>
                <c:pt idx="1246">
                  <c:v>305.86700000000002</c:v>
                </c:pt>
                <c:pt idx="1247">
                  <c:v>306.15499999999997</c:v>
                </c:pt>
                <c:pt idx="1248">
                  <c:v>306.44499999999999</c:v>
                </c:pt>
                <c:pt idx="1249">
                  <c:v>306.77499999999998</c:v>
                </c:pt>
                <c:pt idx="1250">
                  <c:v>307.04000000000002</c:v>
                </c:pt>
                <c:pt idx="1251">
                  <c:v>307.61599999999999</c:v>
                </c:pt>
                <c:pt idx="1252">
                  <c:v>307.76100000000002</c:v>
                </c:pt>
                <c:pt idx="1253">
                  <c:v>307.85300000000001</c:v>
                </c:pt>
                <c:pt idx="1254">
                  <c:v>307.88900000000001</c:v>
                </c:pt>
                <c:pt idx="1255">
                  <c:v>308.12299999999999</c:v>
                </c:pt>
                <c:pt idx="1256">
                  <c:v>308.21199999999999</c:v>
                </c:pt>
                <c:pt idx="1257">
                  <c:v>308.46300000000002</c:v>
                </c:pt>
                <c:pt idx="1258">
                  <c:v>308.654</c:v>
                </c:pt>
                <c:pt idx="1259">
                  <c:v>308.935</c:v>
                </c:pt>
                <c:pt idx="1260">
                  <c:v>309.20699999999999</c:v>
                </c:pt>
                <c:pt idx="1261">
                  <c:v>309.48899999999998</c:v>
                </c:pt>
                <c:pt idx="1262">
                  <c:v>309.84699999999998</c:v>
                </c:pt>
                <c:pt idx="1263">
                  <c:v>309.95400000000001</c:v>
                </c:pt>
                <c:pt idx="1264">
                  <c:v>310.05799999999999</c:v>
                </c:pt>
                <c:pt idx="1265">
                  <c:v>310.38200000000001</c:v>
                </c:pt>
                <c:pt idx="1266">
                  <c:v>310.52699999999999</c:v>
                </c:pt>
                <c:pt idx="1267">
                  <c:v>310.91500000000002</c:v>
                </c:pt>
                <c:pt idx="1268">
                  <c:v>311.26600000000002</c:v>
                </c:pt>
                <c:pt idx="1269">
                  <c:v>311.52499999999998</c:v>
                </c:pt>
                <c:pt idx="1270">
                  <c:v>311.68900000000002</c:v>
                </c:pt>
                <c:pt idx="1271">
                  <c:v>312.03899999999999</c:v>
                </c:pt>
                <c:pt idx="1272">
                  <c:v>312.149</c:v>
                </c:pt>
                <c:pt idx="1273">
                  <c:v>312.577</c:v>
                </c:pt>
                <c:pt idx="1274">
                  <c:v>312.64999999999998</c:v>
                </c:pt>
                <c:pt idx="1275">
                  <c:v>312.70400000000001</c:v>
                </c:pt>
                <c:pt idx="1276">
                  <c:v>313.01900000000001</c:v>
                </c:pt>
                <c:pt idx="1277">
                  <c:v>313.21499999999997</c:v>
                </c:pt>
                <c:pt idx="1278">
                  <c:v>313.48</c:v>
                </c:pt>
                <c:pt idx="1279">
                  <c:v>313.65199999999999</c:v>
                </c:pt>
                <c:pt idx="1280">
                  <c:v>313.94</c:v>
                </c:pt>
                <c:pt idx="1281">
                  <c:v>314.23599999999999</c:v>
                </c:pt>
                <c:pt idx="1282">
                  <c:v>314.49299999999999</c:v>
                </c:pt>
                <c:pt idx="1283">
                  <c:v>314.64</c:v>
                </c:pt>
                <c:pt idx="1284">
                  <c:v>314.887</c:v>
                </c:pt>
                <c:pt idx="1285">
                  <c:v>315.02199999999999</c:v>
                </c:pt>
                <c:pt idx="1286">
                  <c:v>315.209</c:v>
                </c:pt>
                <c:pt idx="1287">
                  <c:v>315.53699999999998</c:v>
                </c:pt>
                <c:pt idx="1288">
                  <c:v>315.952</c:v>
                </c:pt>
                <c:pt idx="1289">
                  <c:v>316.08800000000002</c:v>
                </c:pt>
                <c:pt idx="1290">
                  <c:v>316.43200000000002</c:v>
                </c:pt>
                <c:pt idx="1291">
                  <c:v>316.70299999999997</c:v>
                </c:pt>
                <c:pt idx="1292">
                  <c:v>316.75900000000001</c:v>
                </c:pt>
                <c:pt idx="1293">
                  <c:v>317.005</c:v>
                </c:pt>
                <c:pt idx="1294">
                  <c:v>317.161</c:v>
                </c:pt>
                <c:pt idx="1295">
                  <c:v>317.31900000000002</c:v>
                </c:pt>
                <c:pt idx="1296">
                  <c:v>317.69799999999998</c:v>
                </c:pt>
                <c:pt idx="1297">
                  <c:v>317.928</c:v>
                </c:pt>
                <c:pt idx="1298">
                  <c:v>318.16300000000001</c:v>
                </c:pt>
                <c:pt idx="1299">
                  <c:v>318.38799999999998</c:v>
                </c:pt>
                <c:pt idx="1300">
                  <c:v>318.63</c:v>
                </c:pt>
                <c:pt idx="1301">
                  <c:v>318.93</c:v>
                </c:pt>
                <c:pt idx="1302">
                  <c:v>319.089</c:v>
                </c:pt>
                <c:pt idx="1303">
                  <c:v>319.14499999999998</c:v>
                </c:pt>
                <c:pt idx="1304">
                  <c:v>319.54000000000002</c:v>
                </c:pt>
                <c:pt idx="1305">
                  <c:v>319.95100000000002</c:v>
                </c:pt>
                <c:pt idx="1306">
                  <c:v>320.11500000000001</c:v>
                </c:pt>
                <c:pt idx="1307">
                  <c:v>320.35899999999998</c:v>
                </c:pt>
                <c:pt idx="1308">
                  <c:v>320.57100000000003</c:v>
                </c:pt>
                <c:pt idx="1309">
                  <c:v>320.76600000000002</c:v>
                </c:pt>
                <c:pt idx="1310">
                  <c:v>321.02100000000002</c:v>
                </c:pt>
                <c:pt idx="1311">
                  <c:v>321.30500000000001</c:v>
                </c:pt>
                <c:pt idx="1312">
                  <c:v>321.44200000000001</c:v>
                </c:pt>
                <c:pt idx="1313">
                  <c:v>321.714</c:v>
                </c:pt>
                <c:pt idx="1314">
                  <c:v>322.20299999999997</c:v>
                </c:pt>
                <c:pt idx="1315">
                  <c:v>322.43200000000002</c:v>
                </c:pt>
                <c:pt idx="1316">
                  <c:v>322.77199999999999</c:v>
                </c:pt>
                <c:pt idx="1317">
                  <c:v>323.14499999999998</c:v>
                </c:pt>
                <c:pt idx="1318">
                  <c:v>323.41000000000003</c:v>
                </c:pt>
                <c:pt idx="1319">
                  <c:v>323.63</c:v>
                </c:pt>
                <c:pt idx="1320">
                  <c:v>323.94499999999999</c:v>
                </c:pt>
                <c:pt idx="1321">
                  <c:v>324.149</c:v>
                </c:pt>
                <c:pt idx="1322">
                  <c:v>324.21300000000002</c:v>
                </c:pt>
                <c:pt idx="1323">
                  <c:v>324.38299999999998</c:v>
                </c:pt>
                <c:pt idx="1324">
                  <c:v>324.59500000000003</c:v>
                </c:pt>
                <c:pt idx="1325">
                  <c:v>324.88499999999999</c:v>
                </c:pt>
                <c:pt idx="1326">
                  <c:v>325.21300000000002</c:v>
                </c:pt>
                <c:pt idx="1327">
                  <c:v>325.56299999999999</c:v>
                </c:pt>
                <c:pt idx="1328">
                  <c:v>325.899</c:v>
                </c:pt>
                <c:pt idx="1329">
                  <c:v>326.09899999999999</c:v>
                </c:pt>
                <c:pt idx="1330">
                  <c:v>326.28300000000002</c:v>
                </c:pt>
                <c:pt idx="1331">
                  <c:v>326.7</c:v>
                </c:pt>
                <c:pt idx="1332">
                  <c:v>326.80399999999997</c:v>
                </c:pt>
                <c:pt idx="1333">
                  <c:v>326.97199999999998</c:v>
                </c:pt>
                <c:pt idx="1334">
                  <c:v>327.20499999999998</c:v>
                </c:pt>
                <c:pt idx="1335">
                  <c:v>327.48700000000002</c:v>
                </c:pt>
                <c:pt idx="1336">
                  <c:v>327.733</c:v>
                </c:pt>
                <c:pt idx="1337">
                  <c:v>328.14499999999998</c:v>
                </c:pt>
                <c:pt idx="1338">
                  <c:v>328.40600000000001</c:v>
                </c:pt>
                <c:pt idx="1339">
                  <c:v>328.49400000000003</c:v>
                </c:pt>
                <c:pt idx="1340">
                  <c:v>328.834</c:v>
                </c:pt>
                <c:pt idx="1341">
                  <c:v>329.142</c:v>
                </c:pt>
                <c:pt idx="1342">
                  <c:v>329.58</c:v>
                </c:pt>
                <c:pt idx="1343">
                  <c:v>329.839</c:v>
                </c:pt>
                <c:pt idx="1344">
                  <c:v>329.90300000000002</c:v>
                </c:pt>
                <c:pt idx="1345">
                  <c:v>330.15100000000001</c:v>
                </c:pt>
                <c:pt idx="1346">
                  <c:v>330.30900000000003</c:v>
                </c:pt>
                <c:pt idx="1347">
                  <c:v>330.73399999999998</c:v>
                </c:pt>
                <c:pt idx="1348">
                  <c:v>330.94400000000002</c:v>
                </c:pt>
                <c:pt idx="1349">
                  <c:v>331.17399999999998</c:v>
                </c:pt>
                <c:pt idx="1350">
                  <c:v>331.70499999999998</c:v>
                </c:pt>
                <c:pt idx="1351">
                  <c:v>331.93799999999999</c:v>
                </c:pt>
                <c:pt idx="1352">
                  <c:v>332.14</c:v>
                </c:pt>
                <c:pt idx="1353">
                  <c:v>332.36500000000001</c:v>
                </c:pt>
                <c:pt idx="1354">
                  <c:v>332.62299999999999</c:v>
                </c:pt>
                <c:pt idx="1355">
                  <c:v>332.90600000000001</c:v>
                </c:pt>
                <c:pt idx="1356">
                  <c:v>333.24099999999999</c:v>
                </c:pt>
                <c:pt idx="1357">
                  <c:v>333.41800000000001</c:v>
                </c:pt>
                <c:pt idx="1358">
                  <c:v>333.73099999999999</c:v>
                </c:pt>
                <c:pt idx="1359">
                  <c:v>334.12</c:v>
                </c:pt>
                <c:pt idx="1360">
                  <c:v>334.19200000000001</c:v>
                </c:pt>
                <c:pt idx="1361">
                  <c:v>334.411</c:v>
                </c:pt>
                <c:pt idx="1362">
                  <c:v>334.69</c:v>
                </c:pt>
                <c:pt idx="1363">
                  <c:v>334.89600000000002</c:v>
                </c:pt>
                <c:pt idx="1364">
                  <c:v>335.21199999999999</c:v>
                </c:pt>
                <c:pt idx="1365">
                  <c:v>335.66399999999999</c:v>
                </c:pt>
                <c:pt idx="1366">
                  <c:v>335.92399999999998</c:v>
                </c:pt>
                <c:pt idx="1367">
                  <c:v>336.14</c:v>
                </c:pt>
                <c:pt idx="1368">
                  <c:v>336.18799999999999</c:v>
                </c:pt>
                <c:pt idx="1369">
                  <c:v>336.459</c:v>
                </c:pt>
                <c:pt idx="1370">
                  <c:v>336.76499999999999</c:v>
                </c:pt>
                <c:pt idx="1371">
                  <c:v>336.70299999999997</c:v>
                </c:pt>
                <c:pt idx="1372">
                  <c:v>337.03300000000002</c:v>
                </c:pt>
                <c:pt idx="1373">
                  <c:v>337.15699999999998</c:v>
                </c:pt>
                <c:pt idx="1374">
                  <c:v>337.48599999999999</c:v>
                </c:pt>
                <c:pt idx="1375">
                  <c:v>337.58</c:v>
                </c:pt>
                <c:pt idx="1376">
                  <c:v>337.83300000000003</c:v>
                </c:pt>
                <c:pt idx="1377">
                  <c:v>338.14299999999997</c:v>
                </c:pt>
                <c:pt idx="1378">
                  <c:v>338.29399999999998</c:v>
                </c:pt>
                <c:pt idx="1379">
                  <c:v>338.57600000000002</c:v>
                </c:pt>
                <c:pt idx="1380">
                  <c:v>338.90300000000002</c:v>
                </c:pt>
                <c:pt idx="1381">
                  <c:v>339.27100000000002</c:v>
                </c:pt>
                <c:pt idx="1382">
                  <c:v>339.536</c:v>
                </c:pt>
                <c:pt idx="1383">
                  <c:v>339.81299999999999</c:v>
                </c:pt>
                <c:pt idx="1384">
                  <c:v>339.995</c:v>
                </c:pt>
                <c:pt idx="1385">
                  <c:v>340.33199999999999</c:v>
                </c:pt>
                <c:pt idx="1386">
                  <c:v>340.68400000000003</c:v>
                </c:pt>
                <c:pt idx="1387">
                  <c:v>341.024</c:v>
                </c:pt>
                <c:pt idx="1388">
                  <c:v>341.54199999999997</c:v>
                </c:pt>
                <c:pt idx="1389">
                  <c:v>341.65800000000002</c:v>
                </c:pt>
                <c:pt idx="1390">
                  <c:v>341.8</c:v>
                </c:pt>
                <c:pt idx="1391">
                  <c:v>342.09500000000003</c:v>
                </c:pt>
                <c:pt idx="1392">
                  <c:v>342.40800000000002</c:v>
                </c:pt>
                <c:pt idx="1393">
                  <c:v>342.55599999999998</c:v>
                </c:pt>
                <c:pt idx="1394">
                  <c:v>342.77100000000002</c:v>
                </c:pt>
                <c:pt idx="1395">
                  <c:v>343.20100000000002</c:v>
                </c:pt>
                <c:pt idx="1396">
                  <c:v>343.34300000000002</c:v>
                </c:pt>
                <c:pt idx="1397">
                  <c:v>343.51799999999997</c:v>
                </c:pt>
                <c:pt idx="1398">
                  <c:v>343.89499999999998</c:v>
                </c:pt>
                <c:pt idx="1399">
                  <c:v>344.29</c:v>
                </c:pt>
                <c:pt idx="1400">
                  <c:v>344.61399999999998</c:v>
                </c:pt>
                <c:pt idx="1401">
                  <c:v>345.00700000000001</c:v>
                </c:pt>
                <c:pt idx="1402">
                  <c:v>345.28100000000001</c:v>
                </c:pt>
                <c:pt idx="1403">
                  <c:v>345.31799999999998</c:v>
                </c:pt>
                <c:pt idx="1404">
                  <c:v>345.50700000000001</c:v>
                </c:pt>
                <c:pt idx="1405">
                  <c:v>345.84800000000001</c:v>
                </c:pt>
                <c:pt idx="1406">
                  <c:v>346.18799999999999</c:v>
                </c:pt>
                <c:pt idx="1407">
                  <c:v>346.55399999999997</c:v>
                </c:pt>
                <c:pt idx="1408">
                  <c:v>346.59399999999999</c:v>
                </c:pt>
                <c:pt idx="1409">
                  <c:v>346.935</c:v>
                </c:pt>
                <c:pt idx="1410">
                  <c:v>347.01100000000002</c:v>
                </c:pt>
                <c:pt idx="1411">
                  <c:v>347.42700000000002</c:v>
                </c:pt>
                <c:pt idx="1412">
                  <c:v>347.74799999999999</c:v>
                </c:pt>
                <c:pt idx="1413">
                  <c:v>347.75299999999999</c:v>
                </c:pt>
                <c:pt idx="1414">
                  <c:v>348.12900000000002</c:v>
                </c:pt>
                <c:pt idx="1415">
                  <c:v>348.34199999999998</c:v>
                </c:pt>
                <c:pt idx="1416">
                  <c:v>348.53899999999999</c:v>
                </c:pt>
                <c:pt idx="1417">
                  <c:v>348.791</c:v>
                </c:pt>
                <c:pt idx="1418">
                  <c:v>349.2</c:v>
                </c:pt>
                <c:pt idx="1419">
                  <c:v>349.447</c:v>
                </c:pt>
                <c:pt idx="1420">
                  <c:v>349.35599999999999</c:v>
                </c:pt>
                <c:pt idx="1421">
                  <c:v>349.61799999999999</c:v>
                </c:pt>
                <c:pt idx="1422">
                  <c:v>350.02199999999999</c:v>
                </c:pt>
                <c:pt idx="1423">
                  <c:v>350.262</c:v>
                </c:pt>
                <c:pt idx="1424">
                  <c:v>350.75</c:v>
                </c:pt>
                <c:pt idx="1425">
                  <c:v>350.95400000000001</c:v>
                </c:pt>
                <c:pt idx="1426">
                  <c:v>351.44799999999998</c:v>
                </c:pt>
                <c:pt idx="1427">
                  <c:v>351.63200000000001</c:v>
                </c:pt>
                <c:pt idx="1428">
                  <c:v>351.74900000000002</c:v>
                </c:pt>
                <c:pt idx="1429">
                  <c:v>351.995</c:v>
                </c:pt>
                <c:pt idx="1430">
                  <c:v>352.262</c:v>
                </c:pt>
                <c:pt idx="1431">
                  <c:v>352.57400000000001</c:v>
                </c:pt>
                <c:pt idx="1432">
                  <c:v>352.786</c:v>
                </c:pt>
                <c:pt idx="1433">
                  <c:v>353.01499999999999</c:v>
                </c:pt>
                <c:pt idx="1434">
                  <c:v>353.05900000000003</c:v>
                </c:pt>
                <c:pt idx="1435">
                  <c:v>353.05799999999999</c:v>
                </c:pt>
                <c:pt idx="1436">
                  <c:v>353.41300000000001</c:v>
                </c:pt>
                <c:pt idx="1437">
                  <c:v>353.93900000000002</c:v>
                </c:pt>
                <c:pt idx="1438">
                  <c:v>354.13600000000002</c:v>
                </c:pt>
                <c:pt idx="1439">
                  <c:v>354.43799999999999</c:v>
                </c:pt>
                <c:pt idx="1440">
                  <c:v>354.87</c:v>
                </c:pt>
                <c:pt idx="1441">
                  <c:v>355.24900000000002</c:v>
                </c:pt>
                <c:pt idx="1442">
                  <c:v>355.30099999999999</c:v>
                </c:pt>
                <c:pt idx="1443">
                  <c:v>355.697</c:v>
                </c:pt>
                <c:pt idx="1444">
                  <c:v>356.04899999999998</c:v>
                </c:pt>
                <c:pt idx="1445">
                  <c:v>356.03399999999999</c:v>
                </c:pt>
                <c:pt idx="1446">
                  <c:v>356.22399999999999</c:v>
                </c:pt>
                <c:pt idx="1447">
                  <c:v>356.48200000000003</c:v>
                </c:pt>
                <c:pt idx="1448">
                  <c:v>356.91699999999997</c:v>
                </c:pt>
                <c:pt idx="1449">
                  <c:v>357.351</c:v>
                </c:pt>
                <c:pt idx="1450">
                  <c:v>357.846</c:v>
                </c:pt>
                <c:pt idx="1451">
                  <c:v>358.03300000000002</c:v>
                </c:pt>
                <c:pt idx="1452">
                  <c:v>358.23500000000001</c:v>
                </c:pt>
                <c:pt idx="1453">
                  <c:v>358.38900000000001</c:v>
                </c:pt>
                <c:pt idx="1454">
                  <c:v>358.67099999999999</c:v>
                </c:pt>
                <c:pt idx="1455">
                  <c:v>359.178</c:v>
                </c:pt>
                <c:pt idx="1456">
                  <c:v>359.51400000000001</c:v>
                </c:pt>
                <c:pt idx="1457">
                  <c:v>359.45299999999997</c:v>
                </c:pt>
                <c:pt idx="1458">
                  <c:v>359.79399999999998</c:v>
                </c:pt>
                <c:pt idx="1459">
                  <c:v>360.197</c:v>
                </c:pt>
                <c:pt idx="1460">
                  <c:v>360.47300000000001</c:v>
                </c:pt>
                <c:pt idx="1461">
                  <c:v>360.66800000000001</c:v>
                </c:pt>
                <c:pt idx="1462">
                  <c:v>360.86099999999999</c:v>
                </c:pt>
                <c:pt idx="1463">
                  <c:v>361.03</c:v>
                </c:pt>
                <c:pt idx="1464">
                  <c:v>361.24200000000002</c:v>
                </c:pt>
                <c:pt idx="1465">
                  <c:v>361.20699999999999</c:v>
                </c:pt>
                <c:pt idx="1466">
                  <c:v>361.32400000000001</c:v>
                </c:pt>
                <c:pt idx="1467">
                  <c:v>361.82299999999998</c:v>
                </c:pt>
                <c:pt idx="1468">
                  <c:v>362.238</c:v>
                </c:pt>
                <c:pt idx="1469">
                  <c:v>362.72800000000001</c:v>
                </c:pt>
                <c:pt idx="1470">
                  <c:v>362.82900000000001</c:v>
                </c:pt>
                <c:pt idx="1471">
                  <c:v>362.90499999999997</c:v>
                </c:pt>
                <c:pt idx="1472">
                  <c:v>363.36200000000002</c:v>
                </c:pt>
                <c:pt idx="1473">
                  <c:v>363.654</c:v>
                </c:pt>
                <c:pt idx="1474">
                  <c:v>363.93799999999999</c:v>
                </c:pt>
                <c:pt idx="1475">
                  <c:v>364.24599999999998</c:v>
                </c:pt>
                <c:pt idx="1476">
                  <c:v>364.57900000000001</c:v>
                </c:pt>
                <c:pt idx="1477">
                  <c:v>364.73</c:v>
                </c:pt>
                <c:pt idx="1478">
                  <c:v>364.92899999999997</c:v>
                </c:pt>
                <c:pt idx="1479">
                  <c:v>365.18700000000001</c:v>
                </c:pt>
                <c:pt idx="1480">
                  <c:v>365.404</c:v>
                </c:pt>
                <c:pt idx="1481">
                  <c:v>365.87599999999998</c:v>
                </c:pt>
                <c:pt idx="1482">
                  <c:v>366.38</c:v>
                </c:pt>
                <c:pt idx="1483">
                  <c:v>366.596</c:v>
                </c:pt>
                <c:pt idx="1484">
                  <c:v>366.93200000000002</c:v>
                </c:pt>
                <c:pt idx="1485">
                  <c:v>366.846</c:v>
                </c:pt>
                <c:pt idx="1486">
                  <c:v>367.16</c:v>
                </c:pt>
                <c:pt idx="1487">
                  <c:v>367.41199999999998</c:v>
                </c:pt>
                <c:pt idx="1488">
                  <c:v>367.71499999999997</c:v>
                </c:pt>
                <c:pt idx="1489">
                  <c:v>367.96499999999997</c:v>
                </c:pt>
                <c:pt idx="1490">
                  <c:v>368.16899999999998</c:v>
                </c:pt>
                <c:pt idx="1491">
                  <c:v>368.44499999999999</c:v>
                </c:pt>
                <c:pt idx="1492">
                  <c:v>368.577</c:v>
                </c:pt>
                <c:pt idx="1493">
                  <c:v>368.82400000000001</c:v>
                </c:pt>
                <c:pt idx="1494">
                  <c:v>369.01600000000002</c:v>
                </c:pt>
                <c:pt idx="1495">
                  <c:v>369.55799999999999</c:v>
                </c:pt>
                <c:pt idx="1496">
                  <c:v>369.72800000000001</c:v>
                </c:pt>
                <c:pt idx="1497">
                  <c:v>370.06400000000002</c:v>
                </c:pt>
                <c:pt idx="1498">
                  <c:v>370.28899999999999</c:v>
                </c:pt>
                <c:pt idx="1499">
                  <c:v>370.80900000000003</c:v>
                </c:pt>
                <c:pt idx="1500">
                  <c:v>371.03699999999998</c:v>
                </c:pt>
                <c:pt idx="1501">
                  <c:v>371.16399999999999</c:v>
                </c:pt>
                <c:pt idx="1502">
                  <c:v>371.32100000000003</c:v>
                </c:pt>
                <c:pt idx="1503">
                  <c:v>371.62599999999998</c:v>
                </c:pt>
                <c:pt idx="1504">
                  <c:v>371.82900000000001</c:v>
                </c:pt>
                <c:pt idx="1505">
                  <c:v>372.22399999999999</c:v>
                </c:pt>
                <c:pt idx="1506">
                  <c:v>372.54599999999999</c:v>
                </c:pt>
                <c:pt idx="1507">
                  <c:v>372.928</c:v>
                </c:pt>
                <c:pt idx="1508">
                  <c:v>373.10199999999998</c:v>
                </c:pt>
                <c:pt idx="1509">
                  <c:v>373.46800000000002</c:v>
                </c:pt>
                <c:pt idx="1510">
                  <c:v>373.64100000000002</c:v>
                </c:pt>
                <c:pt idx="1511">
                  <c:v>373.84100000000001</c:v>
                </c:pt>
                <c:pt idx="1512">
                  <c:v>373.94400000000002</c:v>
                </c:pt>
                <c:pt idx="1513">
                  <c:v>374.36099999999999</c:v>
                </c:pt>
                <c:pt idx="1514">
                  <c:v>374.76299999999998</c:v>
                </c:pt>
                <c:pt idx="1515">
                  <c:v>374.91</c:v>
                </c:pt>
                <c:pt idx="1516">
                  <c:v>375.18299999999999</c:v>
                </c:pt>
                <c:pt idx="1517">
                  <c:v>375.39600000000002</c:v>
                </c:pt>
                <c:pt idx="1518">
                  <c:v>375.726</c:v>
                </c:pt>
                <c:pt idx="1519">
                  <c:v>376.13</c:v>
                </c:pt>
                <c:pt idx="1520">
                  <c:v>376.33100000000002</c:v>
                </c:pt>
                <c:pt idx="1521">
                  <c:v>376.56299999999999</c:v>
                </c:pt>
                <c:pt idx="1522">
                  <c:v>376.81799999999998</c:v>
                </c:pt>
                <c:pt idx="1523">
                  <c:v>377.226</c:v>
                </c:pt>
                <c:pt idx="1524">
                  <c:v>377.45800000000003</c:v>
                </c:pt>
                <c:pt idx="1525">
                  <c:v>377.48899999999998</c:v>
                </c:pt>
                <c:pt idx="1526">
                  <c:v>377.90800000000002</c:v>
                </c:pt>
                <c:pt idx="1527">
                  <c:v>378.01</c:v>
                </c:pt>
                <c:pt idx="1528">
                  <c:v>378.28300000000002</c:v>
                </c:pt>
                <c:pt idx="1529">
                  <c:v>378.702</c:v>
                </c:pt>
                <c:pt idx="1530">
                  <c:v>379.05500000000001</c:v>
                </c:pt>
                <c:pt idx="1531">
                  <c:v>379.33600000000001</c:v>
                </c:pt>
                <c:pt idx="1532">
                  <c:v>379.61900000000003</c:v>
                </c:pt>
                <c:pt idx="1533">
                  <c:v>379.89600000000002</c:v>
                </c:pt>
                <c:pt idx="1534">
                  <c:v>379.93099999999998</c:v>
                </c:pt>
                <c:pt idx="1535">
                  <c:v>380.17200000000003</c:v>
                </c:pt>
                <c:pt idx="1536">
                  <c:v>380.28100000000001</c:v>
                </c:pt>
                <c:pt idx="1537">
                  <c:v>380.66500000000002</c:v>
                </c:pt>
                <c:pt idx="1538">
                  <c:v>381.113</c:v>
                </c:pt>
                <c:pt idx="1539">
                  <c:v>381.274</c:v>
                </c:pt>
                <c:pt idx="1540">
                  <c:v>381.61900000000003</c:v>
                </c:pt>
                <c:pt idx="1541">
                  <c:v>382.13400000000001</c:v>
                </c:pt>
                <c:pt idx="1542">
                  <c:v>382.12900000000002</c:v>
                </c:pt>
                <c:pt idx="1543">
                  <c:v>382.214</c:v>
                </c:pt>
                <c:pt idx="1544">
                  <c:v>382.84800000000001</c:v>
                </c:pt>
                <c:pt idx="1545">
                  <c:v>383.05700000000002</c:v>
                </c:pt>
                <c:pt idx="1546">
                  <c:v>383.48899999999998</c:v>
                </c:pt>
                <c:pt idx="1547">
                  <c:v>383.68900000000002</c:v>
                </c:pt>
                <c:pt idx="1548">
                  <c:v>383.87299999999999</c:v>
                </c:pt>
                <c:pt idx="1549">
                  <c:v>384.05599999999998</c:v>
                </c:pt>
                <c:pt idx="1550">
                  <c:v>384.19400000000002</c:v>
                </c:pt>
                <c:pt idx="1551">
                  <c:v>384.68</c:v>
                </c:pt>
                <c:pt idx="1552">
                  <c:v>384.63099999999997</c:v>
                </c:pt>
                <c:pt idx="1553">
                  <c:v>384.79</c:v>
                </c:pt>
                <c:pt idx="1554">
                  <c:v>385.25900000000001</c:v>
                </c:pt>
                <c:pt idx="1555">
                  <c:v>385.57100000000003</c:v>
                </c:pt>
                <c:pt idx="1556">
                  <c:v>386.11599999999999</c:v>
                </c:pt>
                <c:pt idx="1557">
                  <c:v>386.24400000000003</c:v>
                </c:pt>
                <c:pt idx="1558">
                  <c:v>386.24799999999999</c:v>
                </c:pt>
                <c:pt idx="1559">
                  <c:v>386.584</c:v>
                </c:pt>
                <c:pt idx="1560">
                  <c:v>386.87900000000002</c:v>
                </c:pt>
                <c:pt idx="1561">
                  <c:v>387.21600000000001</c:v>
                </c:pt>
                <c:pt idx="1562">
                  <c:v>387.56799999999998</c:v>
                </c:pt>
                <c:pt idx="1563">
                  <c:v>387.68099999999998</c:v>
                </c:pt>
                <c:pt idx="1564">
                  <c:v>387.69</c:v>
                </c:pt>
                <c:pt idx="1565">
                  <c:v>387.988</c:v>
                </c:pt>
                <c:pt idx="1566">
                  <c:v>388.49200000000002</c:v>
                </c:pt>
                <c:pt idx="1567">
                  <c:v>388.82100000000003</c:v>
                </c:pt>
                <c:pt idx="1568">
                  <c:v>389.101</c:v>
                </c:pt>
                <c:pt idx="1569">
                  <c:v>389.45299999999997</c:v>
                </c:pt>
                <c:pt idx="1570">
                  <c:v>389.53100000000001</c:v>
                </c:pt>
                <c:pt idx="1571">
                  <c:v>389.83199999999999</c:v>
                </c:pt>
                <c:pt idx="1572">
                  <c:v>390.21899999999999</c:v>
                </c:pt>
                <c:pt idx="1573">
                  <c:v>390.303</c:v>
                </c:pt>
                <c:pt idx="1574">
                  <c:v>390.40600000000001</c:v>
                </c:pt>
                <c:pt idx="1575">
                  <c:v>390.85</c:v>
                </c:pt>
                <c:pt idx="1576">
                  <c:v>391.04300000000001</c:v>
                </c:pt>
                <c:pt idx="1577">
                  <c:v>391.41199999999998</c:v>
                </c:pt>
                <c:pt idx="1578">
                  <c:v>391.56400000000002</c:v>
                </c:pt>
                <c:pt idx="1579">
                  <c:v>391.87900000000002</c:v>
                </c:pt>
                <c:pt idx="1580">
                  <c:v>391.96100000000001</c:v>
                </c:pt>
                <c:pt idx="1581">
                  <c:v>392.16500000000002</c:v>
                </c:pt>
                <c:pt idx="1582">
                  <c:v>392.38799999999998</c:v>
                </c:pt>
                <c:pt idx="1583">
                  <c:v>392.61700000000002</c:v>
                </c:pt>
                <c:pt idx="1584">
                  <c:v>392.92200000000003</c:v>
                </c:pt>
                <c:pt idx="1585">
                  <c:v>393.34399999999999</c:v>
                </c:pt>
                <c:pt idx="1586">
                  <c:v>393.75700000000001</c:v>
                </c:pt>
                <c:pt idx="1587">
                  <c:v>393.95400000000001</c:v>
                </c:pt>
                <c:pt idx="1588">
                  <c:v>394.154</c:v>
                </c:pt>
                <c:pt idx="1589">
                  <c:v>394.52699999999999</c:v>
                </c:pt>
                <c:pt idx="1590">
                  <c:v>394.76799999999997</c:v>
                </c:pt>
                <c:pt idx="1591">
                  <c:v>394.90899999999999</c:v>
                </c:pt>
                <c:pt idx="1592">
                  <c:v>395.303</c:v>
                </c:pt>
                <c:pt idx="1593">
                  <c:v>395.64</c:v>
                </c:pt>
                <c:pt idx="1594">
                  <c:v>395.666</c:v>
                </c:pt>
                <c:pt idx="1595">
                  <c:v>395.887</c:v>
                </c:pt>
                <c:pt idx="1596">
                  <c:v>396.322</c:v>
                </c:pt>
                <c:pt idx="1597">
                  <c:v>396.57299999999998</c:v>
                </c:pt>
                <c:pt idx="1598">
                  <c:v>396.52699999999999</c:v>
                </c:pt>
                <c:pt idx="1599">
                  <c:v>396.85199999999998</c:v>
                </c:pt>
                <c:pt idx="1600">
                  <c:v>397.17200000000003</c:v>
                </c:pt>
                <c:pt idx="1601">
                  <c:v>397.43299999999999</c:v>
                </c:pt>
                <c:pt idx="1602">
                  <c:v>397.85500000000002</c:v>
                </c:pt>
                <c:pt idx="1603">
                  <c:v>398.21199999999999</c:v>
                </c:pt>
                <c:pt idx="1604">
                  <c:v>398.24599999999998</c:v>
                </c:pt>
                <c:pt idx="1605">
                  <c:v>398.38600000000002</c:v>
                </c:pt>
                <c:pt idx="1606">
                  <c:v>398.59699999999998</c:v>
                </c:pt>
                <c:pt idx="1607">
                  <c:v>398.68200000000002</c:v>
                </c:pt>
                <c:pt idx="1608">
                  <c:v>399.12099999999998</c:v>
                </c:pt>
                <c:pt idx="1609">
                  <c:v>399.34399999999999</c:v>
                </c:pt>
                <c:pt idx="1610">
                  <c:v>399.46699999999998</c:v>
                </c:pt>
                <c:pt idx="1611">
                  <c:v>399.77499999999998</c:v>
                </c:pt>
                <c:pt idx="1612">
                  <c:v>400.21100000000001</c:v>
                </c:pt>
                <c:pt idx="1613">
                  <c:v>400.49200000000002</c:v>
                </c:pt>
                <c:pt idx="1614">
                  <c:v>400.85399999999998</c:v>
                </c:pt>
                <c:pt idx="1615">
                  <c:v>401.19600000000003</c:v>
                </c:pt>
                <c:pt idx="1616">
                  <c:v>401.36700000000002</c:v>
                </c:pt>
                <c:pt idx="1617">
                  <c:v>401.536</c:v>
                </c:pt>
                <c:pt idx="1618">
                  <c:v>402.04399999999998</c:v>
                </c:pt>
                <c:pt idx="1619">
                  <c:v>402.45299999999997</c:v>
                </c:pt>
                <c:pt idx="1620">
                  <c:v>402.87700000000001</c:v>
                </c:pt>
                <c:pt idx="1621">
                  <c:v>403.43200000000002</c:v>
                </c:pt>
                <c:pt idx="1622">
                  <c:v>403.565</c:v>
                </c:pt>
                <c:pt idx="1623">
                  <c:v>403.84899999999999</c:v>
                </c:pt>
                <c:pt idx="1624">
                  <c:v>403.98</c:v>
                </c:pt>
                <c:pt idx="1625">
                  <c:v>404.17200000000003</c:v>
                </c:pt>
                <c:pt idx="1626">
                  <c:v>404.1</c:v>
                </c:pt>
                <c:pt idx="1627">
                  <c:v>404.54399999999998</c:v>
                </c:pt>
                <c:pt idx="1628">
                  <c:v>404.84</c:v>
                </c:pt>
                <c:pt idx="1629">
                  <c:v>405.21300000000002</c:v>
                </c:pt>
                <c:pt idx="1630">
                  <c:v>405.33499999999998</c:v>
                </c:pt>
                <c:pt idx="1631">
                  <c:v>405.62799999999999</c:v>
                </c:pt>
                <c:pt idx="1632">
                  <c:v>405.74400000000003</c:v>
                </c:pt>
                <c:pt idx="1633">
                  <c:v>405.95299999999997</c:v>
                </c:pt>
                <c:pt idx="1634">
                  <c:v>406.51799999999997</c:v>
                </c:pt>
                <c:pt idx="1635">
                  <c:v>406.71699999999998</c:v>
                </c:pt>
                <c:pt idx="1636">
                  <c:v>407.01299999999998</c:v>
                </c:pt>
                <c:pt idx="1637">
                  <c:v>407.33</c:v>
                </c:pt>
                <c:pt idx="1638">
                  <c:v>407.64800000000002</c:v>
                </c:pt>
                <c:pt idx="1639">
                  <c:v>407.69900000000001</c:v>
                </c:pt>
                <c:pt idx="1640">
                  <c:v>407.80700000000002</c:v>
                </c:pt>
                <c:pt idx="1641">
                  <c:v>408.06099999999998</c:v>
                </c:pt>
                <c:pt idx="1642">
                  <c:v>408.58800000000002</c:v>
                </c:pt>
                <c:pt idx="1643">
                  <c:v>408.84300000000002</c:v>
                </c:pt>
                <c:pt idx="1644">
                  <c:v>409.12299999999999</c:v>
                </c:pt>
                <c:pt idx="1645">
                  <c:v>409.048</c:v>
                </c:pt>
                <c:pt idx="1646">
                  <c:v>409.327</c:v>
                </c:pt>
                <c:pt idx="1647">
                  <c:v>409.57900000000001</c:v>
                </c:pt>
                <c:pt idx="1648">
                  <c:v>409.786</c:v>
                </c:pt>
                <c:pt idx="1649">
                  <c:v>410.29500000000002</c:v>
                </c:pt>
                <c:pt idx="1650">
                  <c:v>410.38</c:v>
                </c:pt>
                <c:pt idx="1651">
                  <c:v>410.66199999999998</c:v>
                </c:pt>
                <c:pt idx="1652">
                  <c:v>410.84699999999998</c:v>
                </c:pt>
                <c:pt idx="1653">
                  <c:v>411.00799999999998</c:v>
                </c:pt>
                <c:pt idx="1654">
                  <c:v>411.31</c:v>
                </c:pt>
                <c:pt idx="1655">
                  <c:v>411.90800000000002</c:v>
                </c:pt>
                <c:pt idx="1656">
                  <c:v>412.25799999999998</c:v>
                </c:pt>
                <c:pt idx="1657">
                  <c:v>412.08199999999999</c:v>
                </c:pt>
                <c:pt idx="1658">
                  <c:v>412.34100000000001</c:v>
                </c:pt>
                <c:pt idx="1659">
                  <c:v>412.71899999999999</c:v>
                </c:pt>
                <c:pt idx="1660">
                  <c:v>413.16</c:v>
                </c:pt>
                <c:pt idx="1661">
                  <c:v>413.565</c:v>
                </c:pt>
                <c:pt idx="1662">
                  <c:v>413.95</c:v>
                </c:pt>
                <c:pt idx="1663">
                  <c:v>414.089</c:v>
                </c:pt>
                <c:pt idx="1664">
                  <c:v>414.34</c:v>
                </c:pt>
                <c:pt idx="1665">
                  <c:v>414.60300000000001</c:v>
                </c:pt>
                <c:pt idx="1666">
                  <c:v>414.80200000000002</c:v>
                </c:pt>
                <c:pt idx="1667">
                  <c:v>415.17200000000003</c:v>
                </c:pt>
                <c:pt idx="1668">
                  <c:v>415.14299999999997</c:v>
                </c:pt>
                <c:pt idx="1669">
                  <c:v>415.56400000000002</c:v>
                </c:pt>
                <c:pt idx="1670">
                  <c:v>415.82400000000001</c:v>
                </c:pt>
                <c:pt idx="1671">
                  <c:v>415.964</c:v>
                </c:pt>
                <c:pt idx="1672">
                  <c:v>416.30599999999998</c:v>
                </c:pt>
                <c:pt idx="1673">
                  <c:v>416.57600000000002</c:v>
                </c:pt>
                <c:pt idx="1674">
                  <c:v>416.61799999999999</c:v>
                </c:pt>
                <c:pt idx="1675">
                  <c:v>417.005</c:v>
                </c:pt>
                <c:pt idx="1676">
                  <c:v>417.32400000000001</c:v>
                </c:pt>
                <c:pt idx="1677">
                  <c:v>417.596</c:v>
                </c:pt>
                <c:pt idx="1678">
                  <c:v>417.78300000000002</c:v>
                </c:pt>
                <c:pt idx="1679">
                  <c:v>418.209</c:v>
                </c:pt>
                <c:pt idx="1680">
                  <c:v>418.77100000000002</c:v>
                </c:pt>
                <c:pt idx="1681">
                  <c:v>418.81400000000002</c:v>
                </c:pt>
                <c:pt idx="1682">
                  <c:v>419.22899999999998</c:v>
                </c:pt>
                <c:pt idx="1683">
                  <c:v>419.64</c:v>
                </c:pt>
                <c:pt idx="1684">
                  <c:v>419.851</c:v>
                </c:pt>
                <c:pt idx="1685">
                  <c:v>419.995</c:v>
                </c:pt>
                <c:pt idx="1686">
                  <c:v>420.28899999999999</c:v>
                </c:pt>
                <c:pt idx="1687">
                  <c:v>420.52100000000002</c:v>
                </c:pt>
                <c:pt idx="1688">
                  <c:v>420.77499999999998</c:v>
                </c:pt>
                <c:pt idx="1689">
                  <c:v>420.83300000000003</c:v>
                </c:pt>
                <c:pt idx="1690">
                  <c:v>421.125</c:v>
                </c:pt>
                <c:pt idx="1691">
                  <c:v>421.30700000000002</c:v>
                </c:pt>
                <c:pt idx="1692">
                  <c:v>421.61099999999999</c:v>
                </c:pt>
                <c:pt idx="1693">
                  <c:v>421.85700000000003</c:v>
                </c:pt>
                <c:pt idx="1694">
                  <c:v>422.245</c:v>
                </c:pt>
                <c:pt idx="1695">
                  <c:v>422.37700000000001</c:v>
                </c:pt>
                <c:pt idx="1696">
                  <c:v>422.73899999999998</c:v>
                </c:pt>
                <c:pt idx="1697">
                  <c:v>422.99099999999999</c:v>
                </c:pt>
                <c:pt idx="1698">
                  <c:v>423.33199999999999</c:v>
                </c:pt>
                <c:pt idx="1699">
                  <c:v>423.73899999999998</c:v>
                </c:pt>
                <c:pt idx="1700">
                  <c:v>423.96600000000001</c:v>
                </c:pt>
                <c:pt idx="1701">
                  <c:v>424.20499999999998</c:v>
                </c:pt>
                <c:pt idx="1702">
                  <c:v>424.435</c:v>
                </c:pt>
                <c:pt idx="1703">
                  <c:v>424.88799999999998</c:v>
                </c:pt>
                <c:pt idx="1704">
                  <c:v>425.221</c:v>
                </c:pt>
                <c:pt idx="1705">
                  <c:v>425.22699999999998</c:v>
                </c:pt>
                <c:pt idx="1706">
                  <c:v>425.61399999999998</c:v>
                </c:pt>
                <c:pt idx="1707">
                  <c:v>425.94099999999997</c:v>
                </c:pt>
                <c:pt idx="1708">
                  <c:v>426.13299999999998</c:v>
                </c:pt>
                <c:pt idx="1709">
                  <c:v>426.13400000000001</c:v>
                </c:pt>
                <c:pt idx="1710">
                  <c:v>426.39800000000002</c:v>
                </c:pt>
                <c:pt idx="1711">
                  <c:v>426.69900000000001</c:v>
                </c:pt>
                <c:pt idx="1712">
                  <c:v>427.01299999999998</c:v>
                </c:pt>
                <c:pt idx="1713">
                  <c:v>427.20400000000001</c:v>
                </c:pt>
                <c:pt idx="1714">
                  <c:v>427.678</c:v>
                </c:pt>
                <c:pt idx="1715">
                  <c:v>428.12900000000002</c:v>
                </c:pt>
                <c:pt idx="1716">
                  <c:v>428.28199999999998</c:v>
                </c:pt>
                <c:pt idx="1717">
                  <c:v>428.416</c:v>
                </c:pt>
                <c:pt idx="1718">
                  <c:v>428.726</c:v>
                </c:pt>
                <c:pt idx="1719">
                  <c:v>429.13600000000002</c:v>
                </c:pt>
                <c:pt idx="1720">
                  <c:v>429.45600000000002</c:v>
                </c:pt>
                <c:pt idx="1721">
                  <c:v>429.71199999999999</c:v>
                </c:pt>
                <c:pt idx="1722">
                  <c:v>429.92899999999997</c:v>
                </c:pt>
                <c:pt idx="1723">
                  <c:v>430.26</c:v>
                </c:pt>
                <c:pt idx="1724">
                  <c:v>430.34199999999998</c:v>
                </c:pt>
                <c:pt idx="1725">
                  <c:v>430.495</c:v>
                </c:pt>
                <c:pt idx="1726">
                  <c:v>430.71899999999999</c:v>
                </c:pt>
                <c:pt idx="1727">
                  <c:v>431.01499999999999</c:v>
                </c:pt>
                <c:pt idx="1728">
                  <c:v>431.39400000000001</c:v>
                </c:pt>
                <c:pt idx="1729">
                  <c:v>431.55799999999999</c:v>
                </c:pt>
                <c:pt idx="1730">
                  <c:v>431.45400000000001</c:v>
                </c:pt>
                <c:pt idx="1731">
                  <c:v>431.56799999999998</c:v>
                </c:pt>
                <c:pt idx="1732">
                  <c:v>432.05900000000003</c:v>
                </c:pt>
                <c:pt idx="1733">
                  <c:v>432.44099999999997</c:v>
                </c:pt>
                <c:pt idx="1734">
                  <c:v>432.762</c:v>
                </c:pt>
                <c:pt idx="1735">
                  <c:v>433.101</c:v>
                </c:pt>
                <c:pt idx="1736">
                  <c:v>433.358</c:v>
                </c:pt>
                <c:pt idx="1737">
                  <c:v>433.25099999999998</c:v>
                </c:pt>
                <c:pt idx="1738">
                  <c:v>433.62</c:v>
                </c:pt>
                <c:pt idx="1739">
                  <c:v>434.01799999999997</c:v>
                </c:pt>
                <c:pt idx="1740">
                  <c:v>434.11200000000002</c:v>
                </c:pt>
                <c:pt idx="1741">
                  <c:v>434.37599999999998</c:v>
                </c:pt>
                <c:pt idx="1742">
                  <c:v>434.87900000000002</c:v>
                </c:pt>
                <c:pt idx="1743">
                  <c:v>435.09199999999998</c:v>
                </c:pt>
                <c:pt idx="1744">
                  <c:v>435.34100000000001</c:v>
                </c:pt>
                <c:pt idx="1745">
                  <c:v>435.47199999999998</c:v>
                </c:pt>
                <c:pt idx="1746">
                  <c:v>435.96699999999998</c:v>
                </c:pt>
                <c:pt idx="1747">
                  <c:v>436.34300000000002</c:v>
                </c:pt>
                <c:pt idx="1748">
                  <c:v>436.17899999999997</c:v>
                </c:pt>
                <c:pt idx="1749">
                  <c:v>436.50299999999999</c:v>
                </c:pt>
                <c:pt idx="1750">
                  <c:v>436.99900000000002</c:v>
                </c:pt>
                <c:pt idx="1751">
                  <c:v>437.14499999999998</c:v>
                </c:pt>
                <c:pt idx="1752">
                  <c:v>437.358</c:v>
                </c:pt>
                <c:pt idx="1753">
                  <c:v>437.55599999999998</c:v>
                </c:pt>
                <c:pt idx="1754">
                  <c:v>437.84800000000001</c:v>
                </c:pt>
                <c:pt idx="1755">
                  <c:v>438.18299999999999</c:v>
                </c:pt>
                <c:pt idx="1756">
                  <c:v>438.46600000000001</c:v>
                </c:pt>
                <c:pt idx="1757">
                  <c:v>438.798</c:v>
                </c:pt>
                <c:pt idx="1758">
                  <c:v>439.28300000000002</c:v>
                </c:pt>
                <c:pt idx="1759">
                  <c:v>439.553</c:v>
                </c:pt>
                <c:pt idx="1760">
                  <c:v>439.71899999999999</c:v>
                </c:pt>
                <c:pt idx="1761">
                  <c:v>440.08300000000003</c:v>
                </c:pt>
                <c:pt idx="1762">
                  <c:v>440.49900000000002</c:v>
                </c:pt>
                <c:pt idx="1763">
                  <c:v>440.48099999999999</c:v>
                </c:pt>
                <c:pt idx="1764">
                  <c:v>440.78100000000001</c:v>
                </c:pt>
                <c:pt idx="1765">
                  <c:v>441.17200000000003</c:v>
                </c:pt>
                <c:pt idx="1766">
                  <c:v>441.31</c:v>
                </c:pt>
                <c:pt idx="1767">
                  <c:v>441.38600000000002</c:v>
                </c:pt>
                <c:pt idx="1768">
                  <c:v>441.83699999999999</c:v>
                </c:pt>
                <c:pt idx="1769">
                  <c:v>442.18099999999998</c:v>
                </c:pt>
                <c:pt idx="1770">
                  <c:v>442.41</c:v>
                </c:pt>
                <c:pt idx="1771">
                  <c:v>442.72399999999999</c:v>
                </c:pt>
                <c:pt idx="1772">
                  <c:v>442.73200000000003</c:v>
                </c:pt>
                <c:pt idx="1773">
                  <c:v>442.709</c:v>
                </c:pt>
                <c:pt idx="1774">
                  <c:v>443.19900000000001</c:v>
                </c:pt>
                <c:pt idx="1775">
                  <c:v>443.59300000000002</c:v>
                </c:pt>
                <c:pt idx="1776">
                  <c:v>443.822</c:v>
                </c:pt>
                <c:pt idx="1777">
                  <c:v>444.053</c:v>
                </c:pt>
                <c:pt idx="1778">
                  <c:v>444.45100000000002</c:v>
                </c:pt>
                <c:pt idx="1779">
                  <c:v>444.85700000000003</c:v>
                </c:pt>
                <c:pt idx="1780">
                  <c:v>444.92</c:v>
                </c:pt>
                <c:pt idx="1781">
                  <c:v>444.92099999999999</c:v>
                </c:pt>
                <c:pt idx="1782">
                  <c:v>445.31099999999998</c:v>
                </c:pt>
                <c:pt idx="1783">
                  <c:v>445.99</c:v>
                </c:pt>
                <c:pt idx="1784">
                  <c:v>445.88900000000001</c:v>
                </c:pt>
                <c:pt idx="1785">
                  <c:v>446.28500000000003</c:v>
                </c:pt>
                <c:pt idx="1786">
                  <c:v>446.47399999999999</c:v>
                </c:pt>
                <c:pt idx="1787">
                  <c:v>446.79399999999998</c:v>
                </c:pt>
                <c:pt idx="1788">
                  <c:v>447.029</c:v>
                </c:pt>
                <c:pt idx="1789">
                  <c:v>447.322</c:v>
                </c:pt>
                <c:pt idx="1790">
                  <c:v>447.642</c:v>
                </c:pt>
                <c:pt idx="1791">
                  <c:v>447.726</c:v>
                </c:pt>
                <c:pt idx="1792">
                  <c:v>448.21300000000002</c:v>
                </c:pt>
                <c:pt idx="1793">
                  <c:v>448.30200000000002</c:v>
                </c:pt>
                <c:pt idx="1794">
                  <c:v>448.57100000000003</c:v>
                </c:pt>
                <c:pt idx="1795">
                  <c:v>448.69900000000001</c:v>
                </c:pt>
                <c:pt idx="1796">
                  <c:v>449.12900000000002</c:v>
                </c:pt>
                <c:pt idx="1797">
                  <c:v>449.66199999999998</c:v>
                </c:pt>
                <c:pt idx="1798">
                  <c:v>449.82600000000002</c:v>
                </c:pt>
                <c:pt idx="1799">
                  <c:v>450.18200000000002</c:v>
                </c:pt>
                <c:pt idx="1800">
                  <c:v>450.55900000000003</c:v>
                </c:pt>
                <c:pt idx="1801">
                  <c:v>450.524</c:v>
                </c:pt>
                <c:pt idx="1802">
                  <c:v>450.649</c:v>
                </c:pt>
                <c:pt idx="1803">
                  <c:v>451.13200000000001</c:v>
                </c:pt>
                <c:pt idx="1804">
                  <c:v>451.31299999999999</c:v>
                </c:pt>
                <c:pt idx="1805">
                  <c:v>451.815</c:v>
                </c:pt>
                <c:pt idx="1806">
                  <c:v>452.05900000000003</c:v>
                </c:pt>
                <c:pt idx="1807">
                  <c:v>452.15199999999999</c:v>
                </c:pt>
                <c:pt idx="1808">
                  <c:v>452.53100000000001</c:v>
                </c:pt>
                <c:pt idx="1809">
                  <c:v>452.81700000000001</c:v>
                </c:pt>
                <c:pt idx="1810">
                  <c:v>452.995</c:v>
                </c:pt>
                <c:pt idx="1811">
                  <c:v>453.26499999999999</c:v>
                </c:pt>
                <c:pt idx="1812">
                  <c:v>453.577</c:v>
                </c:pt>
                <c:pt idx="1813">
                  <c:v>453.75200000000001</c:v>
                </c:pt>
                <c:pt idx="1814">
                  <c:v>454.17200000000003</c:v>
                </c:pt>
                <c:pt idx="1815">
                  <c:v>454.26400000000001</c:v>
                </c:pt>
                <c:pt idx="1816">
                  <c:v>454.404</c:v>
                </c:pt>
                <c:pt idx="1817">
                  <c:v>454.7</c:v>
                </c:pt>
                <c:pt idx="1818">
                  <c:v>454.84500000000003</c:v>
                </c:pt>
                <c:pt idx="1819">
                  <c:v>455.13200000000001</c:v>
                </c:pt>
                <c:pt idx="1820">
                  <c:v>455.50099999999998</c:v>
                </c:pt>
                <c:pt idx="1821">
                  <c:v>455.363</c:v>
                </c:pt>
                <c:pt idx="1822">
                  <c:v>455.54599999999999</c:v>
                </c:pt>
                <c:pt idx="1823">
                  <c:v>455.90699999999998</c:v>
                </c:pt>
                <c:pt idx="1824">
                  <c:v>456.00200000000001</c:v>
                </c:pt>
                <c:pt idx="1825">
                  <c:v>456.27699999999999</c:v>
                </c:pt>
                <c:pt idx="1826">
                  <c:v>456.76900000000001</c:v>
                </c:pt>
                <c:pt idx="1827">
                  <c:v>457.15600000000001</c:v>
                </c:pt>
                <c:pt idx="1828">
                  <c:v>457.416</c:v>
                </c:pt>
                <c:pt idx="1829">
                  <c:v>457.77100000000002</c:v>
                </c:pt>
                <c:pt idx="1830">
                  <c:v>457.89499999999998</c:v>
                </c:pt>
                <c:pt idx="1831">
                  <c:v>457.91500000000002</c:v>
                </c:pt>
                <c:pt idx="1832">
                  <c:v>458.52499999999998</c:v>
                </c:pt>
                <c:pt idx="1833">
                  <c:v>458.88900000000001</c:v>
                </c:pt>
                <c:pt idx="1834">
                  <c:v>459.32</c:v>
                </c:pt>
                <c:pt idx="1835">
                  <c:v>459.55</c:v>
                </c:pt>
                <c:pt idx="1836">
                  <c:v>459.65600000000001</c:v>
                </c:pt>
                <c:pt idx="1837">
                  <c:v>460.06200000000001</c:v>
                </c:pt>
                <c:pt idx="1838">
                  <c:v>460.221</c:v>
                </c:pt>
                <c:pt idx="1839">
                  <c:v>460.47300000000001</c:v>
                </c:pt>
                <c:pt idx="1840">
                  <c:v>460.50599999999997</c:v>
                </c:pt>
                <c:pt idx="1841">
                  <c:v>460.786</c:v>
                </c:pt>
                <c:pt idx="1842">
                  <c:v>460.87099999999998</c:v>
                </c:pt>
                <c:pt idx="1843">
                  <c:v>461.10899999999998</c:v>
                </c:pt>
                <c:pt idx="1844">
                  <c:v>461.68799999999999</c:v>
                </c:pt>
                <c:pt idx="1845">
                  <c:v>461.89</c:v>
                </c:pt>
                <c:pt idx="1846">
                  <c:v>462.096</c:v>
                </c:pt>
                <c:pt idx="1847">
                  <c:v>462.26799999999997</c:v>
                </c:pt>
                <c:pt idx="1848">
                  <c:v>462.404</c:v>
                </c:pt>
                <c:pt idx="1849">
                  <c:v>462.54300000000001</c:v>
                </c:pt>
                <c:pt idx="1850">
                  <c:v>462.822</c:v>
                </c:pt>
                <c:pt idx="1851">
                  <c:v>462.93700000000001</c:v>
                </c:pt>
                <c:pt idx="1852">
                  <c:v>463.18200000000002</c:v>
                </c:pt>
                <c:pt idx="1853">
                  <c:v>463.54399999999998</c:v>
                </c:pt>
                <c:pt idx="1854">
                  <c:v>463.762</c:v>
                </c:pt>
                <c:pt idx="1855">
                  <c:v>464.26600000000002</c:v>
                </c:pt>
                <c:pt idx="1856">
                  <c:v>464.43900000000002</c:v>
                </c:pt>
                <c:pt idx="1857">
                  <c:v>464.62599999999998</c:v>
                </c:pt>
                <c:pt idx="1858">
                  <c:v>464.96</c:v>
                </c:pt>
                <c:pt idx="1859">
                  <c:v>465.125</c:v>
                </c:pt>
                <c:pt idx="1860">
                  <c:v>465.26</c:v>
                </c:pt>
                <c:pt idx="1861">
                  <c:v>465.471</c:v>
                </c:pt>
                <c:pt idx="1862">
                  <c:v>466.19799999999998</c:v>
                </c:pt>
                <c:pt idx="1863">
                  <c:v>466.46199999999999</c:v>
                </c:pt>
                <c:pt idx="1864">
                  <c:v>466.89800000000002</c:v>
                </c:pt>
                <c:pt idx="1865">
                  <c:v>466.72399999999999</c:v>
                </c:pt>
                <c:pt idx="1866">
                  <c:v>467.21499999999997</c:v>
                </c:pt>
                <c:pt idx="1867">
                  <c:v>467.47199999999998</c:v>
                </c:pt>
                <c:pt idx="1868">
                  <c:v>467.57900000000001</c:v>
                </c:pt>
                <c:pt idx="1869">
                  <c:v>467.61099999999999</c:v>
                </c:pt>
                <c:pt idx="1870">
                  <c:v>467.976</c:v>
                </c:pt>
                <c:pt idx="1871">
                  <c:v>468.14400000000001</c:v>
                </c:pt>
                <c:pt idx="1872">
                  <c:v>468.685</c:v>
                </c:pt>
                <c:pt idx="1873">
                  <c:v>469.26400000000001</c:v>
                </c:pt>
                <c:pt idx="1874">
                  <c:v>469.40499999999997</c:v>
                </c:pt>
                <c:pt idx="1875">
                  <c:v>469.73399999999998</c:v>
                </c:pt>
                <c:pt idx="1876">
                  <c:v>470.12700000000001</c:v>
                </c:pt>
                <c:pt idx="1877">
                  <c:v>469.98899999999998</c:v>
                </c:pt>
                <c:pt idx="1878">
                  <c:v>470.52699999999999</c:v>
                </c:pt>
                <c:pt idx="1879">
                  <c:v>470.83199999999999</c:v>
                </c:pt>
                <c:pt idx="1880">
                  <c:v>470.94400000000002</c:v>
                </c:pt>
                <c:pt idx="1881">
                  <c:v>471.00099999999998</c:v>
                </c:pt>
                <c:pt idx="1882">
                  <c:v>471.38200000000001</c:v>
                </c:pt>
                <c:pt idx="1883">
                  <c:v>472.02100000000002</c:v>
                </c:pt>
                <c:pt idx="1884">
                  <c:v>472.23599999999999</c:v>
                </c:pt>
                <c:pt idx="1885">
                  <c:v>472.54300000000001</c:v>
                </c:pt>
                <c:pt idx="1886">
                  <c:v>473.07100000000003</c:v>
                </c:pt>
                <c:pt idx="1887">
                  <c:v>473.48099999999999</c:v>
                </c:pt>
                <c:pt idx="1888">
                  <c:v>473.77800000000002</c:v>
                </c:pt>
                <c:pt idx="1889">
                  <c:v>473.84300000000002</c:v>
                </c:pt>
                <c:pt idx="1890">
                  <c:v>473.97399999999999</c:v>
                </c:pt>
                <c:pt idx="1891">
                  <c:v>474.01600000000002</c:v>
                </c:pt>
                <c:pt idx="1892">
                  <c:v>474.27800000000002</c:v>
                </c:pt>
                <c:pt idx="1893">
                  <c:v>474.47800000000001</c:v>
                </c:pt>
                <c:pt idx="1894">
                  <c:v>474.68</c:v>
                </c:pt>
                <c:pt idx="1895">
                  <c:v>474.70299999999997</c:v>
                </c:pt>
                <c:pt idx="1896">
                  <c:v>475.12700000000001</c:v>
                </c:pt>
                <c:pt idx="1897">
                  <c:v>475.642</c:v>
                </c:pt>
                <c:pt idx="1898">
                  <c:v>475.86900000000003</c:v>
                </c:pt>
                <c:pt idx="1899">
                  <c:v>476</c:v>
                </c:pt>
                <c:pt idx="1900">
                  <c:v>476.20600000000002</c:v>
                </c:pt>
                <c:pt idx="1901">
                  <c:v>476.50299999999999</c:v>
                </c:pt>
                <c:pt idx="1902">
                  <c:v>476.69</c:v>
                </c:pt>
                <c:pt idx="1903">
                  <c:v>476.93099999999998</c:v>
                </c:pt>
                <c:pt idx="1904">
                  <c:v>477.31400000000002</c:v>
                </c:pt>
                <c:pt idx="1905">
                  <c:v>477.78100000000001</c:v>
                </c:pt>
                <c:pt idx="1906">
                  <c:v>477.93900000000002</c:v>
                </c:pt>
                <c:pt idx="1907">
                  <c:v>477.767</c:v>
                </c:pt>
                <c:pt idx="1908">
                  <c:v>477.93599999999998</c:v>
                </c:pt>
                <c:pt idx="1909">
                  <c:v>478.238</c:v>
                </c:pt>
                <c:pt idx="1910">
                  <c:v>478.6</c:v>
                </c:pt>
                <c:pt idx="1911">
                  <c:v>478.86900000000003</c:v>
                </c:pt>
                <c:pt idx="1912">
                  <c:v>479.36399999999998</c:v>
                </c:pt>
                <c:pt idx="1913">
                  <c:v>479.64600000000002</c:v>
                </c:pt>
                <c:pt idx="1914">
                  <c:v>480.161</c:v>
                </c:pt>
                <c:pt idx="1915">
                  <c:v>480.13</c:v>
                </c:pt>
                <c:pt idx="1916">
                  <c:v>480.49</c:v>
                </c:pt>
                <c:pt idx="1917">
                  <c:v>481.13499999999999</c:v>
                </c:pt>
                <c:pt idx="1918">
                  <c:v>481.66899999999998</c:v>
                </c:pt>
                <c:pt idx="1919">
                  <c:v>481.65800000000002</c:v>
                </c:pt>
                <c:pt idx="1920">
                  <c:v>481.79500000000002</c:v>
                </c:pt>
                <c:pt idx="1921">
                  <c:v>482.15300000000002</c:v>
                </c:pt>
                <c:pt idx="1922">
                  <c:v>482.37700000000001</c:v>
                </c:pt>
                <c:pt idx="1923">
                  <c:v>482.255</c:v>
                </c:pt>
                <c:pt idx="1924">
                  <c:v>482.40100000000001</c:v>
                </c:pt>
                <c:pt idx="1925">
                  <c:v>482.53100000000001</c:v>
                </c:pt>
                <c:pt idx="1926">
                  <c:v>482.738</c:v>
                </c:pt>
                <c:pt idx="1927">
                  <c:v>483.07400000000001</c:v>
                </c:pt>
                <c:pt idx="1928">
                  <c:v>483.37200000000001</c:v>
                </c:pt>
                <c:pt idx="1929">
                  <c:v>483.57600000000002</c:v>
                </c:pt>
                <c:pt idx="1930">
                  <c:v>483.89699999999999</c:v>
                </c:pt>
                <c:pt idx="1931">
                  <c:v>484.37</c:v>
                </c:pt>
                <c:pt idx="1932">
                  <c:v>484.41699999999997</c:v>
                </c:pt>
                <c:pt idx="1933">
                  <c:v>484.80399999999997</c:v>
                </c:pt>
                <c:pt idx="1934">
                  <c:v>485.37299999999999</c:v>
                </c:pt>
                <c:pt idx="1935">
                  <c:v>485.63400000000001</c:v>
                </c:pt>
                <c:pt idx="1936">
                  <c:v>485.54</c:v>
                </c:pt>
                <c:pt idx="1937">
                  <c:v>485.69900000000001</c:v>
                </c:pt>
                <c:pt idx="1938">
                  <c:v>486.47500000000002</c:v>
                </c:pt>
                <c:pt idx="1939">
                  <c:v>486.65100000000001</c:v>
                </c:pt>
                <c:pt idx="1940">
                  <c:v>486.68400000000003</c:v>
                </c:pt>
                <c:pt idx="1941">
                  <c:v>487.14</c:v>
                </c:pt>
                <c:pt idx="1942">
                  <c:v>487.42399999999998</c:v>
                </c:pt>
                <c:pt idx="1943">
                  <c:v>487.96</c:v>
                </c:pt>
                <c:pt idx="1944">
                  <c:v>488.25400000000002</c:v>
                </c:pt>
                <c:pt idx="1945">
                  <c:v>488.42700000000002</c:v>
                </c:pt>
                <c:pt idx="1946">
                  <c:v>488.81400000000002</c:v>
                </c:pt>
                <c:pt idx="1947">
                  <c:v>489.05099999999999</c:v>
                </c:pt>
                <c:pt idx="1948">
                  <c:v>489.40100000000001</c:v>
                </c:pt>
                <c:pt idx="1949">
                  <c:v>489.62700000000001</c:v>
                </c:pt>
                <c:pt idx="1950">
                  <c:v>490.02</c:v>
                </c:pt>
                <c:pt idx="1951">
                  <c:v>489.96800000000002</c:v>
                </c:pt>
                <c:pt idx="1952">
                  <c:v>490.24299999999999</c:v>
                </c:pt>
                <c:pt idx="1953">
                  <c:v>490.66199999999998</c:v>
                </c:pt>
                <c:pt idx="1954">
                  <c:v>490.63499999999999</c:v>
                </c:pt>
                <c:pt idx="1955">
                  <c:v>490.74099999999999</c:v>
                </c:pt>
                <c:pt idx="1956">
                  <c:v>491.25799999999998</c:v>
                </c:pt>
                <c:pt idx="1957">
                  <c:v>491.43299999999999</c:v>
                </c:pt>
                <c:pt idx="1958">
                  <c:v>492.089</c:v>
                </c:pt>
                <c:pt idx="1959">
                  <c:v>492.19499999999999</c:v>
                </c:pt>
                <c:pt idx="1960">
                  <c:v>492.19499999999999</c:v>
                </c:pt>
                <c:pt idx="1961">
                  <c:v>492.32600000000002</c:v>
                </c:pt>
                <c:pt idx="1962">
                  <c:v>492.70400000000001</c:v>
                </c:pt>
                <c:pt idx="1963">
                  <c:v>493.07400000000001</c:v>
                </c:pt>
                <c:pt idx="1964">
                  <c:v>493.38600000000002</c:v>
                </c:pt>
                <c:pt idx="1965">
                  <c:v>493.65100000000001</c:v>
                </c:pt>
                <c:pt idx="1966">
                  <c:v>494.20699999999999</c:v>
                </c:pt>
                <c:pt idx="1967">
                  <c:v>494.47800000000001</c:v>
                </c:pt>
                <c:pt idx="1968">
                  <c:v>494.68400000000003</c:v>
                </c:pt>
                <c:pt idx="1969">
                  <c:v>495.22300000000001</c:v>
                </c:pt>
                <c:pt idx="1970">
                  <c:v>495.25</c:v>
                </c:pt>
                <c:pt idx="1971">
                  <c:v>495.28199999999998</c:v>
                </c:pt>
                <c:pt idx="1972">
                  <c:v>495.53100000000001</c:v>
                </c:pt>
                <c:pt idx="1973">
                  <c:v>495.64499999999998</c:v>
                </c:pt>
                <c:pt idx="1974">
                  <c:v>495.90100000000001</c:v>
                </c:pt>
                <c:pt idx="1975">
                  <c:v>496.59399999999999</c:v>
                </c:pt>
                <c:pt idx="1976">
                  <c:v>496.82799999999997</c:v>
                </c:pt>
                <c:pt idx="1977">
                  <c:v>497.33</c:v>
                </c:pt>
                <c:pt idx="1978">
                  <c:v>497.214</c:v>
                </c:pt>
                <c:pt idx="1979">
                  <c:v>497.26100000000002</c:v>
                </c:pt>
                <c:pt idx="1980">
                  <c:v>497.28800000000001</c:v>
                </c:pt>
                <c:pt idx="1981">
                  <c:v>497.51</c:v>
                </c:pt>
                <c:pt idx="1982">
                  <c:v>497.69799999999998</c:v>
                </c:pt>
                <c:pt idx="1983">
                  <c:v>497.87299999999999</c:v>
                </c:pt>
                <c:pt idx="1984">
                  <c:v>498.40199999999999</c:v>
                </c:pt>
                <c:pt idx="1985">
                  <c:v>498.89100000000002</c:v>
                </c:pt>
                <c:pt idx="1986">
                  <c:v>498.97699999999998</c:v>
                </c:pt>
                <c:pt idx="1987">
                  <c:v>499.09100000000001</c:v>
                </c:pt>
                <c:pt idx="1988">
                  <c:v>499.55399999999997</c:v>
                </c:pt>
                <c:pt idx="1989">
                  <c:v>500.06400000000002</c:v>
                </c:pt>
                <c:pt idx="1990">
                  <c:v>500.02199999999999</c:v>
                </c:pt>
                <c:pt idx="1991">
                  <c:v>500.21800000000002</c:v>
                </c:pt>
                <c:pt idx="1992">
                  <c:v>500.33600000000001</c:v>
                </c:pt>
                <c:pt idx="1993">
                  <c:v>500.35</c:v>
                </c:pt>
                <c:pt idx="1994">
                  <c:v>500.745</c:v>
                </c:pt>
                <c:pt idx="1995">
                  <c:v>501.07</c:v>
                </c:pt>
                <c:pt idx="1996">
                  <c:v>501.36700000000002</c:v>
                </c:pt>
                <c:pt idx="1997">
                  <c:v>501.93700000000001</c:v>
                </c:pt>
                <c:pt idx="1998">
                  <c:v>502.447</c:v>
                </c:pt>
                <c:pt idx="1999">
                  <c:v>502.714</c:v>
                </c:pt>
                <c:pt idx="2000">
                  <c:v>503.13099999999997</c:v>
                </c:pt>
                <c:pt idx="2001">
                  <c:v>503.47300000000001</c:v>
                </c:pt>
                <c:pt idx="2002">
                  <c:v>503.334</c:v>
                </c:pt>
                <c:pt idx="2003">
                  <c:v>503.488</c:v>
                </c:pt>
                <c:pt idx="2004">
                  <c:v>504.14100000000002</c:v>
                </c:pt>
                <c:pt idx="2005">
                  <c:v>504.25700000000001</c:v>
                </c:pt>
                <c:pt idx="2006">
                  <c:v>504.27699999999999</c:v>
                </c:pt>
                <c:pt idx="2007">
                  <c:v>504.31400000000002</c:v>
                </c:pt>
                <c:pt idx="2008">
                  <c:v>504.70699999999999</c:v>
                </c:pt>
                <c:pt idx="2009">
                  <c:v>505.18200000000002</c:v>
                </c:pt>
                <c:pt idx="2010">
                  <c:v>505.73500000000001</c:v>
                </c:pt>
                <c:pt idx="2011">
                  <c:v>505.791</c:v>
                </c:pt>
                <c:pt idx="2012">
                  <c:v>505.55399999999997</c:v>
                </c:pt>
                <c:pt idx="2013">
                  <c:v>505.964</c:v>
                </c:pt>
                <c:pt idx="2014">
                  <c:v>506.58100000000002</c:v>
                </c:pt>
                <c:pt idx="2015">
                  <c:v>506.95499999999998</c:v>
                </c:pt>
                <c:pt idx="2016">
                  <c:v>506.84699999999998</c:v>
                </c:pt>
                <c:pt idx="2017">
                  <c:v>507.041</c:v>
                </c:pt>
                <c:pt idx="2018">
                  <c:v>507.50200000000001</c:v>
                </c:pt>
                <c:pt idx="2019">
                  <c:v>508.01499999999999</c:v>
                </c:pt>
                <c:pt idx="2020">
                  <c:v>508.202</c:v>
                </c:pt>
                <c:pt idx="2021">
                  <c:v>508.48399999999998</c:v>
                </c:pt>
                <c:pt idx="2022">
                  <c:v>508.72899999999998</c:v>
                </c:pt>
                <c:pt idx="2023">
                  <c:v>509.10700000000003</c:v>
                </c:pt>
                <c:pt idx="2024">
                  <c:v>509.64600000000002</c:v>
                </c:pt>
                <c:pt idx="2025">
                  <c:v>509.60700000000003</c:v>
                </c:pt>
                <c:pt idx="2026">
                  <c:v>509.83</c:v>
                </c:pt>
                <c:pt idx="2027">
                  <c:v>509.81</c:v>
                </c:pt>
                <c:pt idx="2028">
                  <c:v>509.96899999999999</c:v>
                </c:pt>
                <c:pt idx="2029">
                  <c:v>510.63299999999998</c:v>
                </c:pt>
                <c:pt idx="2030">
                  <c:v>511.02800000000002</c:v>
                </c:pt>
                <c:pt idx="2031">
                  <c:v>511.41500000000002</c:v>
                </c:pt>
                <c:pt idx="2032">
                  <c:v>511.608</c:v>
                </c:pt>
                <c:pt idx="2033">
                  <c:v>511.86900000000003</c:v>
                </c:pt>
                <c:pt idx="2034">
                  <c:v>511.964</c:v>
                </c:pt>
                <c:pt idx="2035">
                  <c:v>512.35699999999997</c:v>
                </c:pt>
                <c:pt idx="2036">
                  <c:v>512.46900000000005</c:v>
                </c:pt>
                <c:pt idx="2037">
                  <c:v>512.61900000000003</c:v>
                </c:pt>
                <c:pt idx="2038">
                  <c:v>513.18100000000004</c:v>
                </c:pt>
                <c:pt idx="2039">
                  <c:v>513.56200000000001</c:v>
                </c:pt>
                <c:pt idx="2040">
                  <c:v>513.49900000000002</c:v>
                </c:pt>
                <c:pt idx="2041">
                  <c:v>513.79899999999998</c:v>
                </c:pt>
                <c:pt idx="2042">
                  <c:v>514.29600000000005</c:v>
                </c:pt>
                <c:pt idx="2043">
                  <c:v>514.49300000000005</c:v>
                </c:pt>
                <c:pt idx="2044">
                  <c:v>514.70100000000002</c:v>
                </c:pt>
                <c:pt idx="2045">
                  <c:v>514.92499999999995</c:v>
                </c:pt>
                <c:pt idx="2046">
                  <c:v>515.22699999999998</c:v>
                </c:pt>
                <c:pt idx="2047">
                  <c:v>515.12800000000004</c:v>
                </c:pt>
                <c:pt idx="2048">
                  <c:v>515.50699999999995</c:v>
                </c:pt>
                <c:pt idx="2049">
                  <c:v>516.327</c:v>
                </c:pt>
                <c:pt idx="2050">
                  <c:v>516.52800000000002</c:v>
                </c:pt>
                <c:pt idx="2051">
                  <c:v>516.88</c:v>
                </c:pt>
                <c:pt idx="2052">
                  <c:v>517.17700000000002</c:v>
                </c:pt>
                <c:pt idx="2053">
                  <c:v>517.21600000000001</c:v>
                </c:pt>
                <c:pt idx="2054">
                  <c:v>517.38599999999997</c:v>
                </c:pt>
                <c:pt idx="2055">
                  <c:v>517.56899999999996</c:v>
                </c:pt>
                <c:pt idx="2056">
                  <c:v>517.98800000000006</c:v>
                </c:pt>
                <c:pt idx="2057">
                  <c:v>518.11900000000003</c:v>
                </c:pt>
                <c:pt idx="2058">
                  <c:v>518.505</c:v>
                </c:pt>
                <c:pt idx="2059">
                  <c:v>518.55100000000004</c:v>
                </c:pt>
                <c:pt idx="2060">
                  <c:v>519.21799999999996</c:v>
                </c:pt>
                <c:pt idx="2061">
                  <c:v>519.37699999999995</c:v>
                </c:pt>
                <c:pt idx="2062">
                  <c:v>519.53800000000001</c:v>
                </c:pt>
                <c:pt idx="2063">
                  <c:v>519.76400000000001</c:v>
                </c:pt>
                <c:pt idx="2064">
                  <c:v>519.81399999999996</c:v>
                </c:pt>
                <c:pt idx="2065">
                  <c:v>520.18100000000004</c:v>
                </c:pt>
                <c:pt idx="2066">
                  <c:v>520.41499999999996</c:v>
                </c:pt>
                <c:pt idx="2067">
                  <c:v>520.57000000000005</c:v>
                </c:pt>
                <c:pt idx="2068">
                  <c:v>520.41700000000003</c:v>
                </c:pt>
                <c:pt idx="2069">
                  <c:v>520.91899999999998</c:v>
                </c:pt>
                <c:pt idx="2070">
                  <c:v>521.43100000000004</c:v>
                </c:pt>
                <c:pt idx="2071">
                  <c:v>521.70100000000002</c:v>
                </c:pt>
                <c:pt idx="2072">
                  <c:v>521.93899999999996</c:v>
                </c:pt>
                <c:pt idx="2073">
                  <c:v>522.38900000000001</c:v>
                </c:pt>
                <c:pt idx="2074">
                  <c:v>522.89300000000003</c:v>
                </c:pt>
                <c:pt idx="2075">
                  <c:v>523.245</c:v>
                </c:pt>
                <c:pt idx="2076">
                  <c:v>523.44200000000001</c:v>
                </c:pt>
                <c:pt idx="2077">
                  <c:v>523.80899999999997</c:v>
                </c:pt>
                <c:pt idx="2078">
                  <c:v>524.43700000000001</c:v>
                </c:pt>
                <c:pt idx="2079">
                  <c:v>524.42200000000003</c:v>
                </c:pt>
                <c:pt idx="2080">
                  <c:v>524.75900000000001</c:v>
                </c:pt>
                <c:pt idx="2081">
                  <c:v>524.79300000000001</c:v>
                </c:pt>
                <c:pt idx="2082">
                  <c:v>524.77099999999996</c:v>
                </c:pt>
                <c:pt idx="2083">
                  <c:v>524.995</c:v>
                </c:pt>
                <c:pt idx="2084">
                  <c:v>525.78700000000003</c:v>
                </c:pt>
                <c:pt idx="2085">
                  <c:v>525.96400000000006</c:v>
                </c:pt>
                <c:pt idx="2086">
                  <c:v>526.10799999999995</c:v>
                </c:pt>
                <c:pt idx="2087">
                  <c:v>526.08399999999995</c:v>
                </c:pt>
                <c:pt idx="2088">
                  <c:v>526.74300000000005</c:v>
                </c:pt>
                <c:pt idx="2089">
                  <c:v>527.06899999999996</c:v>
                </c:pt>
                <c:pt idx="2090">
                  <c:v>527.21299999999997</c:v>
                </c:pt>
                <c:pt idx="2091">
                  <c:v>527.09799999999996</c:v>
                </c:pt>
                <c:pt idx="2092">
                  <c:v>527.36099999999999</c:v>
                </c:pt>
                <c:pt idx="2093">
                  <c:v>527.41499999999996</c:v>
                </c:pt>
                <c:pt idx="2094">
                  <c:v>528.03800000000001</c:v>
                </c:pt>
                <c:pt idx="2095">
                  <c:v>528.24699999999996</c:v>
                </c:pt>
                <c:pt idx="2096">
                  <c:v>528.24900000000002</c:v>
                </c:pt>
                <c:pt idx="2097">
                  <c:v>528.54899999999998</c:v>
                </c:pt>
                <c:pt idx="2098">
                  <c:v>528.99400000000003</c:v>
                </c:pt>
                <c:pt idx="2099">
                  <c:v>529.27499999999998</c:v>
                </c:pt>
                <c:pt idx="2100">
                  <c:v>529.49699999999996</c:v>
                </c:pt>
                <c:pt idx="2101">
                  <c:v>530.10400000000004</c:v>
                </c:pt>
                <c:pt idx="2102">
                  <c:v>530.06200000000001</c:v>
                </c:pt>
                <c:pt idx="2103">
                  <c:v>530.45699999999999</c:v>
                </c:pt>
                <c:pt idx="2104">
                  <c:v>530.49400000000003</c:v>
                </c:pt>
                <c:pt idx="2105">
                  <c:v>530.88599999999997</c:v>
                </c:pt>
                <c:pt idx="2106">
                  <c:v>531.00699999999995</c:v>
                </c:pt>
                <c:pt idx="2107">
                  <c:v>530.98500000000001</c:v>
                </c:pt>
                <c:pt idx="2108">
                  <c:v>531.52499999999998</c:v>
                </c:pt>
                <c:pt idx="2109">
                  <c:v>531.54200000000003</c:v>
                </c:pt>
                <c:pt idx="2110">
                  <c:v>531.75800000000004</c:v>
                </c:pt>
                <c:pt idx="2111">
                  <c:v>532.06399999999996</c:v>
                </c:pt>
                <c:pt idx="2112">
                  <c:v>532.13199999999995</c:v>
                </c:pt>
                <c:pt idx="2113">
                  <c:v>532.346</c:v>
                </c:pt>
                <c:pt idx="2114">
                  <c:v>532.375</c:v>
                </c:pt>
                <c:pt idx="2115">
                  <c:v>533.11500000000001</c:v>
                </c:pt>
                <c:pt idx="2116">
                  <c:v>533.47799999999995</c:v>
                </c:pt>
                <c:pt idx="2117">
                  <c:v>533.93899999999996</c:v>
                </c:pt>
                <c:pt idx="2118">
                  <c:v>533.80100000000004</c:v>
                </c:pt>
                <c:pt idx="2119">
                  <c:v>534.08299999999997</c:v>
                </c:pt>
                <c:pt idx="2120">
                  <c:v>534.71400000000006</c:v>
                </c:pt>
                <c:pt idx="2121">
                  <c:v>535.18600000000004</c:v>
                </c:pt>
                <c:pt idx="2122">
                  <c:v>535.495</c:v>
                </c:pt>
                <c:pt idx="2123">
                  <c:v>535.61</c:v>
                </c:pt>
                <c:pt idx="2124">
                  <c:v>535.87300000000005</c:v>
                </c:pt>
                <c:pt idx="2125">
                  <c:v>535.96900000000005</c:v>
                </c:pt>
                <c:pt idx="2126">
                  <c:v>536.25300000000004</c:v>
                </c:pt>
                <c:pt idx="2127">
                  <c:v>536.68399999999997</c:v>
                </c:pt>
                <c:pt idx="2128">
                  <c:v>536.44000000000005</c:v>
                </c:pt>
                <c:pt idx="2129">
                  <c:v>536.74</c:v>
                </c:pt>
                <c:pt idx="2130">
                  <c:v>537.12099999999998</c:v>
                </c:pt>
                <c:pt idx="2131">
                  <c:v>537.678</c:v>
                </c:pt>
                <c:pt idx="2132">
                  <c:v>537.51599999999996</c:v>
                </c:pt>
                <c:pt idx="2133">
                  <c:v>537.59500000000003</c:v>
                </c:pt>
                <c:pt idx="2134">
                  <c:v>537.81299999999999</c:v>
                </c:pt>
                <c:pt idx="2135">
                  <c:v>538.04700000000003</c:v>
                </c:pt>
                <c:pt idx="2136">
                  <c:v>538.399</c:v>
                </c:pt>
                <c:pt idx="2137">
                  <c:v>539.00800000000004</c:v>
                </c:pt>
                <c:pt idx="2138">
                  <c:v>539.71100000000001</c:v>
                </c:pt>
                <c:pt idx="2139">
                  <c:v>539.86099999999999</c:v>
                </c:pt>
                <c:pt idx="2140">
                  <c:v>540.28800000000001</c:v>
                </c:pt>
                <c:pt idx="2141">
                  <c:v>540.57799999999997</c:v>
                </c:pt>
                <c:pt idx="2142">
                  <c:v>540.26800000000003</c:v>
                </c:pt>
                <c:pt idx="2143">
                  <c:v>540.46199999999999</c:v>
                </c:pt>
                <c:pt idx="2144">
                  <c:v>540.84199999999998</c:v>
                </c:pt>
                <c:pt idx="2145">
                  <c:v>541.35500000000002</c:v>
                </c:pt>
                <c:pt idx="2146">
                  <c:v>541.55100000000004</c:v>
                </c:pt>
                <c:pt idx="2147">
                  <c:v>541.38400000000001</c:v>
                </c:pt>
                <c:pt idx="2148">
                  <c:v>541.98199999999997</c:v>
                </c:pt>
                <c:pt idx="2149">
                  <c:v>542.64499999999998</c:v>
                </c:pt>
                <c:pt idx="2150">
                  <c:v>542.71799999999996</c:v>
                </c:pt>
                <c:pt idx="2151">
                  <c:v>542.93399999999997</c:v>
                </c:pt>
                <c:pt idx="2152">
                  <c:v>542.93200000000002</c:v>
                </c:pt>
                <c:pt idx="2153">
                  <c:v>543.74400000000003</c:v>
                </c:pt>
                <c:pt idx="2154">
                  <c:v>544.06600000000003</c:v>
                </c:pt>
                <c:pt idx="2155">
                  <c:v>544.28700000000003</c:v>
                </c:pt>
                <c:pt idx="2156">
                  <c:v>544.16999999999996</c:v>
                </c:pt>
                <c:pt idx="2157">
                  <c:v>544.40700000000004</c:v>
                </c:pt>
                <c:pt idx="2158">
                  <c:v>544.41099999999994</c:v>
                </c:pt>
                <c:pt idx="2159">
                  <c:v>544.54399999999998</c:v>
                </c:pt>
                <c:pt idx="2160">
                  <c:v>544.875</c:v>
                </c:pt>
                <c:pt idx="2161">
                  <c:v>545.25099999999998</c:v>
                </c:pt>
                <c:pt idx="2162">
                  <c:v>545.50099999999998</c:v>
                </c:pt>
                <c:pt idx="2163">
                  <c:v>545.976</c:v>
                </c:pt>
                <c:pt idx="2164">
                  <c:v>545.98900000000003</c:v>
                </c:pt>
                <c:pt idx="2165">
                  <c:v>546.06899999999996</c:v>
                </c:pt>
                <c:pt idx="2166">
                  <c:v>545.93600000000004</c:v>
                </c:pt>
                <c:pt idx="2167">
                  <c:v>546.37199999999996</c:v>
                </c:pt>
                <c:pt idx="2168">
                  <c:v>546.76900000000001</c:v>
                </c:pt>
                <c:pt idx="2169">
                  <c:v>547.27200000000005</c:v>
                </c:pt>
                <c:pt idx="2170">
                  <c:v>547.42200000000003</c:v>
                </c:pt>
                <c:pt idx="2171">
                  <c:v>547.62300000000005</c:v>
                </c:pt>
                <c:pt idx="2172">
                  <c:v>547.44200000000001</c:v>
                </c:pt>
                <c:pt idx="2173">
                  <c:v>548.10199999999998</c:v>
                </c:pt>
                <c:pt idx="2174">
                  <c:v>548.55799999999999</c:v>
                </c:pt>
                <c:pt idx="2175">
                  <c:v>548.65300000000002</c:v>
                </c:pt>
                <c:pt idx="2176">
                  <c:v>548.76099999999997</c:v>
                </c:pt>
                <c:pt idx="2177">
                  <c:v>548.69200000000001</c:v>
                </c:pt>
                <c:pt idx="2178">
                  <c:v>548.96900000000005</c:v>
                </c:pt>
                <c:pt idx="2179">
                  <c:v>549.36400000000003</c:v>
                </c:pt>
                <c:pt idx="2180">
                  <c:v>550.03099999999995</c:v>
                </c:pt>
                <c:pt idx="2181">
                  <c:v>550.61699999999996</c:v>
                </c:pt>
                <c:pt idx="2182">
                  <c:v>550.80200000000002</c:v>
                </c:pt>
                <c:pt idx="2183">
                  <c:v>550.68600000000004</c:v>
                </c:pt>
                <c:pt idx="2184">
                  <c:v>550.82399999999996</c:v>
                </c:pt>
                <c:pt idx="2185">
                  <c:v>551.16399999999999</c:v>
                </c:pt>
                <c:pt idx="2186">
                  <c:v>551.673</c:v>
                </c:pt>
                <c:pt idx="2187">
                  <c:v>551.89499999999998</c:v>
                </c:pt>
                <c:pt idx="2188">
                  <c:v>552.01400000000001</c:v>
                </c:pt>
                <c:pt idx="2189">
                  <c:v>552.125</c:v>
                </c:pt>
                <c:pt idx="2190">
                  <c:v>552.70100000000002</c:v>
                </c:pt>
                <c:pt idx="2191">
                  <c:v>552.97299999999996</c:v>
                </c:pt>
                <c:pt idx="2192">
                  <c:v>553.37300000000005</c:v>
                </c:pt>
                <c:pt idx="2193">
                  <c:v>553.74300000000005</c:v>
                </c:pt>
                <c:pt idx="2194">
                  <c:v>553.83900000000006</c:v>
                </c:pt>
                <c:pt idx="2195">
                  <c:v>554.27</c:v>
                </c:pt>
                <c:pt idx="2196">
                  <c:v>554.24099999999999</c:v>
                </c:pt>
                <c:pt idx="2197">
                  <c:v>554.51</c:v>
                </c:pt>
                <c:pt idx="2198">
                  <c:v>554.93799999999999</c:v>
                </c:pt>
                <c:pt idx="2199">
                  <c:v>555.28</c:v>
                </c:pt>
                <c:pt idx="2200">
                  <c:v>555.375</c:v>
                </c:pt>
                <c:pt idx="2201">
                  <c:v>555.27499999999998</c:v>
                </c:pt>
                <c:pt idx="2202">
                  <c:v>555.32500000000005</c:v>
                </c:pt>
                <c:pt idx="2203">
                  <c:v>555.85500000000002</c:v>
                </c:pt>
                <c:pt idx="2204">
                  <c:v>556.23500000000001</c:v>
                </c:pt>
                <c:pt idx="2205">
                  <c:v>556.54</c:v>
                </c:pt>
                <c:pt idx="2206">
                  <c:v>556.91700000000003</c:v>
                </c:pt>
                <c:pt idx="2207">
                  <c:v>557.10900000000004</c:v>
                </c:pt>
                <c:pt idx="2208">
                  <c:v>557.79300000000001</c:v>
                </c:pt>
                <c:pt idx="2209">
                  <c:v>557.94000000000005</c:v>
                </c:pt>
                <c:pt idx="2210">
                  <c:v>557.86800000000005</c:v>
                </c:pt>
                <c:pt idx="2211">
                  <c:v>558.07500000000005</c:v>
                </c:pt>
                <c:pt idx="2212">
                  <c:v>558.33399999999995</c:v>
                </c:pt>
                <c:pt idx="2213">
                  <c:v>558.64599999999996</c:v>
                </c:pt>
                <c:pt idx="2214">
                  <c:v>558.81500000000005</c:v>
                </c:pt>
                <c:pt idx="2215">
                  <c:v>558.79</c:v>
                </c:pt>
                <c:pt idx="2216">
                  <c:v>559.38499999999999</c:v>
                </c:pt>
                <c:pt idx="2217">
                  <c:v>559.79499999999996</c:v>
                </c:pt>
                <c:pt idx="2218">
                  <c:v>559.68600000000004</c:v>
                </c:pt>
                <c:pt idx="2219">
                  <c:v>559.81399999999996</c:v>
                </c:pt>
                <c:pt idx="2220">
                  <c:v>560.16099999999994</c:v>
                </c:pt>
                <c:pt idx="2221">
                  <c:v>560.70600000000002</c:v>
                </c:pt>
                <c:pt idx="2222">
                  <c:v>560.71299999999997</c:v>
                </c:pt>
                <c:pt idx="2223">
                  <c:v>560.61699999999996</c:v>
                </c:pt>
                <c:pt idx="2224">
                  <c:v>560.85799999999995</c:v>
                </c:pt>
                <c:pt idx="2225">
                  <c:v>561.32299999999998</c:v>
                </c:pt>
                <c:pt idx="2226">
                  <c:v>561.76</c:v>
                </c:pt>
                <c:pt idx="2227">
                  <c:v>561.85799999999995</c:v>
                </c:pt>
                <c:pt idx="2228">
                  <c:v>562.40200000000004</c:v>
                </c:pt>
                <c:pt idx="2229">
                  <c:v>562.279</c:v>
                </c:pt>
                <c:pt idx="2230">
                  <c:v>562.505</c:v>
                </c:pt>
                <c:pt idx="2231">
                  <c:v>562.79999999999995</c:v>
                </c:pt>
                <c:pt idx="2232">
                  <c:v>563.49599999999998</c:v>
                </c:pt>
                <c:pt idx="2233">
                  <c:v>563.65800000000002</c:v>
                </c:pt>
                <c:pt idx="2234">
                  <c:v>563.44299999999998</c:v>
                </c:pt>
                <c:pt idx="2235">
                  <c:v>563.50900000000001</c:v>
                </c:pt>
                <c:pt idx="2236">
                  <c:v>563.87699999999995</c:v>
                </c:pt>
                <c:pt idx="2237">
                  <c:v>564.13300000000004</c:v>
                </c:pt>
                <c:pt idx="2238">
                  <c:v>564.53499999999997</c:v>
                </c:pt>
                <c:pt idx="2239">
                  <c:v>564.97500000000002</c:v>
                </c:pt>
                <c:pt idx="2240">
                  <c:v>565.39800000000002</c:v>
                </c:pt>
                <c:pt idx="2241">
                  <c:v>565.47</c:v>
                </c:pt>
                <c:pt idx="2242">
                  <c:v>565.59199999999998</c:v>
                </c:pt>
                <c:pt idx="2243">
                  <c:v>565.65200000000004</c:v>
                </c:pt>
                <c:pt idx="2244">
                  <c:v>565.89400000000001</c:v>
                </c:pt>
                <c:pt idx="2245">
                  <c:v>566.46900000000005</c:v>
                </c:pt>
                <c:pt idx="2246">
                  <c:v>566.68700000000001</c:v>
                </c:pt>
                <c:pt idx="2247">
                  <c:v>567.33399999999995</c:v>
                </c:pt>
                <c:pt idx="2248">
                  <c:v>567.49</c:v>
                </c:pt>
                <c:pt idx="2249">
                  <c:v>567.73500000000001</c:v>
                </c:pt>
                <c:pt idx="2250">
                  <c:v>568.09500000000003</c:v>
                </c:pt>
                <c:pt idx="2251">
                  <c:v>568.29200000000003</c:v>
                </c:pt>
                <c:pt idx="2252">
                  <c:v>568.21799999999996</c:v>
                </c:pt>
                <c:pt idx="2253">
                  <c:v>569.01</c:v>
                </c:pt>
                <c:pt idx="2254">
                  <c:v>569.04300000000001</c:v>
                </c:pt>
                <c:pt idx="2255">
                  <c:v>569.03899999999999</c:v>
                </c:pt>
                <c:pt idx="2256">
                  <c:v>569.16099999999994</c:v>
                </c:pt>
                <c:pt idx="2257">
                  <c:v>569.33500000000004</c:v>
                </c:pt>
                <c:pt idx="2258">
                  <c:v>569.73</c:v>
                </c:pt>
                <c:pt idx="2259">
                  <c:v>570.04399999999998</c:v>
                </c:pt>
                <c:pt idx="2260">
                  <c:v>570.39</c:v>
                </c:pt>
                <c:pt idx="2261">
                  <c:v>570.49599999999998</c:v>
                </c:pt>
                <c:pt idx="2262">
                  <c:v>570.87699999999995</c:v>
                </c:pt>
                <c:pt idx="2263">
                  <c:v>571.10199999999998</c:v>
                </c:pt>
                <c:pt idx="2264">
                  <c:v>571.44100000000003</c:v>
                </c:pt>
                <c:pt idx="2265">
                  <c:v>571.44899999999996</c:v>
                </c:pt>
                <c:pt idx="2266">
                  <c:v>571.803</c:v>
                </c:pt>
                <c:pt idx="2267">
                  <c:v>572.09400000000005</c:v>
                </c:pt>
                <c:pt idx="2268">
                  <c:v>572.08299999999997</c:v>
                </c:pt>
                <c:pt idx="2269">
                  <c:v>572.49699999999996</c:v>
                </c:pt>
                <c:pt idx="2270">
                  <c:v>572.88599999999997</c:v>
                </c:pt>
                <c:pt idx="2271">
                  <c:v>573.22799999999995</c:v>
                </c:pt>
                <c:pt idx="2272">
                  <c:v>573.65099999999995</c:v>
                </c:pt>
                <c:pt idx="2273">
                  <c:v>573.76400000000001</c:v>
                </c:pt>
                <c:pt idx="2274">
                  <c:v>574.17999999999995</c:v>
                </c:pt>
                <c:pt idx="2275">
                  <c:v>574.77099999999996</c:v>
                </c:pt>
                <c:pt idx="2276">
                  <c:v>574.53499999999997</c:v>
                </c:pt>
                <c:pt idx="2277">
                  <c:v>574.81299999999999</c:v>
                </c:pt>
                <c:pt idx="2278">
                  <c:v>574.85799999999995</c:v>
                </c:pt>
                <c:pt idx="2279">
                  <c:v>574.99099999999999</c:v>
                </c:pt>
                <c:pt idx="2280">
                  <c:v>575.47299999999996</c:v>
                </c:pt>
                <c:pt idx="2281">
                  <c:v>575.92999999999995</c:v>
                </c:pt>
                <c:pt idx="2282">
                  <c:v>576.11099999999999</c:v>
                </c:pt>
                <c:pt idx="2283">
                  <c:v>575.98900000000003</c:v>
                </c:pt>
                <c:pt idx="2284">
                  <c:v>576.303</c:v>
                </c:pt>
                <c:pt idx="2285">
                  <c:v>576.65300000000002</c:v>
                </c:pt>
                <c:pt idx="2286">
                  <c:v>577.11500000000001</c:v>
                </c:pt>
                <c:pt idx="2287">
                  <c:v>577.36900000000003</c:v>
                </c:pt>
                <c:pt idx="2288">
                  <c:v>577.80999999999995</c:v>
                </c:pt>
                <c:pt idx="2289">
                  <c:v>578.28800000000001</c:v>
                </c:pt>
                <c:pt idx="2290">
                  <c:v>578.26199999999994</c:v>
                </c:pt>
                <c:pt idx="2291">
                  <c:v>578.44399999999996</c:v>
                </c:pt>
                <c:pt idx="2292">
                  <c:v>578.62800000000004</c:v>
                </c:pt>
                <c:pt idx="2293">
                  <c:v>578.66899999999998</c:v>
                </c:pt>
                <c:pt idx="2294">
                  <c:v>579.09299999999996</c:v>
                </c:pt>
                <c:pt idx="2295">
                  <c:v>579.40499999999997</c:v>
                </c:pt>
                <c:pt idx="2296">
                  <c:v>580.01599999999996</c:v>
                </c:pt>
                <c:pt idx="2297">
                  <c:v>580.35900000000004</c:v>
                </c:pt>
                <c:pt idx="2298">
                  <c:v>580.43299999999999</c:v>
                </c:pt>
                <c:pt idx="2299">
                  <c:v>580.19799999999998</c:v>
                </c:pt>
                <c:pt idx="2300">
                  <c:v>580.66300000000001</c:v>
                </c:pt>
                <c:pt idx="2301">
                  <c:v>581.29700000000003</c:v>
                </c:pt>
                <c:pt idx="2302">
                  <c:v>581.21199999999999</c:v>
                </c:pt>
                <c:pt idx="2303">
                  <c:v>581.04200000000003</c:v>
                </c:pt>
                <c:pt idx="2304">
                  <c:v>581.58100000000002</c:v>
                </c:pt>
                <c:pt idx="2305">
                  <c:v>582.03</c:v>
                </c:pt>
                <c:pt idx="2306">
                  <c:v>582.13900000000001</c:v>
                </c:pt>
                <c:pt idx="2307">
                  <c:v>582.96500000000003</c:v>
                </c:pt>
                <c:pt idx="2308">
                  <c:v>583.096</c:v>
                </c:pt>
                <c:pt idx="2309">
                  <c:v>583.447</c:v>
                </c:pt>
                <c:pt idx="2310">
                  <c:v>583.30100000000004</c:v>
                </c:pt>
                <c:pt idx="2311">
                  <c:v>583.48699999999997</c:v>
                </c:pt>
                <c:pt idx="2312">
                  <c:v>583.79300000000001</c:v>
                </c:pt>
                <c:pt idx="2313">
                  <c:v>584.21100000000001</c:v>
                </c:pt>
                <c:pt idx="2314">
                  <c:v>584.41300000000001</c:v>
                </c:pt>
                <c:pt idx="2315">
                  <c:v>584.77200000000005</c:v>
                </c:pt>
                <c:pt idx="2316">
                  <c:v>584.601</c:v>
                </c:pt>
                <c:pt idx="2317">
                  <c:v>585.04300000000001</c:v>
                </c:pt>
                <c:pt idx="2318">
                  <c:v>585.45799999999997</c:v>
                </c:pt>
                <c:pt idx="2319">
                  <c:v>585.71699999999998</c:v>
                </c:pt>
                <c:pt idx="2320">
                  <c:v>585.39400000000001</c:v>
                </c:pt>
                <c:pt idx="2321">
                  <c:v>586.08199999999999</c:v>
                </c:pt>
                <c:pt idx="2322">
                  <c:v>586.59500000000003</c:v>
                </c:pt>
                <c:pt idx="2323">
                  <c:v>586.66700000000003</c:v>
                </c:pt>
                <c:pt idx="2324">
                  <c:v>586.82299999999998</c:v>
                </c:pt>
                <c:pt idx="2325">
                  <c:v>587.23</c:v>
                </c:pt>
                <c:pt idx="2326">
                  <c:v>587.83500000000004</c:v>
                </c:pt>
                <c:pt idx="2327">
                  <c:v>588.08100000000002</c:v>
                </c:pt>
                <c:pt idx="2328">
                  <c:v>588.125</c:v>
                </c:pt>
                <c:pt idx="2329">
                  <c:v>588.10500000000002</c:v>
                </c:pt>
                <c:pt idx="2330">
                  <c:v>588.54899999999998</c:v>
                </c:pt>
                <c:pt idx="2331">
                  <c:v>588.95299999999997</c:v>
                </c:pt>
                <c:pt idx="2332">
                  <c:v>588.98400000000004</c:v>
                </c:pt>
                <c:pt idx="2333">
                  <c:v>589.03700000000003</c:v>
                </c:pt>
                <c:pt idx="2334">
                  <c:v>589.673</c:v>
                </c:pt>
                <c:pt idx="2335">
                  <c:v>589.73900000000003</c:v>
                </c:pt>
                <c:pt idx="2336">
                  <c:v>589.97199999999998</c:v>
                </c:pt>
                <c:pt idx="2337">
                  <c:v>590.37699999999995</c:v>
                </c:pt>
                <c:pt idx="2338">
                  <c:v>590.56399999999996</c:v>
                </c:pt>
                <c:pt idx="2339">
                  <c:v>590.94200000000001</c:v>
                </c:pt>
                <c:pt idx="2340">
                  <c:v>590.90499999999997</c:v>
                </c:pt>
                <c:pt idx="2341">
                  <c:v>590.76199999999994</c:v>
                </c:pt>
                <c:pt idx="2342">
                  <c:v>591.04100000000005</c:v>
                </c:pt>
                <c:pt idx="2343">
                  <c:v>591.31100000000004</c:v>
                </c:pt>
                <c:pt idx="2344">
                  <c:v>591.46</c:v>
                </c:pt>
                <c:pt idx="2345">
                  <c:v>591.697</c:v>
                </c:pt>
                <c:pt idx="2346">
                  <c:v>592.59500000000003</c:v>
                </c:pt>
                <c:pt idx="2347">
                  <c:v>592.66</c:v>
                </c:pt>
                <c:pt idx="2348">
                  <c:v>593.14</c:v>
                </c:pt>
                <c:pt idx="2349">
                  <c:v>593.51599999999996</c:v>
                </c:pt>
                <c:pt idx="2350">
                  <c:v>593.1</c:v>
                </c:pt>
                <c:pt idx="2351">
                  <c:v>593.49300000000005</c:v>
                </c:pt>
                <c:pt idx="2352">
                  <c:v>594.11</c:v>
                </c:pt>
                <c:pt idx="2353">
                  <c:v>594.61099999999999</c:v>
                </c:pt>
                <c:pt idx="2354">
                  <c:v>595.08399999999995</c:v>
                </c:pt>
                <c:pt idx="2355">
                  <c:v>595.02099999999996</c:v>
                </c:pt>
                <c:pt idx="2356">
                  <c:v>594.88</c:v>
                </c:pt>
                <c:pt idx="2357">
                  <c:v>595.32399999999996</c:v>
                </c:pt>
                <c:pt idx="2358">
                  <c:v>595.59699999999998</c:v>
                </c:pt>
                <c:pt idx="2359">
                  <c:v>595.96799999999996</c:v>
                </c:pt>
                <c:pt idx="2360">
                  <c:v>596.23400000000004</c:v>
                </c:pt>
                <c:pt idx="2361">
                  <c:v>596.27099999999996</c:v>
                </c:pt>
                <c:pt idx="2362">
                  <c:v>596.38599999999997</c:v>
                </c:pt>
                <c:pt idx="2363">
                  <c:v>596.54200000000003</c:v>
                </c:pt>
                <c:pt idx="2364">
                  <c:v>597.33199999999999</c:v>
                </c:pt>
                <c:pt idx="2365">
                  <c:v>597.27700000000004</c:v>
                </c:pt>
                <c:pt idx="2366">
                  <c:v>597.51599999999996</c:v>
                </c:pt>
                <c:pt idx="2367">
                  <c:v>597.697</c:v>
                </c:pt>
                <c:pt idx="2368">
                  <c:v>597.97699999999998</c:v>
                </c:pt>
                <c:pt idx="2369">
                  <c:v>598.62099999999998</c:v>
                </c:pt>
                <c:pt idx="2370">
                  <c:v>599.00699999999995</c:v>
                </c:pt>
                <c:pt idx="2371">
                  <c:v>598.91200000000003</c:v>
                </c:pt>
                <c:pt idx="2372">
                  <c:v>599.47799999999995</c:v>
                </c:pt>
                <c:pt idx="2373">
                  <c:v>599.70899999999995</c:v>
                </c:pt>
                <c:pt idx="2374">
                  <c:v>599.88300000000004</c:v>
                </c:pt>
                <c:pt idx="2375">
                  <c:v>599.66499999999996</c:v>
                </c:pt>
                <c:pt idx="2376">
                  <c:v>600.053</c:v>
                </c:pt>
                <c:pt idx="2377">
                  <c:v>600.16300000000001</c:v>
                </c:pt>
                <c:pt idx="2378">
                  <c:v>600.76700000000005</c:v>
                </c:pt>
                <c:pt idx="2379">
                  <c:v>600.98</c:v>
                </c:pt>
                <c:pt idx="2380">
                  <c:v>601.15499999999997</c:v>
                </c:pt>
                <c:pt idx="2381">
                  <c:v>601.524</c:v>
                </c:pt>
                <c:pt idx="2382">
                  <c:v>601.58399999999995</c:v>
                </c:pt>
                <c:pt idx="2383">
                  <c:v>601.85799999999995</c:v>
                </c:pt>
                <c:pt idx="2384">
                  <c:v>602.05899999999997</c:v>
                </c:pt>
                <c:pt idx="2385">
                  <c:v>602.70899999999995</c:v>
                </c:pt>
                <c:pt idx="2386">
                  <c:v>602.66300000000001</c:v>
                </c:pt>
                <c:pt idx="2387">
                  <c:v>602.89499999999998</c:v>
                </c:pt>
                <c:pt idx="2388">
                  <c:v>602.87699999999995</c:v>
                </c:pt>
                <c:pt idx="2389">
                  <c:v>603.21199999999999</c:v>
                </c:pt>
                <c:pt idx="2390">
                  <c:v>603.49099999999999</c:v>
                </c:pt>
                <c:pt idx="2391">
                  <c:v>603.58199999999999</c:v>
                </c:pt>
                <c:pt idx="2392">
                  <c:v>604.01099999999997</c:v>
                </c:pt>
                <c:pt idx="2393">
                  <c:v>604.17700000000002</c:v>
                </c:pt>
                <c:pt idx="2394">
                  <c:v>604.20100000000002</c:v>
                </c:pt>
                <c:pt idx="2395">
                  <c:v>604.60500000000002</c:v>
                </c:pt>
                <c:pt idx="2396">
                  <c:v>604.71799999999996</c:v>
                </c:pt>
                <c:pt idx="2397">
                  <c:v>604.85900000000004</c:v>
                </c:pt>
                <c:pt idx="2398">
                  <c:v>605.11199999999997</c:v>
                </c:pt>
                <c:pt idx="2399">
                  <c:v>605.58900000000006</c:v>
                </c:pt>
                <c:pt idx="2400">
                  <c:v>605.63</c:v>
                </c:pt>
                <c:pt idx="2401">
                  <c:v>605.66300000000001</c:v>
                </c:pt>
                <c:pt idx="2402">
                  <c:v>606.10599999999999</c:v>
                </c:pt>
                <c:pt idx="2403">
                  <c:v>606.30899999999997</c:v>
                </c:pt>
                <c:pt idx="2404">
                  <c:v>606.53899999999999</c:v>
                </c:pt>
                <c:pt idx="2405">
                  <c:v>606.87300000000005</c:v>
                </c:pt>
                <c:pt idx="2406">
                  <c:v>606.95500000000004</c:v>
                </c:pt>
                <c:pt idx="2407">
                  <c:v>607.22799999999995</c:v>
                </c:pt>
                <c:pt idx="2408">
                  <c:v>607.67200000000003</c:v>
                </c:pt>
                <c:pt idx="2409">
                  <c:v>607.58699999999999</c:v>
                </c:pt>
                <c:pt idx="2410">
                  <c:v>607.6</c:v>
                </c:pt>
                <c:pt idx="2411">
                  <c:v>608.04399999999998</c:v>
                </c:pt>
                <c:pt idx="2412">
                  <c:v>608.36099999999999</c:v>
                </c:pt>
                <c:pt idx="2413">
                  <c:v>609.10799999999995</c:v>
                </c:pt>
                <c:pt idx="2414">
                  <c:v>609.05600000000004</c:v>
                </c:pt>
                <c:pt idx="2415">
                  <c:v>609.47299999999996</c:v>
                </c:pt>
                <c:pt idx="2416">
                  <c:v>610.13300000000004</c:v>
                </c:pt>
                <c:pt idx="2417">
                  <c:v>610.34199999999998</c:v>
                </c:pt>
                <c:pt idx="2418">
                  <c:v>610.30100000000004</c:v>
                </c:pt>
                <c:pt idx="2419">
                  <c:v>610.51099999999997</c:v>
                </c:pt>
                <c:pt idx="2420">
                  <c:v>610.66600000000005</c:v>
                </c:pt>
                <c:pt idx="2421">
                  <c:v>610.875</c:v>
                </c:pt>
                <c:pt idx="2422">
                  <c:v>611.00099999999998</c:v>
                </c:pt>
                <c:pt idx="2423">
                  <c:v>611.20000000000005</c:v>
                </c:pt>
                <c:pt idx="2424">
                  <c:v>611.43200000000002</c:v>
                </c:pt>
                <c:pt idx="2425">
                  <c:v>611.91899999999998</c:v>
                </c:pt>
                <c:pt idx="2426">
                  <c:v>612.21199999999999</c:v>
                </c:pt>
                <c:pt idx="2427">
                  <c:v>612.14200000000005</c:v>
                </c:pt>
                <c:pt idx="2428">
                  <c:v>612.40300000000002</c:v>
                </c:pt>
                <c:pt idx="2429">
                  <c:v>612.69799999999998</c:v>
                </c:pt>
                <c:pt idx="2430">
                  <c:v>613.13499999999999</c:v>
                </c:pt>
                <c:pt idx="2431">
                  <c:v>613.50800000000004</c:v>
                </c:pt>
                <c:pt idx="2432">
                  <c:v>613.56899999999996</c:v>
                </c:pt>
                <c:pt idx="2433">
                  <c:v>613.78399999999999</c:v>
                </c:pt>
                <c:pt idx="2434">
                  <c:v>613.84199999999998</c:v>
                </c:pt>
                <c:pt idx="2435">
                  <c:v>613.98699999999997</c:v>
                </c:pt>
                <c:pt idx="2436">
                  <c:v>614.22900000000004</c:v>
                </c:pt>
                <c:pt idx="2437">
                  <c:v>614.75099999999998</c:v>
                </c:pt>
                <c:pt idx="2438">
                  <c:v>614.86500000000001</c:v>
                </c:pt>
                <c:pt idx="2439">
                  <c:v>614.94200000000001</c:v>
                </c:pt>
                <c:pt idx="2440">
                  <c:v>615.35799999999995</c:v>
                </c:pt>
                <c:pt idx="2441">
                  <c:v>615.63300000000004</c:v>
                </c:pt>
                <c:pt idx="2442">
                  <c:v>615.81399999999996</c:v>
                </c:pt>
                <c:pt idx="2443">
                  <c:v>615.947</c:v>
                </c:pt>
                <c:pt idx="2444">
                  <c:v>616.47</c:v>
                </c:pt>
                <c:pt idx="2445">
                  <c:v>616.88499999999999</c:v>
                </c:pt>
                <c:pt idx="2446">
                  <c:v>617.04399999999998</c:v>
                </c:pt>
                <c:pt idx="2447">
                  <c:v>617.38199999999995</c:v>
                </c:pt>
                <c:pt idx="2448">
                  <c:v>617.50199999999995</c:v>
                </c:pt>
                <c:pt idx="2449">
                  <c:v>617.721</c:v>
                </c:pt>
                <c:pt idx="2450">
                  <c:v>618.096</c:v>
                </c:pt>
                <c:pt idx="2451">
                  <c:v>618.32399999999996</c:v>
                </c:pt>
                <c:pt idx="2452">
                  <c:v>618.32000000000005</c:v>
                </c:pt>
                <c:pt idx="2453">
                  <c:v>618.83299999999997</c:v>
                </c:pt>
                <c:pt idx="2454">
                  <c:v>618.94500000000005</c:v>
                </c:pt>
                <c:pt idx="2455">
                  <c:v>619.29700000000003</c:v>
                </c:pt>
                <c:pt idx="2456">
                  <c:v>619.79300000000001</c:v>
                </c:pt>
                <c:pt idx="2457">
                  <c:v>619.98400000000004</c:v>
                </c:pt>
                <c:pt idx="2458">
                  <c:v>620.16800000000001</c:v>
                </c:pt>
                <c:pt idx="2459">
                  <c:v>620.58399999999995</c:v>
                </c:pt>
                <c:pt idx="2460">
                  <c:v>620.83900000000006</c:v>
                </c:pt>
                <c:pt idx="2461">
                  <c:v>620.94299999999998</c:v>
                </c:pt>
                <c:pt idx="2462">
                  <c:v>621.01499999999999</c:v>
                </c:pt>
                <c:pt idx="2463">
                  <c:v>621.298</c:v>
                </c:pt>
                <c:pt idx="2464">
                  <c:v>621.36900000000003</c:v>
                </c:pt>
                <c:pt idx="2465">
                  <c:v>621.86</c:v>
                </c:pt>
                <c:pt idx="2466">
                  <c:v>621.86500000000001</c:v>
                </c:pt>
                <c:pt idx="2467">
                  <c:v>622.37900000000002</c:v>
                </c:pt>
                <c:pt idx="2468">
                  <c:v>622.42499999999995</c:v>
                </c:pt>
                <c:pt idx="2469">
                  <c:v>622.99900000000002</c:v>
                </c:pt>
                <c:pt idx="2470">
                  <c:v>623.21199999999999</c:v>
                </c:pt>
                <c:pt idx="2471">
                  <c:v>623.49199999999996</c:v>
                </c:pt>
                <c:pt idx="2472">
                  <c:v>623.50099999999998</c:v>
                </c:pt>
                <c:pt idx="2473">
                  <c:v>623.78800000000001</c:v>
                </c:pt>
                <c:pt idx="2474">
                  <c:v>623.96500000000003</c:v>
                </c:pt>
                <c:pt idx="2475">
                  <c:v>624.14599999999996</c:v>
                </c:pt>
                <c:pt idx="2476">
                  <c:v>624.28899999999999</c:v>
                </c:pt>
                <c:pt idx="2477">
                  <c:v>624.62599999999998</c:v>
                </c:pt>
                <c:pt idx="2478">
                  <c:v>624.81399999999996</c:v>
                </c:pt>
                <c:pt idx="2479">
                  <c:v>625.404</c:v>
                </c:pt>
                <c:pt idx="2480">
                  <c:v>625.91600000000005</c:v>
                </c:pt>
                <c:pt idx="2481">
                  <c:v>626.00599999999997</c:v>
                </c:pt>
                <c:pt idx="2482">
                  <c:v>626.17399999999998</c:v>
                </c:pt>
                <c:pt idx="2483">
                  <c:v>626.18200000000002</c:v>
                </c:pt>
                <c:pt idx="2484">
                  <c:v>626.30100000000004</c:v>
                </c:pt>
                <c:pt idx="2485">
                  <c:v>626.74</c:v>
                </c:pt>
                <c:pt idx="2486">
                  <c:v>627.096</c:v>
                </c:pt>
                <c:pt idx="2487">
                  <c:v>627.27</c:v>
                </c:pt>
                <c:pt idx="2488">
                  <c:v>627.64400000000001</c:v>
                </c:pt>
                <c:pt idx="2489">
                  <c:v>627.63099999999997</c:v>
                </c:pt>
                <c:pt idx="2490">
                  <c:v>627.94799999999998</c:v>
                </c:pt>
                <c:pt idx="2491">
                  <c:v>628.29899999999998</c:v>
                </c:pt>
                <c:pt idx="2492">
                  <c:v>628.75699999999995</c:v>
                </c:pt>
                <c:pt idx="2493">
                  <c:v>629.072</c:v>
                </c:pt>
                <c:pt idx="2494">
                  <c:v>629.22699999999998</c:v>
                </c:pt>
                <c:pt idx="2495">
                  <c:v>629.36</c:v>
                </c:pt>
                <c:pt idx="2496">
                  <c:v>629.87599999999998</c:v>
                </c:pt>
                <c:pt idx="2497">
                  <c:v>629.94200000000001</c:v>
                </c:pt>
                <c:pt idx="2498">
                  <c:v>630.09100000000001</c:v>
                </c:pt>
                <c:pt idx="2499">
                  <c:v>630.36599999999999</c:v>
                </c:pt>
                <c:pt idx="2500">
                  <c:v>630.56399999999996</c:v>
                </c:pt>
                <c:pt idx="2501">
                  <c:v>630.64599999999996</c:v>
                </c:pt>
                <c:pt idx="2502">
                  <c:v>630.87099999999998</c:v>
                </c:pt>
                <c:pt idx="2503">
                  <c:v>631.21299999999997</c:v>
                </c:pt>
                <c:pt idx="2504">
                  <c:v>631.66300000000001</c:v>
                </c:pt>
                <c:pt idx="2505">
                  <c:v>631.73199999999997</c:v>
                </c:pt>
                <c:pt idx="2506">
                  <c:v>631.99300000000005</c:v>
                </c:pt>
                <c:pt idx="2507">
                  <c:v>632.048</c:v>
                </c:pt>
                <c:pt idx="2508">
                  <c:v>632.24699999999996</c:v>
                </c:pt>
                <c:pt idx="2509">
                  <c:v>632.74400000000003</c:v>
                </c:pt>
                <c:pt idx="2510">
                  <c:v>633.08500000000004</c:v>
                </c:pt>
                <c:pt idx="2511">
                  <c:v>633.30700000000002</c:v>
                </c:pt>
                <c:pt idx="2512">
                  <c:v>633.57299999999998</c:v>
                </c:pt>
                <c:pt idx="2513">
                  <c:v>633.70299999999997</c:v>
                </c:pt>
                <c:pt idx="2514">
                  <c:v>634.04399999999998</c:v>
                </c:pt>
                <c:pt idx="2515">
                  <c:v>634.18200000000002</c:v>
                </c:pt>
                <c:pt idx="2516">
                  <c:v>634.66700000000003</c:v>
                </c:pt>
                <c:pt idx="2517">
                  <c:v>634.66399999999999</c:v>
                </c:pt>
                <c:pt idx="2518">
                  <c:v>634.71600000000001</c:v>
                </c:pt>
                <c:pt idx="2519">
                  <c:v>634.93899999999996</c:v>
                </c:pt>
                <c:pt idx="2520">
                  <c:v>635.34900000000005</c:v>
                </c:pt>
                <c:pt idx="2521">
                  <c:v>635.48099999999999</c:v>
                </c:pt>
                <c:pt idx="2522">
                  <c:v>635.66</c:v>
                </c:pt>
                <c:pt idx="2523">
                  <c:v>636.16</c:v>
                </c:pt>
                <c:pt idx="2524">
                  <c:v>636.702</c:v>
                </c:pt>
                <c:pt idx="2525">
                  <c:v>637.20100000000002</c:v>
                </c:pt>
                <c:pt idx="2526">
                  <c:v>637.36099999999999</c:v>
                </c:pt>
                <c:pt idx="2527">
                  <c:v>637.26199999999994</c:v>
                </c:pt>
                <c:pt idx="2528">
                  <c:v>637.61</c:v>
                </c:pt>
                <c:pt idx="2529">
                  <c:v>637.86099999999999</c:v>
                </c:pt>
                <c:pt idx="2530">
                  <c:v>638.07500000000005</c:v>
                </c:pt>
                <c:pt idx="2531">
                  <c:v>638.14</c:v>
                </c:pt>
                <c:pt idx="2532">
                  <c:v>638.42700000000002</c:v>
                </c:pt>
                <c:pt idx="2533">
                  <c:v>638.98299999999995</c:v>
                </c:pt>
                <c:pt idx="2534">
                  <c:v>638.952</c:v>
                </c:pt>
                <c:pt idx="2535">
                  <c:v>638.94600000000003</c:v>
                </c:pt>
                <c:pt idx="2536">
                  <c:v>639.08600000000001</c:v>
                </c:pt>
                <c:pt idx="2537">
                  <c:v>639.49800000000005</c:v>
                </c:pt>
                <c:pt idx="2538">
                  <c:v>639.91800000000001</c:v>
                </c:pt>
                <c:pt idx="2539">
                  <c:v>640.37900000000002</c:v>
                </c:pt>
                <c:pt idx="2540">
                  <c:v>640.88900000000001</c:v>
                </c:pt>
                <c:pt idx="2541">
                  <c:v>641.18700000000001</c:v>
                </c:pt>
                <c:pt idx="2542">
                  <c:v>641.25699999999995</c:v>
                </c:pt>
                <c:pt idx="2543">
                  <c:v>641.54899999999998</c:v>
                </c:pt>
                <c:pt idx="2544">
                  <c:v>641.87400000000002</c:v>
                </c:pt>
                <c:pt idx="2545">
                  <c:v>642.09699999999998</c:v>
                </c:pt>
                <c:pt idx="2546">
                  <c:v>642.36500000000001</c:v>
                </c:pt>
                <c:pt idx="2547">
                  <c:v>642.69200000000001</c:v>
                </c:pt>
                <c:pt idx="2548">
                  <c:v>642.73099999999999</c:v>
                </c:pt>
                <c:pt idx="2549">
                  <c:v>642.97799999999995</c:v>
                </c:pt>
                <c:pt idx="2550">
                  <c:v>643.37599999999998</c:v>
                </c:pt>
                <c:pt idx="2551">
                  <c:v>643.64599999999996</c:v>
                </c:pt>
                <c:pt idx="2552">
                  <c:v>643.73599999999999</c:v>
                </c:pt>
                <c:pt idx="2553">
                  <c:v>643.91300000000001</c:v>
                </c:pt>
                <c:pt idx="2554">
                  <c:v>644.11699999999996</c:v>
                </c:pt>
                <c:pt idx="2555">
                  <c:v>644.47699999999998</c:v>
                </c:pt>
                <c:pt idx="2556">
                  <c:v>644.78700000000003</c:v>
                </c:pt>
                <c:pt idx="2557">
                  <c:v>645.22900000000004</c:v>
                </c:pt>
                <c:pt idx="2558">
                  <c:v>645.50699999999995</c:v>
                </c:pt>
                <c:pt idx="2559">
                  <c:v>645.66300000000001</c:v>
                </c:pt>
                <c:pt idx="2560">
                  <c:v>645.90499999999997</c:v>
                </c:pt>
                <c:pt idx="2561">
                  <c:v>646.16300000000001</c:v>
                </c:pt>
                <c:pt idx="2562">
                  <c:v>646.42499999999995</c:v>
                </c:pt>
                <c:pt idx="2563">
                  <c:v>646.51</c:v>
                </c:pt>
                <c:pt idx="2564">
                  <c:v>646.64499999999998</c:v>
                </c:pt>
                <c:pt idx="2565">
                  <c:v>647.16</c:v>
                </c:pt>
                <c:pt idx="2566">
                  <c:v>647.63900000000001</c:v>
                </c:pt>
                <c:pt idx="2567">
                  <c:v>647.79100000000005</c:v>
                </c:pt>
                <c:pt idx="2568">
                  <c:v>648.24800000000005</c:v>
                </c:pt>
                <c:pt idx="2569">
                  <c:v>648.33500000000004</c:v>
                </c:pt>
                <c:pt idx="2570">
                  <c:v>648.52499999999998</c:v>
                </c:pt>
                <c:pt idx="2571">
                  <c:v>648.73599999999999</c:v>
                </c:pt>
                <c:pt idx="2572">
                  <c:v>649.149</c:v>
                </c:pt>
                <c:pt idx="2573">
                  <c:v>649.12699999999995</c:v>
                </c:pt>
                <c:pt idx="2574">
                  <c:v>649.78599999999994</c:v>
                </c:pt>
                <c:pt idx="2575">
                  <c:v>650.11199999999997</c:v>
                </c:pt>
                <c:pt idx="2576">
                  <c:v>650.10900000000004</c:v>
                </c:pt>
                <c:pt idx="2577">
                  <c:v>650.42200000000003</c:v>
                </c:pt>
                <c:pt idx="2578">
                  <c:v>650.91999999999996</c:v>
                </c:pt>
                <c:pt idx="2579">
                  <c:v>651.10500000000002</c:v>
                </c:pt>
                <c:pt idx="2580">
                  <c:v>651.32600000000002</c:v>
                </c:pt>
                <c:pt idx="2581">
                  <c:v>651.31200000000001</c:v>
                </c:pt>
                <c:pt idx="2582">
                  <c:v>651.66200000000003</c:v>
                </c:pt>
                <c:pt idx="2583">
                  <c:v>651.95899999999995</c:v>
                </c:pt>
                <c:pt idx="2584">
                  <c:v>652.23099999999999</c:v>
                </c:pt>
                <c:pt idx="2585">
                  <c:v>652.44299999999998</c:v>
                </c:pt>
                <c:pt idx="2586">
                  <c:v>652.94100000000003</c:v>
                </c:pt>
                <c:pt idx="2587">
                  <c:v>653.15899999999999</c:v>
                </c:pt>
                <c:pt idx="2588">
                  <c:v>653.30899999999997</c:v>
                </c:pt>
                <c:pt idx="2589">
                  <c:v>653.65899999999999</c:v>
                </c:pt>
                <c:pt idx="2590">
                  <c:v>654.02599999999995</c:v>
                </c:pt>
                <c:pt idx="2591">
                  <c:v>654.35599999999999</c:v>
                </c:pt>
                <c:pt idx="2592">
                  <c:v>654.55999999999995</c:v>
                </c:pt>
                <c:pt idx="2593">
                  <c:v>654.64200000000005</c:v>
                </c:pt>
                <c:pt idx="2594">
                  <c:v>655.08199999999999</c:v>
                </c:pt>
                <c:pt idx="2595">
                  <c:v>655.476</c:v>
                </c:pt>
                <c:pt idx="2596">
                  <c:v>655.20500000000004</c:v>
                </c:pt>
                <c:pt idx="2597">
                  <c:v>655.58299999999997</c:v>
                </c:pt>
                <c:pt idx="2598">
                  <c:v>655.98900000000003</c:v>
                </c:pt>
                <c:pt idx="2599">
                  <c:v>656.39499999999998</c:v>
                </c:pt>
                <c:pt idx="2600">
                  <c:v>656.82500000000005</c:v>
                </c:pt>
                <c:pt idx="2601">
                  <c:v>657.12199999999996</c:v>
                </c:pt>
                <c:pt idx="2602">
                  <c:v>657.50400000000002</c:v>
                </c:pt>
                <c:pt idx="2603">
                  <c:v>657.83799999999997</c:v>
                </c:pt>
                <c:pt idx="2604">
                  <c:v>657.74</c:v>
                </c:pt>
                <c:pt idx="2605">
                  <c:v>657.92499999999995</c:v>
                </c:pt>
                <c:pt idx="2606">
                  <c:v>658.26</c:v>
                </c:pt>
                <c:pt idx="2607">
                  <c:v>658.43299999999999</c:v>
                </c:pt>
                <c:pt idx="2608">
                  <c:v>658.74300000000005</c:v>
                </c:pt>
                <c:pt idx="2609">
                  <c:v>658.82100000000003</c:v>
                </c:pt>
                <c:pt idx="2610">
                  <c:v>659.25900000000001</c:v>
                </c:pt>
                <c:pt idx="2611">
                  <c:v>659.52800000000002</c:v>
                </c:pt>
                <c:pt idx="2612">
                  <c:v>659.73800000000006</c:v>
                </c:pt>
                <c:pt idx="2613">
                  <c:v>660.00400000000002</c:v>
                </c:pt>
                <c:pt idx="2614">
                  <c:v>660.25</c:v>
                </c:pt>
                <c:pt idx="2615">
                  <c:v>660.404</c:v>
                </c:pt>
                <c:pt idx="2616">
                  <c:v>660.76499999999999</c:v>
                </c:pt>
                <c:pt idx="2617">
                  <c:v>661.26</c:v>
                </c:pt>
                <c:pt idx="2618">
                  <c:v>661.42600000000004</c:v>
                </c:pt>
                <c:pt idx="2619">
                  <c:v>661.41899999999998</c:v>
                </c:pt>
                <c:pt idx="2620">
                  <c:v>661.91099999999994</c:v>
                </c:pt>
                <c:pt idx="2621">
                  <c:v>662.12300000000005</c:v>
                </c:pt>
                <c:pt idx="2622">
                  <c:v>662.22299999999996</c:v>
                </c:pt>
                <c:pt idx="2623">
                  <c:v>662.14499999999998</c:v>
                </c:pt>
                <c:pt idx="2624">
                  <c:v>662.67200000000003</c:v>
                </c:pt>
                <c:pt idx="2625">
                  <c:v>663.02700000000004</c:v>
                </c:pt>
                <c:pt idx="2626">
                  <c:v>663.23900000000003</c:v>
                </c:pt>
                <c:pt idx="2627">
                  <c:v>663.56600000000003</c:v>
                </c:pt>
                <c:pt idx="2628">
                  <c:v>663.67600000000004</c:v>
                </c:pt>
                <c:pt idx="2629">
                  <c:v>663.89</c:v>
                </c:pt>
                <c:pt idx="2630">
                  <c:v>664.30399999999997</c:v>
                </c:pt>
                <c:pt idx="2631">
                  <c:v>664.55200000000002</c:v>
                </c:pt>
                <c:pt idx="2632">
                  <c:v>664.76099999999997</c:v>
                </c:pt>
                <c:pt idx="2633">
                  <c:v>664.94600000000003</c:v>
                </c:pt>
                <c:pt idx="2634">
                  <c:v>665.33399999999995</c:v>
                </c:pt>
                <c:pt idx="2635">
                  <c:v>665.56399999999996</c:v>
                </c:pt>
                <c:pt idx="2636">
                  <c:v>665.56799999999998</c:v>
                </c:pt>
                <c:pt idx="2637">
                  <c:v>665.601</c:v>
                </c:pt>
                <c:pt idx="2638">
                  <c:v>665.952</c:v>
                </c:pt>
                <c:pt idx="2639">
                  <c:v>666.36900000000003</c:v>
                </c:pt>
                <c:pt idx="2640">
                  <c:v>666.76300000000003</c:v>
                </c:pt>
                <c:pt idx="2641">
                  <c:v>667.04399999999998</c:v>
                </c:pt>
                <c:pt idx="2642">
                  <c:v>667.19899999999996</c:v>
                </c:pt>
                <c:pt idx="2643">
                  <c:v>667.54399999999998</c:v>
                </c:pt>
                <c:pt idx="2644">
                  <c:v>667.93100000000004</c:v>
                </c:pt>
                <c:pt idx="2645">
                  <c:v>668.14499999999998</c:v>
                </c:pt>
                <c:pt idx="2646">
                  <c:v>668.42200000000003</c:v>
                </c:pt>
                <c:pt idx="2647">
                  <c:v>668.59</c:v>
                </c:pt>
                <c:pt idx="2648">
                  <c:v>669.01800000000003</c:v>
                </c:pt>
                <c:pt idx="2649">
                  <c:v>669.1</c:v>
                </c:pt>
                <c:pt idx="2650">
                  <c:v>669.50199999999995</c:v>
                </c:pt>
                <c:pt idx="2651">
                  <c:v>669.83799999999997</c:v>
                </c:pt>
                <c:pt idx="2652">
                  <c:v>670.09900000000005</c:v>
                </c:pt>
                <c:pt idx="2653">
                  <c:v>670.40499999999997</c:v>
                </c:pt>
                <c:pt idx="2654">
                  <c:v>670.74699999999996</c:v>
                </c:pt>
                <c:pt idx="2655">
                  <c:v>671.12</c:v>
                </c:pt>
                <c:pt idx="2656">
                  <c:v>671.28499999999997</c:v>
                </c:pt>
                <c:pt idx="2657">
                  <c:v>671.60699999999997</c:v>
                </c:pt>
                <c:pt idx="2658">
                  <c:v>671.75300000000004</c:v>
                </c:pt>
                <c:pt idx="2659">
                  <c:v>672.13300000000004</c:v>
                </c:pt>
                <c:pt idx="2660">
                  <c:v>672.404</c:v>
                </c:pt>
                <c:pt idx="2661">
                  <c:v>672.73299999999995</c:v>
                </c:pt>
                <c:pt idx="2662">
                  <c:v>672.93100000000004</c:v>
                </c:pt>
                <c:pt idx="2663">
                  <c:v>673.096</c:v>
                </c:pt>
                <c:pt idx="2664">
                  <c:v>673.22799999999995</c:v>
                </c:pt>
                <c:pt idx="2665">
                  <c:v>673.52</c:v>
                </c:pt>
                <c:pt idx="2666">
                  <c:v>673.45399999999995</c:v>
                </c:pt>
                <c:pt idx="2667">
                  <c:v>673.93600000000004</c:v>
                </c:pt>
                <c:pt idx="2668">
                  <c:v>674.23400000000004</c:v>
                </c:pt>
                <c:pt idx="2669">
                  <c:v>674.56299999999999</c:v>
                </c:pt>
                <c:pt idx="2670">
                  <c:v>674.71699999999998</c:v>
                </c:pt>
                <c:pt idx="2671">
                  <c:v>674.91600000000005</c:v>
                </c:pt>
                <c:pt idx="2672">
                  <c:v>675.30799999999999</c:v>
                </c:pt>
                <c:pt idx="2673">
                  <c:v>675.37300000000005</c:v>
                </c:pt>
                <c:pt idx="2674">
                  <c:v>675.59799999999996</c:v>
                </c:pt>
                <c:pt idx="2675">
                  <c:v>675.95299999999997</c:v>
                </c:pt>
                <c:pt idx="2676">
                  <c:v>676.14</c:v>
                </c:pt>
                <c:pt idx="2677">
                  <c:v>676.04899999999998</c:v>
                </c:pt>
                <c:pt idx="2678">
                  <c:v>676.45600000000002</c:v>
                </c:pt>
                <c:pt idx="2679">
                  <c:v>676.91</c:v>
                </c:pt>
                <c:pt idx="2680">
                  <c:v>677.42399999999998</c:v>
                </c:pt>
                <c:pt idx="2681">
                  <c:v>677.55799999999999</c:v>
                </c:pt>
                <c:pt idx="2682">
                  <c:v>677.35799999999995</c:v>
                </c:pt>
                <c:pt idx="2683">
                  <c:v>677.85</c:v>
                </c:pt>
                <c:pt idx="2684">
                  <c:v>678.17600000000004</c:v>
                </c:pt>
                <c:pt idx="2685">
                  <c:v>678.24199999999996</c:v>
                </c:pt>
                <c:pt idx="2686">
                  <c:v>678.71900000000005</c:v>
                </c:pt>
                <c:pt idx="2687">
                  <c:v>679.15099999999995</c:v>
                </c:pt>
                <c:pt idx="2688">
                  <c:v>679.38</c:v>
                </c:pt>
                <c:pt idx="2689">
                  <c:v>679.63900000000001</c:v>
                </c:pt>
                <c:pt idx="2690">
                  <c:v>679.803</c:v>
                </c:pt>
                <c:pt idx="2691">
                  <c:v>680.21100000000001</c:v>
                </c:pt>
                <c:pt idx="2692">
                  <c:v>680.29600000000005</c:v>
                </c:pt>
                <c:pt idx="2693">
                  <c:v>680.726</c:v>
                </c:pt>
                <c:pt idx="2694">
                  <c:v>680.91800000000001</c:v>
                </c:pt>
                <c:pt idx="2695">
                  <c:v>681.22199999999998</c:v>
                </c:pt>
                <c:pt idx="2696">
                  <c:v>681.50900000000001</c:v>
                </c:pt>
                <c:pt idx="2697">
                  <c:v>681.78800000000001</c:v>
                </c:pt>
                <c:pt idx="2698">
                  <c:v>681.72799999999995</c:v>
                </c:pt>
                <c:pt idx="2699">
                  <c:v>682.125</c:v>
                </c:pt>
                <c:pt idx="2700">
                  <c:v>682.48599999999999</c:v>
                </c:pt>
                <c:pt idx="2701">
                  <c:v>682.71299999999997</c:v>
                </c:pt>
                <c:pt idx="2702">
                  <c:v>682.86599999999999</c:v>
                </c:pt>
                <c:pt idx="2703">
                  <c:v>683.26</c:v>
                </c:pt>
                <c:pt idx="2704">
                  <c:v>683.57500000000005</c:v>
                </c:pt>
                <c:pt idx="2705">
                  <c:v>683.93299999999999</c:v>
                </c:pt>
                <c:pt idx="2706">
                  <c:v>684.29600000000005</c:v>
                </c:pt>
                <c:pt idx="2707">
                  <c:v>684.44899999999996</c:v>
                </c:pt>
                <c:pt idx="2708">
                  <c:v>684.76400000000001</c:v>
                </c:pt>
                <c:pt idx="2709">
                  <c:v>685.03099999999995</c:v>
                </c:pt>
                <c:pt idx="2710">
                  <c:v>685.23500000000001</c:v>
                </c:pt>
                <c:pt idx="2711">
                  <c:v>685.649</c:v>
                </c:pt>
                <c:pt idx="2712">
                  <c:v>685.80399999999997</c:v>
                </c:pt>
                <c:pt idx="2713">
                  <c:v>686.15099999999995</c:v>
                </c:pt>
                <c:pt idx="2714">
                  <c:v>686.30100000000004</c:v>
                </c:pt>
                <c:pt idx="2715">
                  <c:v>686.44299999999998</c:v>
                </c:pt>
                <c:pt idx="2716">
                  <c:v>686.88199999999995</c:v>
                </c:pt>
                <c:pt idx="2717">
                  <c:v>687.10500000000002</c:v>
                </c:pt>
                <c:pt idx="2718">
                  <c:v>687.61599999999999</c:v>
                </c:pt>
                <c:pt idx="2719">
                  <c:v>687.73699999999997</c:v>
                </c:pt>
                <c:pt idx="2720">
                  <c:v>687.78099999999995</c:v>
                </c:pt>
                <c:pt idx="2721">
                  <c:v>688.04300000000001</c:v>
                </c:pt>
                <c:pt idx="2722">
                  <c:v>688.39200000000005</c:v>
                </c:pt>
                <c:pt idx="2723">
                  <c:v>688.48199999999997</c:v>
                </c:pt>
                <c:pt idx="2724">
                  <c:v>688.82500000000005</c:v>
                </c:pt>
                <c:pt idx="2725">
                  <c:v>689.35599999999999</c:v>
                </c:pt>
                <c:pt idx="2726">
                  <c:v>689.78300000000002</c:v>
                </c:pt>
                <c:pt idx="2727">
                  <c:v>689.96500000000003</c:v>
                </c:pt>
                <c:pt idx="2728">
                  <c:v>690.22299999999996</c:v>
                </c:pt>
                <c:pt idx="2729">
                  <c:v>690.37699999999995</c:v>
                </c:pt>
                <c:pt idx="2730">
                  <c:v>690.36599999999999</c:v>
                </c:pt>
                <c:pt idx="2731">
                  <c:v>690.60699999999997</c:v>
                </c:pt>
                <c:pt idx="2732">
                  <c:v>691.005</c:v>
                </c:pt>
                <c:pt idx="2733">
                  <c:v>691.17200000000003</c:v>
                </c:pt>
                <c:pt idx="2734">
                  <c:v>691.25199999999995</c:v>
                </c:pt>
                <c:pt idx="2735">
                  <c:v>691.89099999999996</c:v>
                </c:pt>
                <c:pt idx="2736">
                  <c:v>692.33199999999999</c:v>
                </c:pt>
                <c:pt idx="2737">
                  <c:v>692.35400000000004</c:v>
                </c:pt>
                <c:pt idx="2738">
                  <c:v>692.428</c:v>
                </c:pt>
                <c:pt idx="2739">
                  <c:v>692.63599999999997</c:v>
                </c:pt>
                <c:pt idx="2740">
                  <c:v>692.85900000000004</c:v>
                </c:pt>
                <c:pt idx="2741">
                  <c:v>693.005</c:v>
                </c:pt>
                <c:pt idx="2742">
                  <c:v>693.47500000000002</c:v>
                </c:pt>
                <c:pt idx="2743">
                  <c:v>693.78499999999997</c:v>
                </c:pt>
                <c:pt idx="2744">
                  <c:v>693.95</c:v>
                </c:pt>
                <c:pt idx="2745">
                  <c:v>694.34699999999998</c:v>
                </c:pt>
                <c:pt idx="2746">
                  <c:v>694.43700000000001</c:v>
                </c:pt>
                <c:pt idx="2747">
                  <c:v>694.721</c:v>
                </c:pt>
                <c:pt idx="2748">
                  <c:v>695.11800000000005</c:v>
                </c:pt>
                <c:pt idx="2749">
                  <c:v>695.399</c:v>
                </c:pt>
                <c:pt idx="2750">
                  <c:v>695.38099999999997</c:v>
                </c:pt>
                <c:pt idx="2751">
                  <c:v>695.75099999999998</c:v>
                </c:pt>
                <c:pt idx="2752">
                  <c:v>695.85500000000002</c:v>
                </c:pt>
                <c:pt idx="2753">
                  <c:v>696.03099999999995</c:v>
                </c:pt>
                <c:pt idx="2754">
                  <c:v>696.46699999999998</c:v>
                </c:pt>
                <c:pt idx="2755">
                  <c:v>696.90099999999995</c:v>
                </c:pt>
                <c:pt idx="2756">
                  <c:v>697.01499999999999</c:v>
                </c:pt>
                <c:pt idx="2757">
                  <c:v>697.31399999999996</c:v>
                </c:pt>
                <c:pt idx="2758">
                  <c:v>697.53099999999995</c:v>
                </c:pt>
                <c:pt idx="2759">
                  <c:v>697.45699999999999</c:v>
                </c:pt>
                <c:pt idx="2760">
                  <c:v>697.79399999999998</c:v>
                </c:pt>
                <c:pt idx="2761">
                  <c:v>698.20799999999997</c:v>
                </c:pt>
                <c:pt idx="2762">
                  <c:v>698.47199999999998</c:v>
                </c:pt>
                <c:pt idx="2763">
                  <c:v>698.76400000000001</c:v>
                </c:pt>
                <c:pt idx="2764">
                  <c:v>698.96600000000001</c:v>
                </c:pt>
                <c:pt idx="2765">
                  <c:v>699.18899999999996</c:v>
                </c:pt>
                <c:pt idx="2766">
                  <c:v>699.55700000000002</c:v>
                </c:pt>
                <c:pt idx="2767">
                  <c:v>699.79399999999998</c:v>
                </c:pt>
                <c:pt idx="2768">
                  <c:v>700.11199999999997</c:v>
                </c:pt>
                <c:pt idx="2769">
                  <c:v>700.46500000000003</c:v>
                </c:pt>
                <c:pt idx="2770">
                  <c:v>700.73400000000004</c:v>
                </c:pt>
                <c:pt idx="2771">
                  <c:v>700.82299999999998</c:v>
                </c:pt>
                <c:pt idx="2772">
                  <c:v>701.08199999999999</c:v>
                </c:pt>
                <c:pt idx="2773">
                  <c:v>701.62400000000002</c:v>
                </c:pt>
                <c:pt idx="2774">
                  <c:v>701.55700000000002</c:v>
                </c:pt>
                <c:pt idx="2775">
                  <c:v>701.78499999999997</c:v>
                </c:pt>
                <c:pt idx="2776">
                  <c:v>702.21900000000005</c:v>
                </c:pt>
                <c:pt idx="2777">
                  <c:v>702.62199999999996</c:v>
                </c:pt>
                <c:pt idx="2778">
                  <c:v>702.78399999999999</c:v>
                </c:pt>
                <c:pt idx="2779">
                  <c:v>703.11900000000003</c:v>
                </c:pt>
                <c:pt idx="2780">
                  <c:v>703.26700000000005</c:v>
                </c:pt>
                <c:pt idx="2781">
                  <c:v>703.61</c:v>
                </c:pt>
                <c:pt idx="2782">
                  <c:v>703.58299999999997</c:v>
                </c:pt>
                <c:pt idx="2783">
                  <c:v>703.84100000000001</c:v>
                </c:pt>
                <c:pt idx="2784">
                  <c:v>703.93499999999995</c:v>
                </c:pt>
                <c:pt idx="2785">
                  <c:v>704.28399999999999</c:v>
                </c:pt>
                <c:pt idx="2786">
                  <c:v>704.50800000000004</c:v>
                </c:pt>
                <c:pt idx="2787">
                  <c:v>704.721</c:v>
                </c:pt>
                <c:pt idx="2788">
                  <c:v>705.173</c:v>
                </c:pt>
                <c:pt idx="2789">
                  <c:v>705.35199999999998</c:v>
                </c:pt>
                <c:pt idx="2790">
                  <c:v>705.45299999999997</c:v>
                </c:pt>
                <c:pt idx="2791">
                  <c:v>705.41399999999999</c:v>
                </c:pt>
                <c:pt idx="2792">
                  <c:v>705.97500000000002</c:v>
                </c:pt>
                <c:pt idx="2793">
                  <c:v>706.16700000000003</c:v>
                </c:pt>
                <c:pt idx="2794">
                  <c:v>706.70699999999999</c:v>
                </c:pt>
                <c:pt idx="2795">
                  <c:v>706.75099999999998</c:v>
                </c:pt>
                <c:pt idx="2796">
                  <c:v>707.09</c:v>
                </c:pt>
                <c:pt idx="2797">
                  <c:v>707.37800000000004</c:v>
                </c:pt>
                <c:pt idx="2798">
                  <c:v>707.87699999999995</c:v>
                </c:pt>
                <c:pt idx="2799">
                  <c:v>708.14700000000005</c:v>
                </c:pt>
                <c:pt idx="2800">
                  <c:v>708.47500000000002</c:v>
                </c:pt>
                <c:pt idx="2801">
                  <c:v>708.63800000000003</c:v>
                </c:pt>
                <c:pt idx="2802">
                  <c:v>708.90300000000002</c:v>
                </c:pt>
                <c:pt idx="2803">
                  <c:v>709.21600000000001</c:v>
                </c:pt>
                <c:pt idx="2804">
                  <c:v>709.08799999999997</c:v>
                </c:pt>
                <c:pt idx="2805">
                  <c:v>709.30399999999997</c:v>
                </c:pt>
                <c:pt idx="2806">
                  <c:v>709.72699999999998</c:v>
                </c:pt>
                <c:pt idx="2807">
                  <c:v>710.23800000000006</c:v>
                </c:pt>
                <c:pt idx="2808">
                  <c:v>710.16399999999999</c:v>
                </c:pt>
                <c:pt idx="2809">
                  <c:v>710.58699999999999</c:v>
                </c:pt>
                <c:pt idx="2810">
                  <c:v>710.88</c:v>
                </c:pt>
                <c:pt idx="2811">
                  <c:v>710.947</c:v>
                </c:pt>
                <c:pt idx="2812">
                  <c:v>711.21100000000001</c:v>
                </c:pt>
                <c:pt idx="2813">
                  <c:v>711.42</c:v>
                </c:pt>
                <c:pt idx="2814">
                  <c:v>711.85599999999999</c:v>
                </c:pt>
                <c:pt idx="2815">
                  <c:v>712.11699999999996</c:v>
                </c:pt>
                <c:pt idx="2816">
                  <c:v>712.49400000000003</c:v>
                </c:pt>
                <c:pt idx="2817">
                  <c:v>712.6</c:v>
                </c:pt>
                <c:pt idx="2818">
                  <c:v>712.90499999999997</c:v>
                </c:pt>
                <c:pt idx="2819">
                  <c:v>713.15899999999999</c:v>
                </c:pt>
                <c:pt idx="2820">
                  <c:v>713.53099999999995</c:v>
                </c:pt>
                <c:pt idx="2821">
                  <c:v>713.99</c:v>
                </c:pt>
                <c:pt idx="2822">
                  <c:v>713.86</c:v>
                </c:pt>
                <c:pt idx="2823">
                  <c:v>713.92100000000005</c:v>
                </c:pt>
                <c:pt idx="2824">
                  <c:v>714.22500000000002</c:v>
                </c:pt>
                <c:pt idx="2825">
                  <c:v>714.65700000000004</c:v>
                </c:pt>
                <c:pt idx="2826">
                  <c:v>714.88599999999997</c:v>
                </c:pt>
                <c:pt idx="2827">
                  <c:v>714.93200000000002</c:v>
                </c:pt>
                <c:pt idx="2828">
                  <c:v>715.15</c:v>
                </c:pt>
                <c:pt idx="2829">
                  <c:v>715.58</c:v>
                </c:pt>
                <c:pt idx="2830">
                  <c:v>715.71199999999999</c:v>
                </c:pt>
                <c:pt idx="2831">
                  <c:v>715.87099999999998</c:v>
                </c:pt>
                <c:pt idx="2832">
                  <c:v>716.57799999999997</c:v>
                </c:pt>
                <c:pt idx="2833">
                  <c:v>716.91700000000003</c:v>
                </c:pt>
                <c:pt idx="2834">
                  <c:v>717.13599999999997</c:v>
                </c:pt>
                <c:pt idx="2835">
                  <c:v>717.30899999999997</c:v>
                </c:pt>
                <c:pt idx="2836">
                  <c:v>717.41899999999998</c:v>
                </c:pt>
                <c:pt idx="2837">
                  <c:v>717.58500000000004</c:v>
                </c:pt>
                <c:pt idx="2838">
                  <c:v>718.00400000000002</c:v>
                </c:pt>
                <c:pt idx="2839">
                  <c:v>718.26099999999997</c:v>
                </c:pt>
                <c:pt idx="2840">
                  <c:v>718.20100000000002</c:v>
                </c:pt>
                <c:pt idx="2841">
                  <c:v>718.45799999999997</c:v>
                </c:pt>
                <c:pt idx="2842">
                  <c:v>718.899</c:v>
                </c:pt>
                <c:pt idx="2843">
                  <c:v>719.34799999999996</c:v>
                </c:pt>
                <c:pt idx="2844">
                  <c:v>719.404</c:v>
                </c:pt>
                <c:pt idx="2845">
                  <c:v>719.83600000000001</c:v>
                </c:pt>
                <c:pt idx="2846">
                  <c:v>720.00300000000004</c:v>
                </c:pt>
                <c:pt idx="2847">
                  <c:v>720.178</c:v>
                </c:pt>
                <c:pt idx="2848">
                  <c:v>720.471</c:v>
                </c:pt>
                <c:pt idx="2849">
                  <c:v>720.84500000000003</c:v>
                </c:pt>
                <c:pt idx="2850">
                  <c:v>721.077</c:v>
                </c:pt>
                <c:pt idx="2851">
                  <c:v>721.28499999999997</c:v>
                </c:pt>
                <c:pt idx="2852">
                  <c:v>721.60199999999998</c:v>
                </c:pt>
                <c:pt idx="2853">
                  <c:v>721.73900000000003</c:v>
                </c:pt>
                <c:pt idx="2854">
                  <c:v>721.99800000000005</c:v>
                </c:pt>
                <c:pt idx="2855">
                  <c:v>722.45600000000002</c:v>
                </c:pt>
                <c:pt idx="2856">
                  <c:v>722.44200000000001</c:v>
                </c:pt>
                <c:pt idx="2857">
                  <c:v>722.49099999999999</c:v>
                </c:pt>
                <c:pt idx="2858">
                  <c:v>722.87199999999996</c:v>
                </c:pt>
                <c:pt idx="2859">
                  <c:v>723.16099999999994</c:v>
                </c:pt>
                <c:pt idx="2860">
                  <c:v>723.54499999999996</c:v>
                </c:pt>
                <c:pt idx="2861">
                  <c:v>724.02700000000004</c:v>
                </c:pt>
                <c:pt idx="2862">
                  <c:v>724.23199999999997</c:v>
                </c:pt>
                <c:pt idx="2863">
                  <c:v>724.60500000000002</c:v>
                </c:pt>
                <c:pt idx="2864">
                  <c:v>724.673</c:v>
                </c:pt>
                <c:pt idx="2865">
                  <c:v>725.13300000000004</c:v>
                </c:pt>
                <c:pt idx="2866">
                  <c:v>725.16099999999994</c:v>
                </c:pt>
                <c:pt idx="2867">
                  <c:v>725.553</c:v>
                </c:pt>
                <c:pt idx="2868">
                  <c:v>725.46</c:v>
                </c:pt>
                <c:pt idx="2869">
                  <c:v>725.83500000000004</c:v>
                </c:pt>
                <c:pt idx="2870">
                  <c:v>726.14800000000002</c:v>
                </c:pt>
                <c:pt idx="2871">
                  <c:v>726.38499999999999</c:v>
                </c:pt>
                <c:pt idx="2872">
                  <c:v>726.83799999999997</c:v>
                </c:pt>
                <c:pt idx="2873">
                  <c:v>727.28300000000002</c:v>
                </c:pt>
                <c:pt idx="2874">
                  <c:v>727.59299999999996</c:v>
                </c:pt>
                <c:pt idx="2875">
                  <c:v>727.74199999999996</c:v>
                </c:pt>
                <c:pt idx="2876">
                  <c:v>727.88099999999997</c:v>
                </c:pt>
                <c:pt idx="2877">
                  <c:v>728.04700000000003</c:v>
                </c:pt>
                <c:pt idx="2878">
                  <c:v>728.23199999999997</c:v>
                </c:pt>
                <c:pt idx="2879">
                  <c:v>728.60599999999999</c:v>
                </c:pt>
                <c:pt idx="2880">
                  <c:v>728.68499999999995</c:v>
                </c:pt>
                <c:pt idx="2881">
                  <c:v>728.91200000000003</c:v>
                </c:pt>
                <c:pt idx="2882">
                  <c:v>729.32</c:v>
                </c:pt>
                <c:pt idx="2883">
                  <c:v>729.75599999999997</c:v>
                </c:pt>
                <c:pt idx="2884">
                  <c:v>729.9</c:v>
                </c:pt>
                <c:pt idx="2885">
                  <c:v>730.14700000000005</c:v>
                </c:pt>
                <c:pt idx="2886">
                  <c:v>730.18499999999995</c:v>
                </c:pt>
                <c:pt idx="2887">
                  <c:v>730.34900000000005</c:v>
                </c:pt>
                <c:pt idx="2888">
                  <c:v>730.93</c:v>
                </c:pt>
                <c:pt idx="2889">
                  <c:v>730.96400000000006</c:v>
                </c:pt>
                <c:pt idx="2890">
                  <c:v>731.07600000000002</c:v>
                </c:pt>
                <c:pt idx="2891">
                  <c:v>731.40200000000004</c:v>
                </c:pt>
                <c:pt idx="2892">
                  <c:v>732.03</c:v>
                </c:pt>
                <c:pt idx="2893">
                  <c:v>732.29899999999998</c:v>
                </c:pt>
                <c:pt idx="2894">
                  <c:v>732.33600000000001</c:v>
                </c:pt>
                <c:pt idx="2895">
                  <c:v>732.53499999999997</c:v>
                </c:pt>
                <c:pt idx="2896">
                  <c:v>732.702</c:v>
                </c:pt>
                <c:pt idx="2897">
                  <c:v>733.20299999999997</c:v>
                </c:pt>
                <c:pt idx="2898">
                  <c:v>733.149</c:v>
                </c:pt>
                <c:pt idx="2899">
                  <c:v>733.53200000000004</c:v>
                </c:pt>
                <c:pt idx="2900">
                  <c:v>733.97299999999996</c:v>
                </c:pt>
                <c:pt idx="2901">
                  <c:v>734.29899999999998</c:v>
                </c:pt>
                <c:pt idx="2902">
                  <c:v>734.49800000000005</c:v>
                </c:pt>
                <c:pt idx="2903">
                  <c:v>734.65800000000002</c:v>
                </c:pt>
                <c:pt idx="2904">
                  <c:v>734.94</c:v>
                </c:pt>
                <c:pt idx="2905">
                  <c:v>735.14599999999996</c:v>
                </c:pt>
                <c:pt idx="2906">
                  <c:v>735.51800000000003</c:v>
                </c:pt>
                <c:pt idx="2907">
                  <c:v>735.923</c:v>
                </c:pt>
                <c:pt idx="2908">
                  <c:v>736.30700000000002</c:v>
                </c:pt>
                <c:pt idx="2909">
                  <c:v>736.69399999999996</c:v>
                </c:pt>
                <c:pt idx="2910">
                  <c:v>736.745</c:v>
                </c:pt>
                <c:pt idx="2911">
                  <c:v>737.053</c:v>
                </c:pt>
                <c:pt idx="2912">
                  <c:v>737.09900000000005</c:v>
                </c:pt>
                <c:pt idx="2913">
                  <c:v>737.40200000000004</c:v>
                </c:pt>
                <c:pt idx="2914">
                  <c:v>737.35599999999999</c:v>
                </c:pt>
                <c:pt idx="2915">
                  <c:v>737.75099999999998</c:v>
                </c:pt>
                <c:pt idx="2916">
                  <c:v>738.01700000000005</c:v>
                </c:pt>
                <c:pt idx="2917">
                  <c:v>738.38400000000001</c:v>
                </c:pt>
                <c:pt idx="2918">
                  <c:v>738.71100000000001</c:v>
                </c:pt>
                <c:pt idx="2919">
                  <c:v>738.89099999999996</c:v>
                </c:pt>
                <c:pt idx="2920">
                  <c:v>739.03599999999994</c:v>
                </c:pt>
                <c:pt idx="2921">
                  <c:v>739.12800000000004</c:v>
                </c:pt>
                <c:pt idx="2922">
                  <c:v>739.52499999999998</c:v>
                </c:pt>
                <c:pt idx="2923">
                  <c:v>739.95399999999995</c:v>
                </c:pt>
                <c:pt idx="2924">
                  <c:v>740.18499999999995</c:v>
                </c:pt>
                <c:pt idx="2925">
                  <c:v>740.26099999999997</c:v>
                </c:pt>
                <c:pt idx="2926">
                  <c:v>740.61199999999997</c:v>
                </c:pt>
                <c:pt idx="2927">
                  <c:v>741.08399999999995</c:v>
                </c:pt>
                <c:pt idx="2928">
                  <c:v>741.33900000000006</c:v>
                </c:pt>
                <c:pt idx="2929">
                  <c:v>741.39200000000005</c:v>
                </c:pt>
                <c:pt idx="2930">
                  <c:v>741.48500000000001</c:v>
                </c:pt>
                <c:pt idx="2931">
                  <c:v>741.71900000000005</c:v>
                </c:pt>
                <c:pt idx="2932">
                  <c:v>742.08</c:v>
                </c:pt>
                <c:pt idx="2933">
                  <c:v>742.67100000000005</c:v>
                </c:pt>
                <c:pt idx="2934">
                  <c:v>743.02700000000004</c:v>
                </c:pt>
                <c:pt idx="2935">
                  <c:v>743.18299999999999</c:v>
                </c:pt>
                <c:pt idx="2936">
                  <c:v>743.51900000000001</c:v>
                </c:pt>
                <c:pt idx="2937">
                  <c:v>743.81799999999998</c:v>
                </c:pt>
                <c:pt idx="2938">
                  <c:v>744.08399999999995</c:v>
                </c:pt>
                <c:pt idx="2939">
                  <c:v>744.31200000000001</c:v>
                </c:pt>
                <c:pt idx="2940">
                  <c:v>744.40499999999997</c:v>
                </c:pt>
                <c:pt idx="2941">
                  <c:v>744.495</c:v>
                </c:pt>
                <c:pt idx="2942">
                  <c:v>744.85400000000004</c:v>
                </c:pt>
                <c:pt idx="2943">
                  <c:v>745.17200000000003</c:v>
                </c:pt>
                <c:pt idx="2944">
                  <c:v>745.19899999999996</c:v>
                </c:pt>
                <c:pt idx="2945">
                  <c:v>745.46699999999998</c:v>
                </c:pt>
                <c:pt idx="2946">
                  <c:v>745.89099999999996</c:v>
                </c:pt>
                <c:pt idx="2947">
                  <c:v>746.26900000000001</c:v>
                </c:pt>
                <c:pt idx="2948">
                  <c:v>746.50300000000004</c:v>
                </c:pt>
                <c:pt idx="2949">
                  <c:v>746.55600000000004</c:v>
                </c:pt>
                <c:pt idx="2950">
                  <c:v>746.74599999999998</c:v>
                </c:pt>
                <c:pt idx="2951">
                  <c:v>746.92600000000004</c:v>
                </c:pt>
                <c:pt idx="2952">
                  <c:v>747.24</c:v>
                </c:pt>
                <c:pt idx="2953">
                  <c:v>747.7</c:v>
                </c:pt>
                <c:pt idx="2954">
                  <c:v>748</c:v>
                </c:pt>
                <c:pt idx="2955">
                  <c:v>748.24599999999998</c:v>
                </c:pt>
                <c:pt idx="2956">
                  <c:v>748.56299999999999</c:v>
                </c:pt>
                <c:pt idx="2957">
                  <c:v>748.56600000000003</c:v>
                </c:pt>
                <c:pt idx="2958">
                  <c:v>748.96600000000001</c:v>
                </c:pt>
                <c:pt idx="2959">
                  <c:v>749.37900000000002</c:v>
                </c:pt>
                <c:pt idx="2960">
                  <c:v>749.50900000000001</c:v>
                </c:pt>
                <c:pt idx="2961">
                  <c:v>749.67200000000003</c:v>
                </c:pt>
                <c:pt idx="2962">
                  <c:v>749.87900000000002</c:v>
                </c:pt>
                <c:pt idx="2963">
                  <c:v>750.12199999999996</c:v>
                </c:pt>
                <c:pt idx="2964">
                  <c:v>750.58600000000001</c:v>
                </c:pt>
                <c:pt idx="2965">
                  <c:v>750.77200000000005</c:v>
                </c:pt>
                <c:pt idx="2966">
                  <c:v>751.09</c:v>
                </c:pt>
                <c:pt idx="2967">
                  <c:v>751.45100000000002</c:v>
                </c:pt>
                <c:pt idx="2968">
                  <c:v>751.476</c:v>
                </c:pt>
                <c:pt idx="2969">
                  <c:v>751.85799999999995</c:v>
                </c:pt>
                <c:pt idx="2970">
                  <c:v>752.00900000000001</c:v>
                </c:pt>
                <c:pt idx="2971">
                  <c:v>752.29600000000005</c:v>
                </c:pt>
                <c:pt idx="2972">
                  <c:v>752.51400000000001</c:v>
                </c:pt>
                <c:pt idx="2973">
                  <c:v>752.59500000000003</c:v>
                </c:pt>
                <c:pt idx="2974">
                  <c:v>753.07</c:v>
                </c:pt>
                <c:pt idx="2975">
                  <c:v>753.35199999999998</c:v>
                </c:pt>
                <c:pt idx="2976">
                  <c:v>753.77499999999998</c:v>
                </c:pt>
                <c:pt idx="2977">
                  <c:v>754.16399999999999</c:v>
                </c:pt>
                <c:pt idx="2978">
                  <c:v>754.4</c:v>
                </c:pt>
                <c:pt idx="2979">
                  <c:v>754.54300000000001</c:v>
                </c:pt>
                <c:pt idx="2980">
                  <c:v>754.70299999999997</c:v>
                </c:pt>
                <c:pt idx="2981">
                  <c:v>755.06500000000005</c:v>
                </c:pt>
                <c:pt idx="2982">
                  <c:v>755.34500000000003</c:v>
                </c:pt>
                <c:pt idx="2983">
                  <c:v>755.48</c:v>
                </c:pt>
                <c:pt idx="2984">
                  <c:v>755.64700000000005</c:v>
                </c:pt>
                <c:pt idx="2985">
                  <c:v>756.03700000000003</c:v>
                </c:pt>
                <c:pt idx="2986">
                  <c:v>756.03599999999994</c:v>
                </c:pt>
                <c:pt idx="2987">
                  <c:v>756.19799999999998</c:v>
                </c:pt>
                <c:pt idx="2988">
                  <c:v>756.42600000000004</c:v>
                </c:pt>
                <c:pt idx="2989">
                  <c:v>756.577</c:v>
                </c:pt>
                <c:pt idx="2990">
                  <c:v>757.06100000000004</c:v>
                </c:pt>
                <c:pt idx="2991">
                  <c:v>757.45100000000002</c:v>
                </c:pt>
                <c:pt idx="2992">
                  <c:v>757.78200000000004</c:v>
                </c:pt>
                <c:pt idx="2993">
                  <c:v>758.06500000000005</c:v>
                </c:pt>
                <c:pt idx="2994">
                  <c:v>758.255</c:v>
                </c:pt>
                <c:pt idx="2995">
                  <c:v>758.44399999999996</c:v>
                </c:pt>
                <c:pt idx="2996">
                  <c:v>758.55399999999997</c:v>
                </c:pt>
                <c:pt idx="2997">
                  <c:v>758.9</c:v>
                </c:pt>
                <c:pt idx="2998">
                  <c:v>759.23099999999999</c:v>
                </c:pt>
                <c:pt idx="2999">
                  <c:v>759.31899999999996</c:v>
                </c:pt>
                <c:pt idx="3000">
                  <c:v>759.81500000000005</c:v>
                </c:pt>
                <c:pt idx="3001">
                  <c:v>760.11</c:v>
                </c:pt>
                <c:pt idx="3002">
                  <c:v>760.15099999999995</c:v>
                </c:pt>
                <c:pt idx="3003">
                  <c:v>760.15899999999999</c:v>
                </c:pt>
                <c:pt idx="3004">
                  <c:v>760.44600000000003</c:v>
                </c:pt>
                <c:pt idx="3005">
                  <c:v>760.63400000000001</c:v>
                </c:pt>
                <c:pt idx="3006">
                  <c:v>760.97400000000005</c:v>
                </c:pt>
                <c:pt idx="3007">
                  <c:v>761.21299999999997</c:v>
                </c:pt>
                <c:pt idx="3008">
                  <c:v>761.78099999999995</c:v>
                </c:pt>
                <c:pt idx="3009">
                  <c:v>762.04600000000005</c:v>
                </c:pt>
                <c:pt idx="3010">
                  <c:v>762.18799999999999</c:v>
                </c:pt>
                <c:pt idx="3011">
                  <c:v>762.54499999999996</c:v>
                </c:pt>
                <c:pt idx="3012">
                  <c:v>763.04600000000005</c:v>
                </c:pt>
                <c:pt idx="3013">
                  <c:v>763.22500000000002</c:v>
                </c:pt>
                <c:pt idx="3014">
                  <c:v>763.548</c:v>
                </c:pt>
                <c:pt idx="3015">
                  <c:v>763.92200000000003</c:v>
                </c:pt>
                <c:pt idx="3016">
                  <c:v>763.93399999999997</c:v>
                </c:pt>
                <c:pt idx="3017">
                  <c:v>764.11099999999999</c:v>
                </c:pt>
                <c:pt idx="3018">
                  <c:v>764.274</c:v>
                </c:pt>
                <c:pt idx="3019">
                  <c:v>764.72799999999995</c:v>
                </c:pt>
                <c:pt idx="3020">
                  <c:v>764.92399999999998</c:v>
                </c:pt>
                <c:pt idx="3021">
                  <c:v>764.99599999999998</c:v>
                </c:pt>
                <c:pt idx="3022">
                  <c:v>765.28399999999999</c:v>
                </c:pt>
                <c:pt idx="3023">
                  <c:v>765.64400000000001</c:v>
                </c:pt>
                <c:pt idx="3024">
                  <c:v>765.89700000000005</c:v>
                </c:pt>
                <c:pt idx="3025">
                  <c:v>765.93600000000004</c:v>
                </c:pt>
                <c:pt idx="3026">
                  <c:v>766.23599999999999</c:v>
                </c:pt>
                <c:pt idx="3027">
                  <c:v>766.60900000000004</c:v>
                </c:pt>
                <c:pt idx="3028">
                  <c:v>766.91800000000001</c:v>
                </c:pt>
                <c:pt idx="3029">
                  <c:v>767.20100000000002</c:v>
                </c:pt>
                <c:pt idx="3030">
                  <c:v>767.31899999999996</c:v>
                </c:pt>
                <c:pt idx="3031">
                  <c:v>767.70699999999999</c:v>
                </c:pt>
                <c:pt idx="3032">
                  <c:v>768.03</c:v>
                </c:pt>
                <c:pt idx="3033">
                  <c:v>768.02499999999998</c:v>
                </c:pt>
                <c:pt idx="3034">
                  <c:v>768.07600000000002</c:v>
                </c:pt>
                <c:pt idx="3035">
                  <c:v>768.29</c:v>
                </c:pt>
                <c:pt idx="3036">
                  <c:v>768.45600000000002</c:v>
                </c:pt>
                <c:pt idx="3037">
                  <c:v>768.76199999999994</c:v>
                </c:pt>
                <c:pt idx="3038">
                  <c:v>768.976</c:v>
                </c:pt>
                <c:pt idx="3039">
                  <c:v>769.56600000000003</c:v>
                </c:pt>
                <c:pt idx="3040">
                  <c:v>770.05399999999997</c:v>
                </c:pt>
                <c:pt idx="3041">
                  <c:v>770.18700000000001</c:v>
                </c:pt>
                <c:pt idx="3042">
                  <c:v>770.54899999999998</c:v>
                </c:pt>
                <c:pt idx="3043">
                  <c:v>770.57799999999997</c:v>
                </c:pt>
                <c:pt idx="3044">
                  <c:v>770.64099999999996</c:v>
                </c:pt>
                <c:pt idx="3045">
                  <c:v>771</c:v>
                </c:pt>
                <c:pt idx="3046">
                  <c:v>771.29499999999996</c:v>
                </c:pt>
                <c:pt idx="3047">
                  <c:v>771.46600000000001</c:v>
                </c:pt>
                <c:pt idx="3048">
                  <c:v>771.63400000000001</c:v>
                </c:pt>
                <c:pt idx="3049">
                  <c:v>772.08299999999997</c:v>
                </c:pt>
                <c:pt idx="3050">
                  <c:v>772.27300000000002</c:v>
                </c:pt>
                <c:pt idx="3051">
                  <c:v>772.59299999999996</c:v>
                </c:pt>
                <c:pt idx="3052">
                  <c:v>772.91899999999998</c:v>
                </c:pt>
                <c:pt idx="3053">
                  <c:v>773.14499999999998</c:v>
                </c:pt>
                <c:pt idx="3054">
                  <c:v>773.41800000000001</c:v>
                </c:pt>
                <c:pt idx="3055">
                  <c:v>773.34400000000005</c:v>
                </c:pt>
                <c:pt idx="3056">
                  <c:v>773.68200000000002</c:v>
                </c:pt>
                <c:pt idx="3057">
                  <c:v>773.98900000000003</c:v>
                </c:pt>
                <c:pt idx="3058">
                  <c:v>774.21900000000005</c:v>
                </c:pt>
                <c:pt idx="3059">
                  <c:v>774.53700000000003</c:v>
                </c:pt>
                <c:pt idx="3060">
                  <c:v>774.851</c:v>
                </c:pt>
                <c:pt idx="3061">
                  <c:v>775.08699999999999</c:v>
                </c:pt>
                <c:pt idx="3062">
                  <c:v>775.31799999999998</c:v>
                </c:pt>
                <c:pt idx="3063">
                  <c:v>775.6</c:v>
                </c:pt>
                <c:pt idx="3064">
                  <c:v>775.78899999999999</c:v>
                </c:pt>
                <c:pt idx="3065">
                  <c:v>776.18700000000001</c:v>
                </c:pt>
                <c:pt idx="3066">
                  <c:v>776.57100000000003</c:v>
                </c:pt>
                <c:pt idx="3067">
                  <c:v>776.97699999999998</c:v>
                </c:pt>
                <c:pt idx="3068">
                  <c:v>777.35299999999995</c:v>
                </c:pt>
                <c:pt idx="3069">
                  <c:v>777.76700000000005</c:v>
                </c:pt>
                <c:pt idx="3070">
                  <c:v>777.74099999999999</c:v>
                </c:pt>
                <c:pt idx="3071">
                  <c:v>777.81399999999996</c:v>
                </c:pt>
                <c:pt idx="3072">
                  <c:v>778.03599999999994</c:v>
                </c:pt>
                <c:pt idx="3073">
                  <c:v>778.41899999999998</c:v>
                </c:pt>
                <c:pt idx="3074">
                  <c:v>778.78700000000003</c:v>
                </c:pt>
                <c:pt idx="3075">
                  <c:v>779.18499999999995</c:v>
                </c:pt>
                <c:pt idx="3076">
                  <c:v>779.18700000000001</c:v>
                </c:pt>
                <c:pt idx="3077">
                  <c:v>779.11699999999996</c:v>
                </c:pt>
                <c:pt idx="3078">
                  <c:v>779.63300000000004</c:v>
                </c:pt>
                <c:pt idx="3079">
                  <c:v>779.95600000000002</c:v>
                </c:pt>
                <c:pt idx="3080">
                  <c:v>780.02300000000002</c:v>
                </c:pt>
                <c:pt idx="3081">
                  <c:v>780.428</c:v>
                </c:pt>
                <c:pt idx="3082">
                  <c:v>780.68799999999999</c:v>
                </c:pt>
                <c:pt idx="3083">
                  <c:v>780.89300000000003</c:v>
                </c:pt>
                <c:pt idx="3084">
                  <c:v>781.19600000000003</c:v>
                </c:pt>
                <c:pt idx="3085">
                  <c:v>781.45699999999999</c:v>
                </c:pt>
                <c:pt idx="3086">
                  <c:v>781.81</c:v>
                </c:pt>
                <c:pt idx="3087">
                  <c:v>782.10299999999995</c:v>
                </c:pt>
                <c:pt idx="3088">
                  <c:v>782.21299999999997</c:v>
                </c:pt>
                <c:pt idx="3089">
                  <c:v>782.26</c:v>
                </c:pt>
                <c:pt idx="3090">
                  <c:v>782.66300000000001</c:v>
                </c:pt>
                <c:pt idx="3091">
                  <c:v>782.85900000000004</c:v>
                </c:pt>
                <c:pt idx="3092">
                  <c:v>783.04300000000001</c:v>
                </c:pt>
                <c:pt idx="3093">
                  <c:v>783.18600000000004</c:v>
                </c:pt>
                <c:pt idx="3094">
                  <c:v>783.40599999999995</c:v>
                </c:pt>
                <c:pt idx="3095">
                  <c:v>783.71900000000005</c:v>
                </c:pt>
                <c:pt idx="3096">
                  <c:v>783.98800000000006</c:v>
                </c:pt>
                <c:pt idx="3097">
                  <c:v>784.28800000000001</c:v>
                </c:pt>
                <c:pt idx="3098">
                  <c:v>784.68</c:v>
                </c:pt>
                <c:pt idx="3099">
                  <c:v>785.21500000000003</c:v>
                </c:pt>
                <c:pt idx="3100">
                  <c:v>785.59699999999998</c:v>
                </c:pt>
                <c:pt idx="3101">
                  <c:v>785.79700000000003</c:v>
                </c:pt>
                <c:pt idx="3102">
                  <c:v>785.74300000000005</c:v>
                </c:pt>
                <c:pt idx="3103">
                  <c:v>785.899</c:v>
                </c:pt>
                <c:pt idx="3104">
                  <c:v>786.06600000000003</c:v>
                </c:pt>
                <c:pt idx="3105">
                  <c:v>786.52200000000005</c:v>
                </c:pt>
                <c:pt idx="3106">
                  <c:v>786.67100000000005</c:v>
                </c:pt>
                <c:pt idx="3107">
                  <c:v>786.81100000000004</c:v>
                </c:pt>
                <c:pt idx="3108">
                  <c:v>787.16</c:v>
                </c:pt>
                <c:pt idx="3109">
                  <c:v>787.50699999999995</c:v>
                </c:pt>
                <c:pt idx="3110">
                  <c:v>787.41700000000003</c:v>
                </c:pt>
                <c:pt idx="3111">
                  <c:v>787.91600000000005</c:v>
                </c:pt>
                <c:pt idx="3112">
                  <c:v>788.26700000000005</c:v>
                </c:pt>
                <c:pt idx="3113">
                  <c:v>788.39200000000005</c:v>
                </c:pt>
                <c:pt idx="3114">
                  <c:v>788.63499999999999</c:v>
                </c:pt>
                <c:pt idx="3115">
                  <c:v>789.06399999999996</c:v>
                </c:pt>
                <c:pt idx="3116">
                  <c:v>789.38699999999994</c:v>
                </c:pt>
                <c:pt idx="3117">
                  <c:v>789.48400000000004</c:v>
                </c:pt>
                <c:pt idx="3118">
                  <c:v>790.02499999999998</c:v>
                </c:pt>
                <c:pt idx="3119">
                  <c:v>790.43700000000001</c:v>
                </c:pt>
                <c:pt idx="3120">
                  <c:v>790.74099999999999</c:v>
                </c:pt>
                <c:pt idx="3121">
                  <c:v>791.14599999999996</c:v>
                </c:pt>
                <c:pt idx="3122">
                  <c:v>791.22900000000004</c:v>
                </c:pt>
                <c:pt idx="3123">
                  <c:v>791.57799999999997</c:v>
                </c:pt>
                <c:pt idx="3124">
                  <c:v>791.87800000000004</c:v>
                </c:pt>
                <c:pt idx="3125">
                  <c:v>792.423</c:v>
                </c:pt>
                <c:pt idx="3126">
                  <c:v>792.38499999999999</c:v>
                </c:pt>
                <c:pt idx="3127">
                  <c:v>792.46400000000006</c:v>
                </c:pt>
                <c:pt idx="3128">
                  <c:v>792.78800000000001</c:v>
                </c:pt>
                <c:pt idx="3129">
                  <c:v>793.03700000000003</c:v>
                </c:pt>
                <c:pt idx="3130">
                  <c:v>793.00599999999997</c:v>
                </c:pt>
                <c:pt idx="3131">
                  <c:v>793.62099999999998</c:v>
                </c:pt>
                <c:pt idx="3132">
                  <c:v>793.90700000000004</c:v>
                </c:pt>
                <c:pt idx="3133">
                  <c:v>793.57600000000002</c:v>
                </c:pt>
                <c:pt idx="3134">
                  <c:v>793.86199999999997</c:v>
                </c:pt>
                <c:pt idx="3135">
                  <c:v>794.346</c:v>
                </c:pt>
                <c:pt idx="3136">
                  <c:v>794.73500000000001</c:v>
                </c:pt>
                <c:pt idx="3137">
                  <c:v>794.97199999999998</c:v>
                </c:pt>
                <c:pt idx="3138">
                  <c:v>795.245</c:v>
                </c:pt>
                <c:pt idx="3139">
                  <c:v>795.24099999999999</c:v>
                </c:pt>
                <c:pt idx="3140">
                  <c:v>795.65499999999997</c:v>
                </c:pt>
                <c:pt idx="3141">
                  <c:v>796.20799999999997</c:v>
                </c:pt>
                <c:pt idx="3142">
                  <c:v>796.47500000000002</c:v>
                </c:pt>
                <c:pt idx="3143">
                  <c:v>796.51099999999997</c:v>
                </c:pt>
                <c:pt idx="3144">
                  <c:v>796.75599999999997</c:v>
                </c:pt>
                <c:pt idx="3145">
                  <c:v>797.11800000000005</c:v>
                </c:pt>
                <c:pt idx="3146">
                  <c:v>797.44100000000003</c:v>
                </c:pt>
                <c:pt idx="3147">
                  <c:v>797.78499999999997</c:v>
                </c:pt>
                <c:pt idx="3148">
                  <c:v>797.92100000000005</c:v>
                </c:pt>
                <c:pt idx="3149">
                  <c:v>798.02099999999996</c:v>
                </c:pt>
                <c:pt idx="3150">
                  <c:v>798.44100000000003</c:v>
                </c:pt>
                <c:pt idx="3151">
                  <c:v>798.71100000000001</c:v>
                </c:pt>
                <c:pt idx="3152">
                  <c:v>798.93100000000004</c:v>
                </c:pt>
                <c:pt idx="3153">
                  <c:v>799.06299999999999</c:v>
                </c:pt>
                <c:pt idx="3154">
                  <c:v>799.34900000000005</c:v>
                </c:pt>
                <c:pt idx="3155">
                  <c:v>799.59799999999996</c:v>
                </c:pt>
                <c:pt idx="3156">
                  <c:v>799.90599999999995</c:v>
                </c:pt>
                <c:pt idx="3157">
                  <c:v>800.18899999999996</c:v>
                </c:pt>
                <c:pt idx="3158">
                  <c:v>800.31399999999996</c:v>
                </c:pt>
                <c:pt idx="3159">
                  <c:v>800.63400000000001</c:v>
                </c:pt>
                <c:pt idx="3160">
                  <c:v>800.94399999999996</c:v>
                </c:pt>
                <c:pt idx="3161">
                  <c:v>801.33699999999999</c:v>
                </c:pt>
                <c:pt idx="3162">
                  <c:v>801.60799999999995</c:v>
                </c:pt>
                <c:pt idx="3163">
                  <c:v>801.68700000000001</c:v>
                </c:pt>
                <c:pt idx="3164">
                  <c:v>802.22400000000005</c:v>
                </c:pt>
                <c:pt idx="3165">
                  <c:v>802.20100000000002</c:v>
                </c:pt>
                <c:pt idx="3166">
                  <c:v>802.57399999999996</c:v>
                </c:pt>
                <c:pt idx="3167">
                  <c:v>802.83299999999997</c:v>
                </c:pt>
                <c:pt idx="3168">
                  <c:v>803.25800000000004</c:v>
                </c:pt>
                <c:pt idx="3169">
                  <c:v>803.67</c:v>
                </c:pt>
                <c:pt idx="3170">
                  <c:v>803.78700000000003</c:v>
                </c:pt>
                <c:pt idx="3171">
                  <c:v>803.79700000000003</c:v>
                </c:pt>
                <c:pt idx="3172">
                  <c:v>803.97699999999998</c:v>
                </c:pt>
                <c:pt idx="3173">
                  <c:v>804.28899999999999</c:v>
                </c:pt>
                <c:pt idx="3174">
                  <c:v>804.51099999999997</c:v>
                </c:pt>
                <c:pt idx="3175">
                  <c:v>804.90599999999995</c:v>
                </c:pt>
                <c:pt idx="3176">
                  <c:v>805.32299999999998</c:v>
                </c:pt>
                <c:pt idx="3177">
                  <c:v>805.39800000000002</c:v>
                </c:pt>
                <c:pt idx="3178">
                  <c:v>805.80899999999997</c:v>
                </c:pt>
                <c:pt idx="3179">
                  <c:v>806.00300000000004</c:v>
                </c:pt>
                <c:pt idx="3180">
                  <c:v>806.17499999999995</c:v>
                </c:pt>
                <c:pt idx="3181">
                  <c:v>806.32399999999996</c:v>
                </c:pt>
                <c:pt idx="3182">
                  <c:v>806.91</c:v>
                </c:pt>
                <c:pt idx="3183">
                  <c:v>807.154</c:v>
                </c:pt>
                <c:pt idx="3184">
                  <c:v>807.20699999999999</c:v>
                </c:pt>
                <c:pt idx="3185">
                  <c:v>807.57399999999996</c:v>
                </c:pt>
                <c:pt idx="3186">
                  <c:v>807.69500000000005</c:v>
                </c:pt>
                <c:pt idx="3187">
                  <c:v>807.77</c:v>
                </c:pt>
                <c:pt idx="3188">
                  <c:v>808.21699999999998</c:v>
                </c:pt>
                <c:pt idx="3189">
                  <c:v>808.50699999999995</c:v>
                </c:pt>
                <c:pt idx="3190">
                  <c:v>808.67499999999995</c:v>
                </c:pt>
                <c:pt idx="3191">
                  <c:v>808.95</c:v>
                </c:pt>
                <c:pt idx="3192">
                  <c:v>809.26099999999997</c:v>
                </c:pt>
                <c:pt idx="3193">
                  <c:v>809.72799999999995</c:v>
                </c:pt>
                <c:pt idx="3194">
                  <c:v>810.048</c:v>
                </c:pt>
                <c:pt idx="3195">
                  <c:v>810.38400000000001</c:v>
                </c:pt>
                <c:pt idx="3196">
                  <c:v>810.59199999999998</c:v>
                </c:pt>
                <c:pt idx="3197">
                  <c:v>810.93299999999999</c:v>
                </c:pt>
                <c:pt idx="3198">
                  <c:v>811.05600000000004</c:v>
                </c:pt>
                <c:pt idx="3199">
                  <c:v>811.43100000000004</c:v>
                </c:pt>
                <c:pt idx="3200">
                  <c:v>811.47</c:v>
                </c:pt>
                <c:pt idx="3201">
                  <c:v>811.78499999999997</c:v>
                </c:pt>
                <c:pt idx="3202">
                  <c:v>811.93100000000004</c:v>
                </c:pt>
                <c:pt idx="3203">
                  <c:v>812.46500000000003</c:v>
                </c:pt>
                <c:pt idx="3204">
                  <c:v>812.79</c:v>
                </c:pt>
                <c:pt idx="3205">
                  <c:v>813.10299999999995</c:v>
                </c:pt>
                <c:pt idx="3206">
                  <c:v>813.35199999999998</c:v>
                </c:pt>
                <c:pt idx="3207">
                  <c:v>813.20699999999999</c:v>
                </c:pt>
                <c:pt idx="3208">
                  <c:v>813.42</c:v>
                </c:pt>
                <c:pt idx="3209">
                  <c:v>813.51099999999997</c:v>
                </c:pt>
                <c:pt idx="3210">
                  <c:v>813.84299999999996</c:v>
                </c:pt>
                <c:pt idx="3211">
                  <c:v>814.11800000000005</c:v>
                </c:pt>
                <c:pt idx="3212">
                  <c:v>814.28700000000003</c:v>
                </c:pt>
                <c:pt idx="3213">
                  <c:v>814.51199999999994</c:v>
                </c:pt>
                <c:pt idx="3214">
                  <c:v>814.80700000000002</c:v>
                </c:pt>
                <c:pt idx="3215">
                  <c:v>815.13</c:v>
                </c:pt>
                <c:pt idx="3216">
                  <c:v>815.51300000000003</c:v>
                </c:pt>
                <c:pt idx="3217">
                  <c:v>815.71400000000006</c:v>
                </c:pt>
                <c:pt idx="3218">
                  <c:v>815.96600000000001</c:v>
                </c:pt>
                <c:pt idx="3219">
                  <c:v>816.21199999999999</c:v>
                </c:pt>
                <c:pt idx="3220">
                  <c:v>816.36699999999996</c:v>
                </c:pt>
                <c:pt idx="3221">
                  <c:v>816.55899999999997</c:v>
                </c:pt>
                <c:pt idx="3222">
                  <c:v>816.971</c:v>
                </c:pt>
                <c:pt idx="3223">
                  <c:v>817.24599999999998</c:v>
                </c:pt>
                <c:pt idx="3224">
                  <c:v>817.5</c:v>
                </c:pt>
                <c:pt idx="3225">
                  <c:v>817.71</c:v>
                </c:pt>
                <c:pt idx="3226">
                  <c:v>818.09699999999998</c:v>
                </c:pt>
                <c:pt idx="3227">
                  <c:v>818.25699999999995</c:v>
                </c:pt>
                <c:pt idx="3228">
                  <c:v>818.34900000000005</c:v>
                </c:pt>
                <c:pt idx="3229">
                  <c:v>818.55200000000002</c:v>
                </c:pt>
                <c:pt idx="3230">
                  <c:v>818.74300000000005</c:v>
                </c:pt>
                <c:pt idx="3231">
                  <c:v>818.86599999999999</c:v>
                </c:pt>
                <c:pt idx="3232">
                  <c:v>819.53399999999999</c:v>
                </c:pt>
                <c:pt idx="3233">
                  <c:v>819.68499999999995</c:v>
                </c:pt>
                <c:pt idx="3234">
                  <c:v>820.06100000000004</c:v>
                </c:pt>
                <c:pt idx="3235">
                  <c:v>820.24</c:v>
                </c:pt>
                <c:pt idx="3236">
                  <c:v>820.40800000000002</c:v>
                </c:pt>
                <c:pt idx="3237">
                  <c:v>820.76</c:v>
                </c:pt>
                <c:pt idx="3238">
                  <c:v>820.89800000000002</c:v>
                </c:pt>
                <c:pt idx="3239">
                  <c:v>821.30499999999995</c:v>
                </c:pt>
                <c:pt idx="3240">
                  <c:v>821.62400000000002</c:v>
                </c:pt>
                <c:pt idx="3241">
                  <c:v>821.82</c:v>
                </c:pt>
                <c:pt idx="3242">
                  <c:v>822.06299999999999</c:v>
                </c:pt>
                <c:pt idx="3243">
                  <c:v>822.51900000000001</c:v>
                </c:pt>
                <c:pt idx="3244">
                  <c:v>822.70899999999995</c:v>
                </c:pt>
                <c:pt idx="3245">
                  <c:v>822.495</c:v>
                </c:pt>
                <c:pt idx="3246">
                  <c:v>822.80100000000004</c:v>
                </c:pt>
                <c:pt idx="3247">
                  <c:v>823.32100000000003</c:v>
                </c:pt>
                <c:pt idx="3248">
                  <c:v>823.81500000000005</c:v>
                </c:pt>
                <c:pt idx="3249">
                  <c:v>824.10699999999997</c:v>
                </c:pt>
                <c:pt idx="3250">
                  <c:v>824.29899999999998</c:v>
                </c:pt>
                <c:pt idx="3251">
                  <c:v>824.43399999999997</c:v>
                </c:pt>
                <c:pt idx="3252">
                  <c:v>824.73599999999999</c:v>
                </c:pt>
                <c:pt idx="3253">
                  <c:v>825.06299999999999</c:v>
                </c:pt>
                <c:pt idx="3254">
                  <c:v>825.30100000000004</c:v>
                </c:pt>
                <c:pt idx="3255">
                  <c:v>825.48099999999999</c:v>
                </c:pt>
                <c:pt idx="3256">
                  <c:v>825.66</c:v>
                </c:pt>
                <c:pt idx="3257">
                  <c:v>825.74099999999999</c:v>
                </c:pt>
                <c:pt idx="3258">
                  <c:v>825.96699999999998</c:v>
                </c:pt>
                <c:pt idx="3259">
                  <c:v>826.11800000000005</c:v>
                </c:pt>
                <c:pt idx="3260">
                  <c:v>826.39300000000003</c:v>
                </c:pt>
                <c:pt idx="3261">
                  <c:v>826.76900000000001</c:v>
                </c:pt>
                <c:pt idx="3262">
                  <c:v>827.01199999999994</c:v>
                </c:pt>
                <c:pt idx="3263">
                  <c:v>827.31700000000001</c:v>
                </c:pt>
                <c:pt idx="3264">
                  <c:v>827.54499999999996</c:v>
                </c:pt>
                <c:pt idx="3265">
                  <c:v>827.83500000000004</c:v>
                </c:pt>
                <c:pt idx="3266">
                  <c:v>828.096</c:v>
                </c:pt>
                <c:pt idx="3267">
                  <c:v>828.40200000000004</c:v>
                </c:pt>
                <c:pt idx="3268">
                  <c:v>828.62199999999996</c:v>
                </c:pt>
                <c:pt idx="3269">
                  <c:v>829.09400000000005</c:v>
                </c:pt>
                <c:pt idx="3270">
                  <c:v>829.20399999999995</c:v>
                </c:pt>
                <c:pt idx="3271">
                  <c:v>829.16899999999998</c:v>
                </c:pt>
                <c:pt idx="3272">
                  <c:v>829.51099999999997</c:v>
                </c:pt>
                <c:pt idx="3273">
                  <c:v>829.89700000000005</c:v>
                </c:pt>
                <c:pt idx="3274">
                  <c:v>830.10199999999998</c:v>
                </c:pt>
                <c:pt idx="3275">
                  <c:v>830.38900000000001</c:v>
                </c:pt>
                <c:pt idx="3276">
                  <c:v>830.78599999999994</c:v>
                </c:pt>
                <c:pt idx="3277">
                  <c:v>831.17200000000003</c:v>
                </c:pt>
                <c:pt idx="3278">
                  <c:v>831.64200000000005</c:v>
                </c:pt>
                <c:pt idx="3279">
                  <c:v>831.98199999999997</c:v>
                </c:pt>
                <c:pt idx="3280">
                  <c:v>832.02599999999995</c:v>
                </c:pt>
                <c:pt idx="3281">
                  <c:v>831.97500000000002</c:v>
                </c:pt>
                <c:pt idx="3282">
                  <c:v>832.18399999999997</c:v>
                </c:pt>
                <c:pt idx="3283">
                  <c:v>832.58399999999995</c:v>
                </c:pt>
                <c:pt idx="3284">
                  <c:v>832.99900000000002</c:v>
                </c:pt>
                <c:pt idx="3285">
                  <c:v>833.36900000000003</c:v>
                </c:pt>
                <c:pt idx="3286">
                  <c:v>833.25699999999995</c:v>
                </c:pt>
                <c:pt idx="3287">
                  <c:v>833.46</c:v>
                </c:pt>
                <c:pt idx="3288">
                  <c:v>833.721</c:v>
                </c:pt>
                <c:pt idx="3289">
                  <c:v>833.87800000000004</c:v>
                </c:pt>
                <c:pt idx="3290">
                  <c:v>834.40300000000002</c:v>
                </c:pt>
                <c:pt idx="3291">
                  <c:v>834.43600000000004</c:v>
                </c:pt>
                <c:pt idx="3292">
                  <c:v>834.57</c:v>
                </c:pt>
                <c:pt idx="3293">
                  <c:v>834.88699999999994</c:v>
                </c:pt>
                <c:pt idx="3294">
                  <c:v>835.16800000000001</c:v>
                </c:pt>
                <c:pt idx="3295">
                  <c:v>835.29200000000003</c:v>
                </c:pt>
                <c:pt idx="3296">
                  <c:v>835.53499999999997</c:v>
                </c:pt>
                <c:pt idx="3297">
                  <c:v>835.78899999999999</c:v>
                </c:pt>
                <c:pt idx="3298">
                  <c:v>836.30600000000004</c:v>
                </c:pt>
                <c:pt idx="3299">
                  <c:v>836.30899999999997</c:v>
                </c:pt>
                <c:pt idx="3300">
                  <c:v>836.81399999999996</c:v>
                </c:pt>
                <c:pt idx="3301">
                  <c:v>837.19</c:v>
                </c:pt>
                <c:pt idx="3302">
                  <c:v>837.42100000000005</c:v>
                </c:pt>
                <c:pt idx="3303">
                  <c:v>837.69600000000003</c:v>
                </c:pt>
                <c:pt idx="3304">
                  <c:v>837.88699999999994</c:v>
                </c:pt>
                <c:pt idx="3305">
                  <c:v>837.83399999999995</c:v>
                </c:pt>
                <c:pt idx="3306">
                  <c:v>838.21</c:v>
                </c:pt>
                <c:pt idx="3307">
                  <c:v>838.54600000000005</c:v>
                </c:pt>
                <c:pt idx="3308">
                  <c:v>839.08799999999997</c:v>
                </c:pt>
                <c:pt idx="3309">
                  <c:v>839.46600000000001</c:v>
                </c:pt>
                <c:pt idx="3310">
                  <c:v>839.33399999999995</c:v>
                </c:pt>
                <c:pt idx="3311">
                  <c:v>839.56700000000001</c:v>
                </c:pt>
                <c:pt idx="3312">
                  <c:v>839.74599999999998</c:v>
                </c:pt>
                <c:pt idx="3313">
                  <c:v>840.096</c:v>
                </c:pt>
                <c:pt idx="3314">
                  <c:v>840.31200000000001</c:v>
                </c:pt>
                <c:pt idx="3315">
                  <c:v>840.53499999999997</c:v>
                </c:pt>
                <c:pt idx="3316">
                  <c:v>840.928</c:v>
                </c:pt>
                <c:pt idx="3317">
                  <c:v>841.11400000000003</c:v>
                </c:pt>
                <c:pt idx="3318">
                  <c:v>841.07899999999995</c:v>
                </c:pt>
                <c:pt idx="3319">
                  <c:v>841.44799999999998</c:v>
                </c:pt>
                <c:pt idx="3320">
                  <c:v>841.71199999999999</c:v>
                </c:pt>
                <c:pt idx="3321">
                  <c:v>841.96799999999996</c:v>
                </c:pt>
                <c:pt idx="3322">
                  <c:v>842.524</c:v>
                </c:pt>
                <c:pt idx="3323">
                  <c:v>842.65700000000004</c:v>
                </c:pt>
                <c:pt idx="3324">
                  <c:v>843.25099999999998</c:v>
                </c:pt>
                <c:pt idx="3325">
                  <c:v>843.57399999999996</c:v>
                </c:pt>
                <c:pt idx="3326">
                  <c:v>843.82500000000005</c:v>
                </c:pt>
                <c:pt idx="3327">
                  <c:v>843.95399999999995</c:v>
                </c:pt>
                <c:pt idx="3328">
                  <c:v>844.26199999999994</c:v>
                </c:pt>
                <c:pt idx="3329">
                  <c:v>844.54300000000001</c:v>
                </c:pt>
                <c:pt idx="3330">
                  <c:v>844.83699999999999</c:v>
                </c:pt>
                <c:pt idx="3331">
                  <c:v>845.18100000000004</c:v>
                </c:pt>
                <c:pt idx="3332">
                  <c:v>845.44799999999998</c:v>
                </c:pt>
                <c:pt idx="3333">
                  <c:v>845.62</c:v>
                </c:pt>
                <c:pt idx="3334">
                  <c:v>845.72900000000004</c:v>
                </c:pt>
                <c:pt idx="3335">
                  <c:v>846.02099999999996</c:v>
                </c:pt>
                <c:pt idx="3336">
                  <c:v>846.04499999999996</c:v>
                </c:pt>
                <c:pt idx="3337">
                  <c:v>846.55600000000004</c:v>
                </c:pt>
                <c:pt idx="3338">
                  <c:v>846.69200000000001</c:v>
                </c:pt>
                <c:pt idx="3339">
                  <c:v>847.1</c:v>
                </c:pt>
                <c:pt idx="3340">
                  <c:v>847.19899999999996</c:v>
                </c:pt>
                <c:pt idx="3341">
                  <c:v>847.17899999999997</c:v>
                </c:pt>
                <c:pt idx="3342">
                  <c:v>847.30899999999997</c:v>
                </c:pt>
                <c:pt idx="3343">
                  <c:v>847.44</c:v>
                </c:pt>
                <c:pt idx="3344">
                  <c:v>847.28800000000001</c:v>
                </c:pt>
                <c:pt idx="3345">
                  <c:v>847.46400000000006</c:v>
                </c:pt>
                <c:pt idx="3346">
                  <c:v>847.524</c:v>
                </c:pt>
                <c:pt idx="3347">
                  <c:v>847.55600000000004</c:v>
                </c:pt>
                <c:pt idx="3348">
                  <c:v>847.45500000000004</c:v>
                </c:pt>
                <c:pt idx="3349">
                  <c:v>847.553</c:v>
                </c:pt>
                <c:pt idx="3350">
                  <c:v>848.03899999999999</c:v>
                </c:pt>
                <c:pt idx="3351">
                  <c:v>848.39800000000002</c:v>
                </c:pt>
                <c:pt idx="3352">
                  <c:v>848.524</c:v>
                </c:pt>
                <c:pt idx="3353">
                  <c:v>848.34900000000005</c:v>
                </c:pt>
                <c:pt idx="3354">
                  <c:v>848.37699999999995</c:v>
                </c:pt>
                <c:pt idx="3355">
                  <c:v>848.43799999999999</c:v>
                </c:pt>
                <c:pt idx="3356">
                  <c:v>848.57299999999998</c:v>
                </c:pt>
                <c:pt idx="3357">
                  <c:v>848.87300000000005</c:v>
                </c:pt>
                <c:pt idx="3358">
                  <c:v>848.91</c:v>
                </c:pt>
                <c:pt idx="3359">
                  <c:v>849.24199999999996</c:v>
                </c:pt>
                <c:pt idx="3360">
                  <c:v>849.37199999999996</c:v>
                </c:pt>
                <c:pt idx="3361">
                  <c:v>849.3</c:v>
                </c:pt>
                <c:pt idx="3362">
                  <c:v>848.99599999999998</c:v>
                </c:pt>
                <c:pt idx="3363">
                  <c:v>849.61500000000001</c:v>
                </c:pt>
                <c:pt idx="3364">
                  <c:v>849.90200000000004</c:v>
                </c:pt>
                <c:pt idx="3365">
                  <c:v>850.05</c:v>
                </c:pt>
                <c:pt idx="3366">
                  <c:v>850.21500000000003</c:v>
                </c:pt>
                <c:pt idx="3367">
                  <c:v>850.298</c:v>
                </c:pt>
                <c:pt idx="3368">
                  <c:v>850.40899999999999</c:v>
                </c:pt>
                <c:pt idx="3369">
                  <c:v>850.47799999999995</c:v>
                </c:pt>
                <c:pt idx="3370">
                  <c:v>850.46799999999996</c:v>
                </c:pt>
                <c:pt idx="3371">
                  <c:v>850.29499999999996</c:v>
                </c:pt>
                <c:pt idx="3372">
                  <c:v>850.95600000000002</c:v>
                </c:pt>
                <c:pt idx="3373">
                  <c:v>850.96500000000003</c:v>
                </c:pt>
                <c:pt idx="3374">
                  <c:v>850.88599999999997</c:v>
                </c:pt>
                <c:pt idx="3375">
                  <c:v>850.80700000000002</c:v>
                </c:pt>
                <c:pt idx="3376">
                  <c:v>851.03200000000004</c:v>
                </c:pt>
                <c:pt idx="3377">
                  <c:v>850.93499999999995</c:v>
                </c:pt>
                <c:pt idx="3378">
                  <c:v>850.81600000000003</c:v>
                </c:pt>
                <c:pt idx="3379">
                  <c:v>850.69399999999996</c:v>
                </c:pt>
                <c:pt idx="3380">
                  <c:v>850.94500000000005</c:v>
                </c:pt>
                <c:pt idx="3381">
                  <c:v>851.298</c:v>
                </c:pt>
                <c:pt idx="3382">
                  <c:v>851.34699999999998</c:v>
                </c:pt>
                <c:pt idx="3383">
                  <c:v>851.40700000000004</c:v>
                </c:pt>
                <c:pt idx="3384">
                  <c:v>851.27800000000002</c:v>
                </c:pt>
                <c:pt idx="3385">
                  <c:v>851.12300000000005</c:v>
                </c:pt>
                <c:pt idx="3386">
                  <c:v>850.76599999999996</c:v>
                </c:pt>
                <c:pt idx="3387">
                  <c:v>850.82899999999995</c:v>
                </c:pt>
                <c:pt idx="3388">
                  <c:v>851.03899999999999</c:v>
                </c:pt>
                <c:pt idx="3389">
                  <c:v>851.42200000000003</c:v>
                </c:pt>
                <c:pt idx="3390">
                  <c:v>851.06299999999999</c:v>
                </c:pt>
                <c:pt idx="3391">
                  <c:v>850.64300000000003</c:v>
                </c:pt>
                <c:pt idx="3392">
                  <c:v>850.58299999999997</c:v>
                </c:pt>
                <c:pt idx="3393">
                  <c:v>850.56600000000003</c:v>
                </c:pt>
                <c:pt idx="3394">
                  <c:v>850.62800000000004</c:v>
                </c:pt>
                <c:pt idx="3395">
                  <c:v>850.47500000000002</c:v>
                </c:pt>
                <c:pt idx="3396">
                  <c:v>850.52</c:v>
                </c:pt>
                <c:pt idx="3397">
                  <c:v>850.38300000000004</c:v>
                </c:pt>
                <c:pt idx="3398">
                  <c:v>850.2</c:v>
                </c:pt>
                <c:pt idx="3399">
                  <c:v>850.16700000000003</c:v>
                </c:pt>
                <c:pt idx="3400">
                  <c:v>850.07600000000002</c:v>
                </c:pt>
                <c:pt idx="3401">
                  <c:v>850.18899999999996</c:v>
                </c:pt>
                <c:pt idx="3402">
                  <c:v>850.10199999999998</c:v>
                </c:pt>
                <c:pt idx="3403">
                  <c:v>850.03700000000003</c:v>
                </c:pt>
                <c:pt idx="3404">
                  <c:v>849.83799999999997</c:v>
                </c:pt>
                <c:pt idx="3405">
                  <c:v>849.80200000000002</c:v>
                </c:pt>
                <c:pt idx="3406">
                  <c:v>849.80399999999997</c:v>
                </c:pt>
                <c:pt idx="3407">
                  <c:v>849.94299999999998</c:v>
                </c:pt>
                <c:pt idx="3408">
                  <c:v>849.84</c:v>
                </c:pt>
                <c:pt idx="3409">
                  <c:v>849.678</c:v>
                </c:pt>
                <c:pt idx="3410">
                  <c:v>849.48500000000001</c:v>
                </c:pt>
                <c:pt idx="3411">
                  <c:v>849.38499999999999</c:v>
                </c:pt>
                <c:pt idx="3412">
                  <c:v>849.14599999999996</c:v>
                </c:pt>
                <c:pt idx="3413">
                  <c:v>849.19799999999998</c:v>
                </c:pt>
                <c:pt idx="3414">
                  <c:v>849.06200000000001</c:v>
                </c:pt>
                <c:pt idx="3415">
                  <c:v>848.68100000000004</c:v>
                </c:pt>
                <c:pt idx="3416">
                  <c:v>848.59799999999996</c:v>
                </c:pt>
                <c:pt idx="3417">
                  <c:v>848.53599999999994</c:v>
                </c:pt>
                <c:pt idx="3418">
                  <c:v>848.33199999999999</c:v>
                </c:pt>
                <c:pt idx="3419">
                  <c:v>848.19899999999996</c:v>
                </c:pt>
                <c:pt idx="3420">
                  <c:v>848.26099999999997</c:v>
                </c:pt>
                <c:pt idx="3421">
                  <c:v>848.30899999999997</c:v>
                </c:pt>
                <c:pt idx="3422">
                  <c:v>848.23500000000001</c:v>
                </c:pt>
                <c:pt idx="3423">
                  <c:v>848.28200000000004</c:v>
                </c:pt>
                <c:pt idx="3424">
                  <c:v>848.01199999999994</c:v>
                </c:pt>
                <c:pt idx="3425">
                  <c:v>847.77700000000004</c:v>
                </c:pt>
                <c:pt idx="3426">
                  <c:v>847.81899999999996</c:v>
                </c:pt>
                <c:pt idx="3427">
                  <c:v>847.75699999999995</c:v>
                </c:pt>
                <c:pt idx="3428">
                  <c:v>847.55799999999999</c:v>
                </c:pt>
                <c:pt idx="3429">
                  <c:v>847.33299999999997</c:v>
                </c:pt>
                <c:pt idx="3430">
                  <c:v>847.20600000000002</c:v>
                </c:pt>
                <c:pt idx="3431">
                  <c:v>847.2</c:v>
                </c:pt>
                <c:pt idx="3432">
                  <c:v>847.12</c:v>
                </c:pt>
                <c:pt idx="3433">
                  <c:v>847.06100000000004</c:v>
                </c:pt>
                <c:pt idx="3434">
                  <c:v>846.95699999999999</c:v>
                </c:pt>
                <c:pt idx="3435">
                  <c:v>846.87199999999996</c:v>
                </c:pt>
                <c:pt idx="3436">
                  <c:v>846.75300000000004</c:v>
                </c:pt>
                <c:pt idx="3437">
                  <c:v>846.70799999999997</c:v>
                </c:pt>
                <c:pt idx="3438">
                  <c:v>846.71400000000006</c:v>
                </c:pt>
                <c:pt idx="3439">
                  <c:v>846.56899999999996</c:v>
                </c:pt>
                <c:pt idx="3440">
                  <c:v>846.28399999999999</c:v>
                </c:pt>
                <c:pt idx="3441">
                  <c:v>846.37699999999995</c:v>
                </c:pt>
                <c:pt idx="3442">
                  <c:v>846.32299999999998</c:v>
                </c:pt>
                <c:pt idx="3443">
                  <c:v>846.16800000000001</c:v>
                </c:pt>
                <c:pt idx="3444">
                  <c:v>845.96900000000005</c:v>
                </c:pt>
                <c:pt idx="3445">
                  <c:v>846.13499999999999</c:v>
                </c:pt>
                <c:pt idx="3446">
                  <c:v>845.94799999999998</c:v>
                </c:pt>
                <c:pt idx="3447">
                  <c:v>845.851</c:v>
                </c:pt>
                <c:pt idx="3448">
                  <c:v>845.60299999999995</c:v>
                </c:pt>
                <c:pt idx="3449">
                  <c:v>845.75199999999995</c:v>
                </c:pt>
                <c:pt idx="3450">
                  <c:v>845.64099999999996</c:v>
                </c:pt>
                <c:pt idx="3451">
                  <c:v>845.74</c:v>
                </c:pt>
                <c:pt idx="3452">
                  <c:v>845.66399999999999</c:v>
                </c:pt>
                <c:pt idx="3453">
                  <c:v>845.59100000000001</c:v>
                </c:pt>
                <c:pt idx="3454">
                  <c:v>845.45399999999995</c:v>
                </c:pt>
                <c:pt idx="3455">
                  <c:v>845.36099999999999</c:v>
                </c:pt>
                <c:pt idx="3456">
                  <c:v>845.19200000000001</c:v>
                </c:pt>
                <c:pt idx="3457">
                  <c:v>845.18200000000002</c:v>
                </c:pt>
                <c:pt idx="3458">
                  <c:v>845.05499999999995</c:v>
                </c:pt>
                <c:pt idx="3459">
                  <c:v>844.95100000000002</c:v>
                </c:pt>
                <c:pt idx="3460">
                  <c:v>844.827</c:v>
                </c:pt>
                <c:pt idx="3461">
                  <c:v>845.07299999999998</c:v>
                </c:pt>
                <c:pt idx="3462">
                  <c:v>844.87900000000002</c:v>
                </c:pt>
                <c:pt idx="3463">
                  <c:v>844.91200000000003</c:v>
                </c:pt>
                <c:pt idx="3464">
                  <c:v>845.00400000000002</c:v>
                </c:pt>
                <c:pt idx="3465">
                  <c:v>844.92399999999998</c:v>
                </c:pt>
                <c:pt idx="3466">
                  <c:v>844.61</c:v>
                </c:pt>
                <c:pt idx="3467">
                  <c:v>844.56</c:v>
                </c:pt>
                <c:pt idx="3468">
                  <c:v>844.61800000000005</c:v>
                </c:pt>
                <c:pt idx="3469">
                  <c:v>844.81</c:v>
                </c:pt>
                <c:pt idx="3470">
                  <c:v>844.90200000000004</c:v>
                </c:pt>
                <c:pt idx="3471">
                  <c:v>844.79</c:v>
                </c:pt>
                <c:pt idx="3472">
                  <c:v>844.42100000000005</c:v>
                </c:pt>
                <c:pt idx="3473">
                  <c:v>844.51900000000001</c:v>
                </c:pt>
                <c:pt idx="3474">
                  <c:v>844.45899999999995</c:v>
                </c:pt>
                <c:pt idx="3475">
                  <c:v>844.09500000000003</c:v>
                </c:pt>
                <c:pt idx="3476">
                  <c:v>844.1</c:v>
                </c:pt>
                <c:pt idx="3477">
                  <c:v>844.08799999999997</c:v>
                </c:pt>
                <c:pt idx="3478">
                  <c:v>844.07100000000003</c:v>
                </c:pt>
                <c:pt idx="3479">
                  <c:v>843.904</c:v>
                </c:pt>
                <c:pt idx="3480">
                  <c:v>844.00400000000002</c:v>
                </c:pt>
                <c:pt idx="3481">
                  <c:v>843.99900000000002</c:v>
                </c:pt>
                <c:pt idx="3482">
                  <c:v>843.94600000000003</c:v>
                </c:pt>
                <c:pt idx="3483">
                  <c:v>844.04899999999998</c:v>
                </c:pt>
                <c:pt idx="3484">
                  <c:v>844.04399999999998</c:v>
                </c:pt>
                <c:pt idx="3485">
                  <c:v>844.06399999999996</c:v>
                </c:pt>
                <c:pt idx="3486">
                  <c:v>843.96900000000005</c:v>
                </c:pt>
                <c:pt idx="3487">
                  <c:v>843.74099999999999</c:v>
                </c:pt>
                <c:pt idx="3488">
                  <c:v>843.56899999999996</c:v>
                </c:pt>
                <c:pt idx="3489">
                  <c:v>843.63199999999995</c:v>
                </c:pt>
                <c:pt idx="3490">
                  <c:v>843.45699999999999</c:v>
                </c:pt>
                <c:pt idx="3491">
                  <c:v>843.57299999999998</c:v>
                </c:pt>
                <c:pt idx="3492">
                  <c:v>843.69</c:v>
                </c:pt>
                <c:pt idx="3493">
                  <c:v>843.49</c:v>
                </c:pt>
                <c:pt idx="3494">
                  <c:v>843.33699999999999</c:v>
                </c:pt>
                <c:pt idx="3495">
                  <c:v>843.22500000000002</c:v>
                </c:pt>
                <c:pt idx="3496">
                  <c:v>843.35500000000002</c:v>
                </c:pt>
                <c:pt idx="3497">
                  <c:v>843.61300000000006</c:v>
                </c:pt>
                <c:pt idx="3498">
                  <c:v>843.62099999999998</c:v>
                </c:pt>
                <c:pt idx="3499">
                  <c:v>843.54399999999998</c:v>
                </c:pt>
                <c:pt idx="3500">
                  <c:v>843.74099999999999</c:v>
                </c:pt>
                <c:pt idx="3501">
                  <c:v>843.73299999999995</c:v>
                </c:pt>
                <c:pt idx="3502">
                  <c:v>843.67700000000002</c:v>
                </c:pt>
                <c:pt idx="3503">
                  <c:v>843.61300000000006</c:v>
                </c:pt>
                <c:pt idx="3504">
                  <c:v>843.63699999999994</c:v>
                </c:pt>
                <c:pt idx="3505">
                  <c:v>843.46900000000005</c:v>
                </c:pt>
                <c:pt idx="3506">
                  <c:v>843.33</c:v>
                </c:pt>
                <c:pt idx="3507">
                  <c:v>843.22299999999996</c:v>
                </c:pt>
                <c:pt idx="3508">
                  <c:v>843.19100000000003</c:v>
                </c:pt>
                <c:pt idx="3509">
                  <c:v>843.11</c:v>
                </c:pt>
                <c:pt idx="3510">
                  <c:v>842.93899999999996</c:v>
                </c:pt>
                <c:pt idx="3511">
                  <c:v>843.09</c:v>
                </c:pt>
                <c:pt idx="3512">
                  <c:v>843.048</c:v>
                </c:pt>
                <c:pt idx="3513">
                  <c:v>843.03</c:v>
                </c:pt>
                <c:pt idx="3514">
                  <c:v>843.01199999999994</c:v>
                </c:pt>
                <c:pt idx="3515">
                  <c:v>842.91800000000001</c:v>
                </c:pt>
                <c:pt idx="3516">
                  <c:v>842.67399999999998</c:v>
                </c:pt>
                <c:pt idx="3517">
                  <c:v>842.52499999999998</c:v>
                </c:pt>
                <c:pt idx="3518">
                  <c:v>842.51499999999999</c:v>
                </c:pt>
                <c:pt idx="3519">
                  <c:v>842.77599999999995</c:v>
                </c:pt>
                <c:pt idx="3520">
                  <c:v>842.78800000000001</c:v>
                </c:pt>
                <c:pt idx="3521">
                  <c:v>842.61199999999997</c:v>
                </c:pt>
                <c:pt idx="3522">
                  <c:v>842.57899999999995</c:v>
                </c:pt>
                <c:pt idx="3523">
                  <c:v>842.66</c:v>
                </c:pt>
                <c:pt idx="3524">
                  <c:v>842.80200000000002</c:v>
                </c:pt>
                <c:pt idx="3525">
                  <c:v>842.66600000000005</c:v>
                </c:pt>
                <c:pt idx="3526">
                  <c:v>842.702</c:v>
                </c:pt>
                <c:pt idx="3527">
                  <c:v>842.65499999999997</c:v>
                </c:pt>
                <c:pt idx="3528">
                  <c:v>842.39</c:v>
                </c:pt>
                <c:pt idx="3529">
                  <c:v>842.57399999999996</c:v>
                </c:pt>
                <c:pt idx="3530">
                  <c:v>842.54200000000003</c:v>
                </c:pt>
                <c:pt idx="3531">
                  <c:v>842.404</c:v>
                </c:pt>
                <c:pt idx="3532">
                  <c:v>842.51300000000003</c:v>
                </c:pt>
                <c:pt idx="3533">
                  <c:v>842.40200000000004</c:v>
                </c:pt>
                <c:pt idx="3534">
                  <c:v>842.17399999999998</c:v>
                </c:pt>
                <c:pt idx="3535">
                  <c:v>842.029</c:v>
                </c:pt>
                <c:pt idx="3536">
                  <c:v>842.19200000000001</c:v>
                </c:pt>
                <c:pt idx="3537">
                  <c:v>842.22500000000002</c:v>
                </c:pt>
                <c:pt idx="3538">
                  <c:v>842.44299999999998</c:v>
                </c:pt>
                <c:pt idx="3539">
                  <c:v>842.24099999999999</c:v>
                </c:pt>
                <c:pt idx="3540">
                  <c:v>842.26800000000003</c:v>
                </c:pt>
                <c:pt idx="3541">
                  <c:v>842.14300000000003</c:v>
                </c:pt>
                <c:pt idx="3542">
                  <c:v>842.45799999999997</c:v>
                </c:pt>
                <c:pt idx="3543">
                  <c:v>842.35900000000004</c:v>
                </c:pt>
                <c:pt idx="3544">
                  <c:v>842.49099999999999</c:v>
                </c:pt>
                <c:pt idx="3545">
                  <c:v>842.4</c:v>
                </c:pt>
                <c:pt idx="3546">
                  <c:v>842.36300000000006</c:v>
                </c:pt>
                <c:pt idx="3547">
                  <c:v>842.20500000000004</c:v>
                </c:pt>
                <c:pt idx="3548">
                  <c:v>842.18899999999996</c:v>
                </c:pt>
                <c:pt idx="3549">
                  <c:v>842.08399999999995</c:v>
                </c:pt>
                <c:pt idx="3550">
                  <c:v>841.84900000000005</c:v>
                </c:pt>
                <c:pt idx="3551">
                  <c:v>842.00800000000004</c:v>
                </c:pt>
                <c:pt idx="3552">
                  <c:v>842.03099999999995</c:v>
                </c:pt>
                <c:pt idx="3553">
                  <c:v>842.11</c:v>
                </c:pt>
                <c:pt idx="3554">
                  <c:v>842.04100000000005</c:v>
                </c:pt>
                <c:pt idx="3555">
                  <c:v>841.94600000000003</c:v>
                </c:pt>
                <c:pt idx="3556">
                  <c:v>841.923</c:v>
                </c:pt>
                <c:pt idx="3557">
                  <c:v>841.96600000000001</c:v>
                </c:pt>
                <c:pt idx="3558">
                  <c:v>841.88699999999994</c:v>
                </c:pt>
                <c:pt idx="3559">
                  <c:v>841.75199999999995</c:v>
                </c:pt>
                <c:pt idx="3560">
                  <c:v>841.66899999999998</c:v>
                </c:pt>
                <c:pt idx="3561">
                  <c:v>841.70799999999997</c:v>
                </c:pt>
                <c:pt idx="3562">
                  <c:v>841.54399999999998</c:v>
                </c:pt>
                <c:pt idx="3563">
                  <c:v>841.51900000000001</c:v>
                </c:pt>
                <c:pt idx="3564">
                  <c:v>841.471</c:v>
                </c:pt>
                <c:pt idx="3565">
                  <c:v>841.61500000000001</c:v>
                </c:pt>
                <c:pt idx="3566">
                  <c:v>841.62800000000004</c:v>
                </c:pt>
                <c:pt idx="3567">
                  <c:v>841.64599999999996</c:v>
                </c:pt>
                <c:pt idx="3568">
                  <c:v>841.72199999999998</c:v>
                </c:pt>
                <c:pt idx="3569">
                  <c:v>841.47400000000005</c:v>
                </c:pt>
                <c:pt idx="3570">
                  <c:v>841.36599999999999</c:v>
                </c:pt>
                <c:pt idx="3571">
                  <c:v>841.35500000000002</c:v>
                </c:pt>
                <c:pt idx="3572">
                  <c:v>841.50300000000004</c:v>
                </c:pt>
                <c:pt idx="3573">
                  <c:v>841.74599999999998</c:v>
                </c:pt>
                <c:pt idx="3574">
                  <c:v>841.64400000000001</c:v>
                </c:pt>
                <c:pt idx="3575">
                  <c:v>841.71799999999996</c:v>
                </c:pt>
                <c:pt idx="3576">
                  <c:v>841.58100000000002</c:v>
                </c:pt>
                <c:pt idx="3577">
                  <c:v>841.64400000000001</c:v>
                </c:pt>
                <c:pt idx="3578">
                  <c:v>841.53399999999999</c:v>
                </c:pt>
                <c:pt idx="3579">
                  <c:v>841.50599999999997</c:v>
                </c:pt>
                <c:pt idx="3580">
                  <c:v>841.428</c:v>
                </c:pt>
                <c:pt idx="3581">
                  <c:v>841.35299999999995</c:v>
                </c:pt>
                <c:pt idx="3582">
                  <c:v>841.61699999999996</c:v>
                </c:pt>
                <c:pt idx="3583">
                  <c:v>841.69299999999998</c:v>
                </c:pt>
                <c:pt idx="3584">
                  <c:v>841.74699999999996</c:v>
                </c:pt>
                <c:pt idx="3585">
                  <c:v>841.74599999999998</c:v>
                </c:pt>
                <c:pt idx="3586">
                  <c:v>841.52599999999995</c:v>
                </c:pt>
                <c:pt idx="3587">
                  <c:v>841.471</c:v>
                </c:pt>
                <c:pt idx="3588">
                  <c:v>841.38599999999997</c:v>
                </c:pt>
                <c:pt idx="3589">
                  <c:v>841.35900000000004</c:v>
                </c:pt>
                <c:pt idx="3590">
                  <c:v>841.49900000000002</c:v>
                </c:pt>
                <c:pt idx="3591">
                  <c:v>841.25800000000004</c:v>
                </c:pt>
                <c:pt idx="3592">
                  <c:v>841.25199999999995</c:v>
                </c:pt>
                <c:pt idx="3593">
                  <c:v>841.28899999999999</c:v>
                </c:pt>
                <c:pt idx="3594">
                  <c:v>841.16499999999996</c:v>
                </c:pt>
                <c:pt idx="3595">
                  <c:v>841.23599999999999</c:v>
                </c:pt>
                <c:pt idx="3596">
                  <c:v>841.15599999999995</c:v>
                </c:pt>
                <c:pt idx="3597">
                  <c:v>841.13300000000004</c:v>
                </c:pt>
                <c:pt idx="3598">
                  <c:v>840.99900000000002</c:v>
                </c:pt>
                <c:pt idx="3599">
                  <c:v>840.99300000000005</c:v>
                </c:pt>
                <c:pt idx="3600">
                  <c:v>841.17399999999998</c:v>
                </c:pt>
                <c:pt idx="3601">
                  <c:v>840.99800000000005</c:v>
                </c:pt>
                <c:pt idx="3602">
                  <c:v>840.80499999999995</c:v>
                </c:pt>
                <c:pt idx="3603">
                  <c:v>840.9</c:v>
                </c:pt>
                <c:pt idx="3604">
                  <c:v>840.87699999999995</c:v>
                </c:pt>
                <c:pt idx="3605">
                  <c:v>840.93899999999996</c:v>
                </c:pt>
                <c:pt idx="3606">
                  <c:v>840.95100000000002</c:v>
                </c:pt>
                <c:pt idx="3607">
                  <c:v>841.08100000000002</c:v>
                </c:pt>
                <c:pt idx="3608">
                  <c:v>841.11699999999996</c:v>
                </c:pt>
                <c:pt idx="3609">
                  <c:v>841.17700000000002</c:v>
                </c:pt>
                <c:pt idx="3610">
                  <c:v>841.13599999999997</c:v>
                </c:pt>
                <c:pt idx="3611">
                  <c:v>841.19799999999998</c:v>
                </c:pt>
                <c:pt idx="3612">
                  <c:v>841.03599999999994</c:v>
                </c:pt>
                <c:pt idx="3613">
                  <c:v>841.09900000000005</c:v>
                </c:pt>
                <c:pt idx="3614">
                  <c:v>841.05899999999997</c:v>
                </c:pt>
                <c:pt idx="3615">
                  <c:v>841.07299999999998</c:v>
                </c:pt>
                <c:pt idx="3616">
                  <c:v>840.85799999999995</c:v>
                </c:pt>
                <c:pt idx="3617">
                  <c:v>840.81299999999999</c:v>
                </c:pt>
                <c:pt idx="3618">
                  <c:v>840.76400000000001</c:v>
                </c:pt>
                <c:pt idx="3619">
                  <c:v>840.68200000000002</c:v>
                </c:pt>
                <c:pt idx="3620">
                  <c:v>840.65700000000004</c:v>
                </c:pt>
                <c:pt idx="3621">
                  <c:v>840.61699999999996</c:v>
                </c:pt>
                <c:pt idx="3622">
                  <c:v>840.57500000000005</c:v>
                </c:pt>
                <c:pt idx="3623">
                  <c:v>840.46799999999996</c:v>
                </c:pt>
                <c:pt idx="3624">
                  <c:v>840.66800000000001</c:v>
                </c:pt>
                <c:pt idx="3625">
                  <c:v>840.68899999999996</c:v>
                </c:pt>
                <c:pt idx="3626">
                  <c:v>840.822</c:v>
                </c:pt>
                <c:pt idx="3627">
                  <c:v>840.79600000000005</c:v>
                </c:pt>
                <c:pt idx="3628">
                  <c:v>840.83100000000002</c:v>
                </c:pt>
                <c:pt idx="3629">
                  <c:v>840.79700000000003</c:v>
                </c:pt>
                <c:pt idx="3630">
                  <c:v>840.94500000000005</c:v>
                </c:pt>
                <c:pt idx="3631">
                  <c:v>840.79499999999996</c:v>
                </c:pt>
                <c:pt idx="3632">
                  <c:v>840.76700000000005</c:v>
                </c:pt>
                <c:pt idx="3633">
                  <c:v>840.76499999999999</c:v>
                </c:pt>
                <c:pt idx="3634">
                  <c:v>840.93399999999997</c:v>
                </c:pt>
                <c:pt idx="3635">
                  <c:v>840.92200000000003</c:v>
                </c:pt>
                <c:pt idx="3636">
                  <c:v>840.95299999999997</c:v>
                </c:pt>
                <c:pt idx="3637">
                  <c:v>840.97500000000002</c:v>
                </c:pt>
                <c:pt idx="3638">
                  <c:v>840.74699999999996</c:v>
                </c:pt>
                <c:pt idx="3639">
                  <c:v>840.76499999999999</c:v>
                </c:pt>
                <c:pt idx="3640">
                  <c:v>840.55</c:v>
                </c:pt>
              </c:numCache>
            </c:numRef>
          </c:xVal>
          <c:yVal>
            <c:numRef>
              <c:f>'TG (2)'!$AG$2:$AG$3642</c:f>
              <c:numCache>
                <c:formatCode>General</c:formatCode>
                <c:ptCount val="3641"/>
                <c:pt idx="0">
                  <c:v>99.991383025569533</c:v>
                </c:pt>
                <c:pt idx="1">
                  <c:v>100</c:v>
                </c:pt>
                <c:pt idx="2">
                  <c:v>99.997531860705578</c:v>
                </c:pt>
                <c:pt idx="3">
                  <c:v>99.983931670013462</c:v>
                </c:pt>
                <c:pt idx="4">
                  <c:v>99.997531860705578</c:v>
                </c:pt>
                <c:pt idx="5">
                  <c:v>99.981463530719026</c:v>
                </c:pt>
                <c:pt idx="6">
                  <c:v>99.980857252445432</c:v>
                </c:pt>
                <c:pt idx="7">
                  <c:v>99.989521164548705</c:v>
                </c:pt>
                <c:pt idx="8">
                  <c:v>99.971590973541296</c:v>
                </c:pt>
                <c:pt idx="9">
                  <c:v>99.983325391739854</c:v>
                </c:pt>
                <c:pt idx="10">
                  <c:v>99.978995391424604</c:v>
                </c:pt>
                <c:pt idx="11">
                  <c:v>99.967300087953376</c:v>
                </c:pt>
                <c:pt idx="12">
                  <c:v>99.98271911346626</c:v>
                </c:pt>
                <c:pt idx="13">
                  <c:v>99.969118922774157</c:v>
                </c:pt>
                <c:pt idx="14">
                  <c:v>99.970984695267703</c:v>
                </c:pt>
                <c:pt idx="15">
                  <c:v>99.977176556603808</c:v>
                </c:pt>
                <c:pt idx="16">
                  <c:v>99.958640087322834</c:v>
                </c:pt>
                <c:pt idx="17">
                  <c:v>99.970378416994123</c:v>
                </c:pt>
                <c:pt idx="18">
                  <c:v>99.964182644185286</c:v>
                </c:pt>
                <c:pt idx="19">
                  <c:v>99.954916365281179</c:v>
                </c:pt>
                <c:pt idx="20">
                  <c:v>99.966044505206142</c:v>
                </c:pt>
                <c:pt idx="21">
                  <c:v>99.948157340398822</c:v>
                </c:pt>
                <c:pt idx="22">
                  <c:v>99.950625479693244</c:v>
                </c:pt>
                <c:pt idx="23">
                  <c:v>99.954916365281179</c:v>
                </c:pt>
                <c:pt idx="24">
                  <c:v>99.938241757021032</c:v>
                </c:pt>
                <c:pt idx="25">
                  <c:v>99.950625479693244</c:v>
                </c:pt>
                <c:pt idx="26">
                  <c:v>99.94257175733631</c:v>
                </c:pt>
                <c:pt idx="27">
                  <c:v>99.934557149706691</c:v>
                </c:pt>
                <c:pt idx="28">
                  <c:v>99.948157340398822</c:v>
                </c:pt>
                <c:pt idx="29">
                  <c:v>99.932695288685849</c:v>
                </c:pt>
                <c:pt idx="30">
                  <c:v>99.938891061494687</c:v>
                </c:pt>
                <c:pt idx="31">
                  <c:v>99.941359200789122</c:v>
                </c:pt>
                <c:pt idx="32">
                  <c:v>99.926546453549818</c:v>
                </c:pt>
                <c:pt idx="33">
                  <c:v>99.939497339768295</c:v>
                </c:pt>
                <c:pt idx="34">
                  <c:v>99.931482732138662</c:v>
                </c:pt>
                <c:pt idx="35">
                  <c:v>99.92529087080257</c:v>
                </c:pt>
                <c:pt idx="36">
                  <c:v>99.935769706253865</c:v>
                </c:pt>
                <c:pt idx="37">
                  <c:v>99.918488819720153</c:v>
                </c:pt>
                <c:pt idx="38">
                  <c:v>99.923429009781728</c:v>
                </c:pt>
                <c:pt idx="39">
                  <c:v>99.924684592528976</c:v>
                </c:pt>
                <c:pt idx="40">
                  <c:v>99.909871845289672</c:v>
                </c:pt>
                <c:pt idx="41">
                  <c:v>99.921610174960975</c:v>
                </c:pt>
                <c:pt idx="42">
                  <c:v>99.909871845289672</c:v>
                </c:pt>
                <c:pt idx="43">
                  <c:v>99.904935566700814</c:v>
                </c:pt>
                <c:pt idx="44">
                  <c:v>99.914808123878529</c:v>
                </c:pt>
                <c:pt idx="45">
                  <c:v>99.898739793891977</c:v>
                </c:pt>
                <c:pt idx="46">
                  <c:v>99.906148123247988</c:v>
                </c:pt>
                <c:pt idx="47">
                  <c:v>99.905541844974394</c:v>
                </c:pt>
                <c:pt idx="48">
                  <c:v>99.893197237029526</c:v>
                </c:pt>
                <c:pt idx="49">
                  <c:v>99.906754401521596</c:v>
                </c:pt>
                <c:pt idx="50">
                  <c:v>99.895665376323976</c:v>
                </c:pt>
                <c:pt idx="51">
                  <c:v>99.894409793576727</c:v>
                </c:pt>
                <c:pt idx="52">
                  <c:v>99.902463515933661</c:v>
                </c:pt>
                <c:pt idx="53">
                  <c:v>99.886395185947109</c:v>
                </c:pt>
                <c:pt idx="54">
                  <c:v>99.894409793576727</c:v>
                </c:pt>
                <c:pt idx="55">
                  <c:v>99.8925479325559</c:v>
                </c:pt>
                <c:pt idx="56">
                  <c:v>99.881458907358251</c:v>
                </c:pt>
                <c:pt idx="57">
                  <c:v>99.893197237029526</c:v>
                </c:pt>
                <c:pt idx="58">
                  <c:v>99.879597046337423</c:v>
                </c:pt>
                <c:pt idx="59">
                  <c:v>99.877735185316581</c:v>
                </c:pt>
                <c:pt idx="60">
                  <c:v>99.883927046652673</c:v>
                </c:pt>
                <c:pt idx="61">
                  <c:v>99.869114299413383</c:v>
                </c:pt>
                <c:pt idx="62">
                  <c:v>99.877128907043002</c:v>
                </c:pt>
                <c:pt idx="63">
                  <c:v>99.87219262845413</c:v>
                </c:pt>
                <c:pt idx="64">
                  <c:v>99.863528716350871</c:v>
                </c:pt>
                <c:pt idx="65">
                  <c:v>99.87466076774858</c:v>
                </c:pt>
                <c:pt idx="66">
                  <c:v>99.861709881530089</c:v>
                </c:pt>
                <c:pt idx="67">
                  <c:v>99.863528716350871</c:v>
                </c:pt>
                <c:pt idx="68">
                  <c:v>99.868464994939728</c:v>
                </c:pt>
                <c:pt idx="69">
                  <c:v>99.851184108406002</c:v>
                </c:pt>
                <c:pt idx="70">
                  <c:v>99.861709881530089</c:v>
                </c:pt>
                <c:pt idx="71">
                  <c:v>99.857379881214825</c:v>
                </c:pt>
                <c:pt idx="72">
                  <c:v>99.852439691153236</c:v>
                </c:pt>
                <c:pt idx="73">
                  <c:v>99.864784299098105</c:v>
                </c:pt>
                <c:pt idx="74">
                  <c:v>99.850577830132409</c:v>
                </c:pt>
                <c:pt idx="75">
                  <c:v>99.849971551858815</c:v>
                </c:pt>
                <c:pt idx="76">
                  <c:v>99.852439691153236</c:v>
                </c:pt>
                <c:pt idx="77">
                  <c:v>99.840705272954679</c:v>
                </c:pt>
                <c:pt idx="78">
                  <c:v>99.851184108406002</c:v>
                </c:pt>
                <c:pt idx="79">
                  <c:v>99.846247829817131</c:v>
                </c:pt>
                <c:pt idx="80">
                  <c:v>99.839449690207445</c:v>
                </c:pt>
                <c:pt idx="81">
                  <c:v>99.848715969111581</c:v>
                </c:pt>
                <c:pt idx="82">
                  <c:v>99.83576508289309</c:v>
                </c:pt>
                <c:pt idx="83">
                  <c:v>99.840098994681085</c:v>
                </c:pt>
                <c:pt idx="84">
                  <c:v>99.842567133975535</c:v>
                </c:pt>
                <c:pt idx="85">
                  <c:v>99.830828804304247</c:v>
                </c:pt>
                <c:pt idx="86">
                  <c:v>99.841917829501881</c:v>
                </c:pt>
                <c:pt idx="87">
                  <c:v>99.835158804619525</c:v>
                </c:pt>
                <c:pt idx="88">
                  <c:v>99.832690665325089</c:v>
                </c:pt>
                <c:pt idx="89">
                  <c:v>99.842567133975535</c:v>
                </c:pt>
                <c:pt idx="90">
                  <c:v>99.830179499830606</c:v>
                </c:pt>
                <c:pt idx="91">
                  <c:v>99.836371361166684</c:v>
                </c:pt>
                <c:pt idx="92">
                  <c:v>99.837626943913946</c:v>
                </c:pt>
                <c:pt idx="93">
                  <c:v>99.828360665009825</c:v>
                </c:pt>
                <c:pt idx="94">
                  <c:v>99.838843411933851</c:v>
                </c:pt>
                <c:pt idx="95">
                  <c:v>99.830179499830606</c:v>
                </c:pt>
                <c:pt idx="96">
                  <c:v>99.828966943283419</c:v>
                </c:pt>
                <c:pt idx="97">
                  <c:v>99.836371361166684</c:v>
                </c:pt>
                <c:pt idx="98">
                  <c:v>99.823424386420967</c:v>
                </c:pt>
                <c:pt idx="99">
                  <c:v>99.830828804304247</c:v>
                </c:pt>
                <c:pt idx="100">
                  <c:v>99.828966943283419</c:v>
                </c:pt>
                <c:pt idx="101">
                  <c:v>99.819696752906566</c:v>
                </c:pt>
                <c:pt idx="102">
                  <c:v>99.830179499830606</c:v>
                </c:pt>
                <c:pt idx="103">
                  <c:v>99.821558613927394</c:v>
                </c:pt>
                <c:pt idx="104">
                  <c:v>99.82030303118016</c:v>
                </c:pt>
                <c:pt idx="105">
                  <c:v>99.826498803988983</c:v>
                </c:pt>
                <c:pt idx="106">
                  <c:v>99.814760474317694</c:v>
                </c:pt>
                <c:pt idx="107">
                  <c:v>99.822168803673719</c:v>
                </c:pt>
                <c:pt idx="108">
                  <c:v>99.8209523356538</c:v>
                </c:pt>
                <c:pt idx="109">
                  <c:v>99.812292335023258</c:v>
                </c:pt>
                <c:pt idx="110">
                  <c:v>99.8209523356538</c:v>
                </c:pt>
                <c:pt idx="111">
                  <c:v>99.811686056749664</c:v>
                </c:pt>
                <c:pt idx="112">
                  <c:v>99.811686056749664</c:v>
                </c:pt>
                <c:pt idx="113">
                  <c:v>99.816622335338536</c:v>
                </c:pt>
                <c:pt idx="114">
                  <c:v>99.804277727393668</c:v>
                </c:pt>
                <c:pt idx="115">
                  <c:v>99.811686056749664</c:v>
                </c:pt>
                <c:pt idx="116">
                  <c:v>99.807962334708009</c:v>
                </c:pt>
                <c:pt idx="117">
                  <c:v>99.800554005351998</c:v>
                </c:pt>
                <c:pt idx="118">
                  <c:v>99.807962334708009</c:v>
                </c:pt>
                <c:pt idx="119">
                  <c:v>99.796873309510374</c:v>
                </c:pt>
                <c:pt idx="120">
                  <c:v>99.798085866057562</c:v>
                </c:pt>
                <c:pt idx="121">
                  <c:v>99.800554005351998</c:v>
                </c:pt>
                <c:pt idx="122">
                  <c:v>99.787603119133536</c:v>
                </c:pt>
                <c:pt idx="123">
                  <c:v>99.79561772676314</c:v>
                </c:pt>
                <c:pt idx="124">
                  <c:v>99.790681448174269</c:v>
                </c:pt>
                <c:pt idx="125">
                  <c:v>99.783879397091852</c:v>
                </c:pt>
                <c:pt idx="126">
                  <c:v>99.790681448174269</c:v>
                </c:pt>
                <c:pt idx="127">
                  <c:v>99.7783368402294</c:v>
                </c:pt>
                <c:pt idx="128">
                  <c:v>99.780198701250228</c:v>
                </c:pt>
                <c:pt idx="129">
                  <c:v>99.78141125779743</c:v>
                </c:pt>
                <c:pt idx="130">
                  <c:v>99.769672928126141</c:v>
                </c:pt>
                <c:pt idx="131">
                  <c:v>99.777081257482166</c:v>
                </c:pt>
                <c:pt idx="132">
                  <c:v>99.769066649852547</c:v>
                </c:pt>
                <c:pt idx="133">
                  <c:v>99.76352409299011</c:v>
                </c:pt>
                <c:pt idx="134">
                  <c:v>99.769066649852547</c:v>
                </c:pt>
                <c:pt idx="135">
                  <c:v>99.75672595338041</c:v>
                </c:pt>
                <c:pt idx="136">
                  <c:v>99.759194092674832</c:v>
                </c:pt>
                <c:pt idx="137">
                  <c:v>99.757938509927598</c:v>
                </c:pt>
                <c:pt idx="138">
                  <c:v>99.745593901982716</c:v>
                </c:pt>
                <c:pt idx="139">
                  <c:v>99.752392041592401</c:v>
                </c:pt>
                <c:pt idx="140">
                  <c:v>99.743732040961874</c:v>
                </c:pt>
                <c:pt idx="141">
                  <c:v>99.739445066846685</c:v>
                </c:pt>
                <c:pt idx="142">
                  <c:v>99.743125762688294</c:v>
                </c:pt>
                <c:pt idx="143">
                  <c:v>99.730781154743411</c:v>
                </c:pt>
                <c:pt idx="144">
                  <c:v>99.733855572311455</c:v>
                </c:pt>
                <c:pt idx="145">
                  <c:v>99.731387433017005</c:v>
                </c:pt>
                <c:pt idx="146">
                  <c:v>99.719649103345716</c:v>
                </c:pt>
                <c:pt idx="147">
                  <c:v>99.725844876154554</c:v>
                </c:pt>
                <c:pt idx="148">
                  <c:v>99.715968407504121</c:v>
                </c:pt>
                <c:pt idx="149">
                  <c:v>99.711638407188858</c:v>
                </c:pt>
                <c:pt idx="150">
                  <c:v>99.714712824756873</c:v>
                </c:pt>
                <c:pt idx="151">
                  <c:v>99.701761938538411</c:v>
                </c:pt>
                <c:pt idx="152">
                  <c:v>99.704230077832833</c:v>
                </c:pt>
                <c:pt idx="153">
                  <c:v>99.699900077517555</c:v>
                </c:pt>
                <c:pt idx="154">
                  <c:v>99.688811052319949</c:v>
                </c:pt>
                <c:pt idx="155">
                  <c:v>99.693101937907869</c:v>
                </c:pt>
                <c:pt idx="156">
                  <c:v>99.682012912710235</c:v>
                </c:pt>
                <c:pt idx="157">
                  <c:v>99.678289190668565</c:v>
                </c:pt>
                <c:pt idx="158">
                  <c:v>99.679544773415813</c:v>
                </c:pt>
                <c:pt idx="159">
                  <c:v>99.664732026176523</c:v>
                </c:pt>
                <c:pt idx="160">
                  <c:v>99.667806443744524</c:v>
                </c:pt>
                <c:pt idx="161">
                  <c:v>99.661614582408433</c:v>
                </c:pt>
                <c:pt idx="162">
                  <c:v>99.651738113757986</c:v>
                </c:pt>
                <c:pt idx="163">
                  <c:v>99.655461835799656</c:v>
                </c:pt>
                <c:pt idx="164">
                  <c:v>99.643727417601127</c:v>
                </c:pt>
                <c:pt idx="165">
                  <c:v>99.639999784086697</c:v>
                </c:pt>
                <c:pt idx="166">
                  <c:v>99.639393505813104</c:v>
                </c:pt>
                <c:pt idx="167">
                  <c:v>99.625190948320125</c:v>
                </c:pt>
                <c:pt idx="168">
                  <c:v>99.62765908761456</c:v>
                </c:pt>
                <c:pt idx="169">
                  <c:v>99.62025075825855</c:v>
                </c:pt>
                <c:pt idx="170">
                  <c:v>99.610984479354428</c:v>
                </c:pt>
                <c:pt idx="171">
                  <c:v>99.61345261864885</c:v>
                </c:pt>
                <c:pt idx="172">
                  <c:v>99.599895454156794</c:v>
                </c:pt>
                <c:pt idx="173">
                  <c:v>99.596778010388732</c:v>
                </c:pt>
                <c:pt idx="174">
                  <c:v>99.594959175567936</c:v>
                </c:pt>
                <c:pt idx="175">
                  <c:v>99.58075270660224</c:v>
                </c:pt>
                <c:pt idx="176">
                  <c:v>99.582571541422993</c:v>
                </c:pt>
                <c:pt idx="177">
                  <c:v>99.573344377246215</c:v>
                </c:pt>
                <c:pt idx="178">
                  <c:v>99.563428793868439</c:v>
                </c:pt>
                <c:pt idx="179">
                  <c:v>99.565290654889282</c:v>
                </c:pt>
                <c:pt idx="180">
                  <c:v>99.551733490397226</c:v>
                </c:pt>
                <c:pt idx="181">
                  <c:v>99.548616046629135</c:v>
                </c:pt>
                <c:pt idx="182">
                  <c:v>99.544935350787526</c:v>
                </c:pt>
                <c:pt idx="183">
                  <c:v>99.530728881821815</c:v>
                </c:pt>
                <c:pt idx="184">
                  <c:v>99.532590742842658</c:v>
                </c:pt>
                <c:pt idx="185">
                  <c:v>99.522064969718542</c:v>
                </c:pt>
                <c:pt idx="186">
                  <c:v>99.512192412540841</c:v>
                </c:pt>
                <c:pt idx="187">
                  <c:v>99.512798690814421</c:v>
                </c:pt>
                <c:pt idx="188">
                  <c:v>99.497985943575131</c:v>
                </c:pt>
                <c:pt idx="189">
                  <c:v>99.495517804280695</c:v>
                </c:pt>
                <c:pt idx="190">
                  <c:v>99.490577614219106</c:v>
                </c:pt>
                <c:pt idx="191">
                  <c:v>99.476375056726127</c:v>
                </c:pt>
                <c:pt idx="192">
                  <c:v>99.476375056726127</c:v>
                </c:pt>
                <c:pt idx="193">
                  <c:v>99.464636727054852</c:v>
                </c:pt>
                <c:pt idx="194">
                  <c:v>99.45601584115164</c:v>
                </c:pt>
                <c:pt idx="195">
                  <c:v>99.45601584115164</c:v>
                </c:pt>
                <c:pt idx="196">
                  <c:v>99.44120309391235</c:v>
                </c:pt>
                <c:pt idx="197">
                  <c:v>99.438085650144274</c:v>
                </c:pt>
                <c:pt idx="198">
                  <c:v>99.43068123226098</c:v>
                </c:pt>
                <c:pt idx="199">
                  <c:v>99.417730346042518</c:v>
                </c:pt>
                <c:pt idx="200">
                  <c:v>99.418942902589691</c:v>
                </c:pt>
                <c:pt idx="201">
                  <c:v>99.405992016371243</c:v>
                </c:pt>
                <c:pt idx="202">
                  <c:v>99.397332015740687</c:v>
                </c:pt>
                <c:pt idx="203">
                  <c:v>99.395513180919934</c:v>
                </c:pt>
                <c:pt idx="204">
                  <c:v>99.379444850933368</c:v>
                </c:pt>
                <c:pt idx="205">
                  <c:v>99.37758298991254</c:v>
                </c:pt>
                <c:pt idx="206">
                  <c:v>99.369568382282935</c:v>
                </c:pt>
                <c:pt idx="207">
                  <c:v>99.355968191590819</c:v>
                </c:pt>
                <c:pt idx="208">
                  <c:v>99.355361913317225</c:v>
                </c:pt>
                <c:pt idx="209">
                  <c:v>99.341155444351514</c:v>
                </c:pt>
                <c:pt idx="210">
                  <c:v>99.333144748194627</c:v>
                </c:pt>
                <c:pt idx="211">
                  <c:v>99.329421026152957</c:v>
                </c:pt>
                <c:pt idx="212">
                  <c:v>99.313352696166405</c:v>
                </c:pt>
                <c:pt idx="213">
                  <c:v>99.310278278598403</c:v>
                </c:pt>
                <c:pt idx="214">
                  <c:v>99.300401809947957</c:v>
                </c:pt>
                <c:pt idx="215">
                  <c:v>99.287450923729494</c:v>
                </c:pt>
                <c:pt idx="216">
                  <c:v>99.285589062708638</c:v>
                </c:pt>
                <c:pt idx="217">
                  <c:v>99.270127010995694</c:v>
                </c:pt>
                <c:pt idx="218">
                  <c:v>99.262116314838821</c:v>
                </c:pt>
                <c:pt idx="219">
                  <c:v>99.257176124777232</c:v>
                </c:pt>
                <c:pt idx="220">
                  <c:v>99.240501516517099</c:v>
                </c:pt>
                <c:pt idx="221">
                  <c:v>99.237427098949084</c:v>
                </c:pt>
                <c:pt idx="222">
                  <c:v>99.227554541771354</c:v>
                </c:pt>
                <c:pt idx="223">
                  <c:v>99.214560629352818</c:v>
                </c:pt>
                <c:pt idx="224">
                  <c:v>99.21148621178483</c:v>
                </c:pt>
                <c:pt idx="225">
                  <c:v>99.195417881798249</c:v>
                </c:pt>
                <c:pt idx="226">
                  <c:v>99.188009552442253</c:v>
                </c:pt>
                <c:pt idx="227">
                  <c:v>99.181860717306208</c:v>
                </c:pt>
                <c:pt idx="228">
                  <c:v>99.165792387319669</c:v>
                </c:pt>
                <c:pt idx="229">
                  <c:v>99.16271796975164</c:v>
                </c:pt>
                <c:pt idx="230">
                  <c:v>99.149724057333117</c:v>
                </c:pt>
                <c:pt idx="231">
                  <c:v>99.137985727661842</c:v>
                </c:pt>
                <c:pt idx="232">
                  <c:v>99.133698753546625</c:v>
                </c:pt>
                <c:pt idx="233">
                  <c:v>99.118236701833681</c:v>
                </c:pt>
                <c:pt idx="234">
                  <c:v>99.111434650751249</c:v>
                </c:pt>
                <c:pt idx="235">
                  <c:v>99.102817676320782</c:v>
                </c:pt>
                <c:pt idx="236">
                  <c:v>99.087355624607824</c:v>
                </c:pt>
                <c:pt idx="237">
                  <c:v>99.084281207039808</c:v>
                </c:pt>
                <c:pt idx="238">
                  <c:v>99.070681016347706</c:v>
                </c:pt>
                <c:pt idx="239">
                  <c:v>99.058942686676403</c:v>
                </c:pt>
                <c:pt idx="240">
                  <c:v>99.053400129813951</c:v>
                </c:pt>
                <c:pt idx="241">
                  <c:v>99.037331799827413</c:v>
                </c:pt>
                <c:pt idx="242">
                  <c:v>99.029923470471388</c:v>
                </c:pt>
                <c:pt idx="243">
                  <c:v>99.021306496040921</c:v>
                </c:pt>
                <c:pt idx="244">
                  <c:v>99.005238166054397</c:v>
                </c:pt>
                <c:pt idx="245">
                  <c:v>99.000908165739119</c:v>
                </c:pt>
                <c:pt idx="246">
                  <c:v>98.986095418499815</c:v>
                </c:pt>
                <c:pt idx="247">
                  <c:v>98.975006393302181</c:v>
                </c:pt>
                <c:pt idx="248">
                  <c:v>98.969420810239669</c:v>
                </c:pt>
                <c:pt idx="249">
                  <c:v>98.952139923705928</c:v>
                </c:pt>
                <c:pt idx="250">
                  <c:v>98.945337872623512</c:v>
                </c:pt>
                <c:pt idx="251">
                  <c:v>98.934252758898623</c:v>
                </c:pt>
                <c:pt idx="252">
                  <c:v>98.91879070718565</c:v>
                </c:pt>
                <c:pt idx="253">
                  <c:v>98.913850517124089</c:v>
                </c:pt>
                <c:pt idx="254">
                  <c:v>98.899041681357502</c:v>
                </c:pt>
                <c:pt idx="255">
                  <c:v>98.887909629959822</c:v>
                </c:pt>
                <c:pt idx="256">
                  <c:v>98.881107578877391</c:v>
                </c:pt>
                <c:pt idx="257">
                  <c:v>98.862614135796477</c:v>
                </c:pt>
                <c:pt idx="258">
                  <c:v>98.856422274460371</c:v>
                </c:pt>
                <c:pt idx="259">
                  <c:v>98.844683944789097</c:v>
                </c:pt>
                <c:pt idx="260">
                  <c:v>98.829264919276198</c:v>
                </c:pt>
                <c:pt idx="261">
                  <c:v>98.824328640687341</c:v>
                </c:pt>
                <c:pt idx="262">
                  <c:v>98.808260310700803</c:v>
                </c:pt>
                <c:pt idx="263">
                  <c:v>98.797171285503168</c:v>
                </c:pt>
                <c:pt idx="264">
                  <c:v>98.789723841419828</c:v>
                </c:pt>
                <c:pt idx="265">
                  <c:v>98.771836676612494</c:v>
                </c:pt>
                <c:pt idx="266">
                  <c:v>98.765640903803657</c:v>
                </c:pt>
                <c:pt idx="267">
                  <c:v>98.75330020733152</c:v>
                </c:pt>
                <c:pt idx="268">
                  <c:v>98.738487460092216</c:v>
                </c:pt>
                <c:pt idx="269">
                  <c:v>98.732338624956185</c:v>
                </c:pt>
                <c:pt idx="270">
                  <c:v>98.715664016696024</c:v>
                </c:pt>
                <c:pt idx="271">
                  <c:v>98.705744521845546</c:v>
                </c:pt>
                <c:pt idx="272">
                  <c:v>98.695868053195099</c:v>
                </c:pt>
                <c:pt idx="273">
                  <c:v>98.678587166661359</c:v>
                </c:pt>
                <c:pt idx="274">
                  <c:v>98.671789027051673</c:v>
                </c:pt>
                <c:pt idx="275">
                  <c:v>98.657582558085963</c:v>
                </c:pt>
                <c:pt idx="276">
                  <c:v>98.643419115320299</c:v>
                </c:pt>
                <c:pt idx="277">
                  <c:v>98.636620975710613</c:v>
                </c:pt>
                <c:pt idx="278">
                  <c:v>98.619297062976813</c:v>
                </c:pt>
                <c:pt idx="279">
                  <c:v>98.609420594326394</c:v>
                </c:pt>
                <c:pt idx="280">
                  <c:v>98.599544125675919</c:v>
                </c:pt>
                <c:pt idx="281">
                  <c:v>98.582263239142193</c:v>
                </c:pt>
                <c:pt idx="282">
                  <c:v>98.575465099532494</c:v>
                </c:pt>
                <c:pt idx="283">
                  <c:v>98.56004607401961</c:v>
                </c:pt>
                <c:pt idx="284">
                  <c:v>98.545839605053914</c:v>
                </c:pt>
                <c:pt idx="285">
                  <c:v>98.53843518717062</c:v>
                </c:pt>
                <c:pt idx="286">
                  <c:v>98.52050499616324</c:v>
                </c:pt>
                <c:pt idx="287">
                  <c:v>98.511277831986433</c:v>
                </c:pt>
                <c:pt idx="288">
                  <c:v>98.499539502315173</c:v>
                </c:pt>
                <c:pt idx="289">
                  <c:v>98.482215589581358</c:v>
                </c:pt>
                <c:pt idx="290">
                  <c:v>98.475460476171747</c:v>
                </c:pt>
                <c:pt idx="291">
                  <c:v>98.459392146185195</c:v>
                </c:pt>
                <c:pt idx="292">
                  <c:v>98.446441259966733</c:v>
                </c:pt>
                <c:pt idx="293">
                  <c:v>98.438387537609771</c:v>
                </c:pt>
                <c:pt idx="294">
                  <c:v>98.420500372802465</c:v>
                </c:pt>
                <c:pt idx="295">
                  <c:v>98.410623904152018</c:v>
                </c:pt>
                <c:pt idx="296">
                  <c:v>98.398236270007075</c:v>
                </c:pt>
                <c:pt idx="297">
                  <c:v>98.381604687947004</c:v>
                </c:pt>
                <c:pt idx="298">
                  <c:v>98.37355096559007</c:v>
                </c:pt>
                <c:pt idx="299">
                  <c:v>98.356876357329938</c:v>
                </c:pt>
                <c:pt idx="300">
                  <c:v>98.345138027658635</c:v>
                </c:pt>
                <c:pt idx="301">
                  <c:v>98.335914774954603</c:v>
                </c:pt>
                <c:pt idx="302">
                  <c:v>98.317374394200883</c:v>
                </c:pt>
                <c:pt idx="303">
                  <c:v>98.309320671843949</c:v>
                </c:pt>
                <c:pt idx="304">
                  <c:v>98.295763507351893</c:v>
                </c:pt>
                <c:pt idx="305">
                  <c:v>98.279088899091732</c:v>
                </c:pt>
                <c:pt idx="306">
                  <c:v>98.271684481208467</c:v>
                </c:pt>
                <c:pt idx="307">
                  <c:v>98.254403594674741</c:v>
                </c:pt>
                <c:pt idx="308">
                  <c:v>98.241409682256204</c:v>
                </c:pt>
                <c:pt idx="309">
                  <c:v>98.231533213605758</c:v>
                </c:pt>
                <c:pt idx="310">
                  <c:v>98.213646048798424</c:v>
                </c:pt>
                <c:pt idx="311">
                  <c:v>98.204986048167896</c:v>
                </c:pt>
                <c:pt idx="312">
                  <c:v>98.191385857475794</c:v>
                </c:pt>
                <c:pt idx="313">
                  <c:v>98.174711249215648</c:v>
                </c:pt>
                <c:pt idx="314">
                  <c:v>98.166696641586029</c:v>
                </c:pt>
                <c:pt idx="315">
                  <c:v>98.149415755052317</c:v>
                </c:pt>
                <c:pt idx="316">
                  <c:v>98.137677425381042</c:v>
                </c:pt>
                <c:pt idx="317">
                  <c:v>98.126549285456079</c:v>
                </c:pt>
                <c:pt idx="318">
                  <c:v>98.108662120648745</c:v>
                </c:pt>
                <c:pt idx="319">
                  <c:v>98.099998208545486</c:v>
                </c:pt>
                <c:pt idx="320">
                  <c:v>98.085791739579776</c:v>
                </c:pt>
                <c:pt idx="321">
                  <c:v>98.070372714066878</c:v>
                </c:pt>
                <c:pt idx="322">
                  <c:v>98.06171271343635</c:v>
                </c:pt>
                <c:pt idx="323">
                  <c:v>98.04382554862903</c:v>
                </c:pt>
                <c:pt idx="324">
                  <c:v>98.03334280170499</c:v>
                </c:pt>
                <c:pt idx="325">
                  <c:v>98.021604472033715</c:v>
                </c:pt>
                <c:pt idx="326">
                  <c:v>98.003674281026321</c:v>
                </c:pt>
                <c:pt idx="327">
                  <c:v>97.995057306595868</c:v>
                </c:pt>
                <c:pt idx="328">
                  <c:v>97.980850837630143</c:v>
                </c:pt>
                <c:pt idx="329">
                  <c:v>97.966038090390853</c:v>
                </c:pt>
                <c:pt idx="330">
                  <c:v>97.956771811486718</c:v>
                </c:pt>
                <c:pt idx="331">
                  <c:v>97.93948701348026</c:v>
                </c:pt>
                <c:pt idx="332">
                  <c:v>97.928358873555311</c:v>
                </c:pt>
                <c:pt idx="333">
                  <c:v>97.916620543884022</c:v>
                </c:pt>
                <c:pt idx="334">
                  <c:v>97.899339657350282</c:v>
                </c:pt>
                <c:pt idx="335">
                  <c:v>97.890675745247023</c:v>
                </c:pt>
                <c:pt idx="336">
                  <c:v>97.875260631206871</c:v>
                </c:pt>
                <c:pt idx="337">
                  <c:v>97.86105416224116</c:v>
                </c:pt>
                <c:pt idx="338">
                  <c:v>97.851783971864307</c:v>
                </c:pt>
                <c:pt idx="339">
                  <c:v>97.834503085330581</c:v>
                </c:pt>
                <c:pt idx="340">
                  <c:v>97.823977312206466</c:v>
                </c:pt>
                <c:pt idx="341">
                  <c:v>97.811636615734344</c:v>
                </c:pt>
                <c:pt idx="342">
                  <c:v>97.795611311947852</c:v>
                </c:pt>
                <c:pt idx="343">
                  <c:v>97.787553678118186</c:v>
                </c:pt>
                <c:pt idx="344">
                  <c:v>97.772740930878882</c:v>
                </c:pt>
                <c:pt idx="345">
                  <c:v>97.758534461913158</c:v>
                </c:pt>
                <c:pt idx="346">
                  <c:v>97.748661904735457</c:v>
                </c:pt>
                <c:pt idx="347">
                  <c:v>97.731381018201716</c:v>
                </c:pt>
                <c:pt idx="348">
                  <c:v>97.72150454955127</c:v>
                </c:pt>
                <c:pt idx="349">
                  <c:v>97.709163853079133</c:v>
                </c:pt>
                <c:pt idx="350">
                  <c:v>97.693095523092595</c:v>
                </c:pt>
                <c:pt idx="351">
                  <c:v>97.686293472010163</c:v>
                </c:pt>
                <c:pt idx="352">
                  <c:v>97.67087444649728</c:v>
                </c:pt>
                <c:pt idx="353">
                  <c:v>97.657880534078743</c:v>
                </c:pt>
                <c:pt idx="354">
                  <c:v>97.648007976901027</c:v>
                </c:pt>
                <c:pt idx="355">
                  <c:v>97.630727090367316</c:v>
                </c:pt>
                <c:pt idx="356">
                  <c:v>97.621456899990434</c:v>
                </c:pt>
                <c:pt idx="357">
                  <c:v>97.608506013771986</c:v>
                </c:pt>
                <c:pt idx="358">
                  <c:v>97.593697178005414</c:v>
                </c:pt>
                <c:pt idx="359">
                  <c:v>97.585033265902169</c:v>
                </c:pt>
                <c:pt idx="360">
                  <c:v>97.569614240389257</c:v>
                </c:pt>
                <c:pt idx="361">
                  <c:v>97.557226606244328</c:v>
                </c:pt>
                <c:pt idx="362">
                  <c:v>97.548003353540253</c:v>
                </c:pt>
                <c:pt idx="363">
                  <c:v>97.531328745280121</c:v>
                </c:pt>
                <c:pt idx="364">
                  <c:v>97.522058554903282</c:v>
                </c:pt>
                <c:pt idx="365">
                  <c:v>97.509713946958385</c:v>
                </c:pt>
                <c:pt idx="366">
                  <c:v>97.494905111191841</c:v>
                </c:pt>
                <c:pt idx="367">
                  <c:v>97.486847477362161</c:v>
                </c:pt>
                <c:pt idx="368">
                  <c:v>97.470172869102015</c:v>
                </c:pt>
                <c:pt idx="369">
                  <c:v>97.458434539430741</c:v>
                </c:pt>
                <c:pt idx="370">
                  <c:v>97.449168260526605</c:v>
                </c:pt>
                <c:pt idx="371">
                  <c:v>97.432536678466533</c:v>
                </c:pt>
                <c:pt idx="372">
                  <c:v>97.424479044636868</c:v>
                </c:pt>
                <c:pt idx="373">
                  <c:v>97.410921880144812</c:v>
                </c:pt>
                <c:pt idx="374">
                  <c:v>97.397931879199021</c:v>
                </c:pt>
                <c:pt idx="375">
                  <c:v>97.389310993295808</c:v>
                </c:pt>
                <c:pt idx="376">
                  <c:v>97.373848941582864</c:v>
                </c:pt>
                <c:pt idx="377">
                  <c:v>97.363370106131555</c:v>
                </c:pt>
                <c:pt idx="378">
                  <c:v>97.353493637481108</c:v>
                </c:pt>
                <c:pt idx="379">
                  <c:v>97.33742530749457</c:v>
                </c:pt>
                <c:pt idx="380">
                  <c:v>97.330020889611291</c:v>
                </c:pt>
                <c:pt idx="381">
                  <c:v>97.31642069891916</c:v>
                </c:pt>
                <c:pt idx="382">
                  <c:v>97.303469812700698</c:v>
                </c:pt>
                <c:pt idx="383">
                  <c:v>97.294805900597424</c:v>
                </c:pt>
                <c:pt idx="384">
                  <c:v>97.279997064830866</c:v>
                </c:pt>
                <c:pt idx="385">
                  <c:v>97.269514317906825</c:v>
                </c:pt>
                <c:pt idx="386">
                  <c:v>97.258988544782724</c:v>
                </c:pt>
                <c:pt idx="387">
                  <c:v>97.244175797543434</c:v>
                </c:pt>
                <c:pt idx="388">
                  <c:v>97.236771379660141</c:v>
                </c:pt>
                <c:pt idx="389">
                  <c:v>97.22256491069443</c:v>
                </c:pt>
                <c:pt idx="390">
                  <c:v>97.210826581023142</c:v>
                </c:pt>
                <c:pt idx="391">
                  <c:v>97.201560302119006</c:v>
                </c:pt>
                <c:pt idx="392">
                  <c:v>97.186747554879716</c:v>
                </c:pt>
                <c:pt idx="393">
                  <c:v>97.177477364502863</c:v>
                </c:pt>
                <c:pt idx="394">
                  <c:v>97.166998529051568</c:v>
                </c:pt>
                <c:pt idx="395">
                  <c:v>97.152792060085844</c:v>
                </c:pt>
                <c:pt idx="396">
                  <c:v>97.144171174182659</c:v>
                </c:pt>
                <c:pt idx="397">
                  <c:v>97.131177261764137</c:v>
                </c:pt>
                <c:pt idx="398">
                  <c:v>97.119442843565579</c:v>
                </c:pt>
                <c:pt idx="399">
                  <c:v>97.111428235935961</c:v>
                </c:pt>
                <c:pt idx="400">
                  <c:v>97.096615488696656</c:v>
                </c:pt>
                <c:pt idx="401">
                  <c:v>97.087349209792535</c:v>
                </c:pt>
                <c:pt idx="402">
                  <c:v>97.076217158394854</c:v>
                </c:pt>
                <c:pt idx="403">
                  <c:v>97.062659993902798</c:v>
                </c:pt>
                <c:pt idx="404">
                  <c:v>97.055255576019519</c:v>
                </c:pt>
                <c:pt idx="405">
                  <c:v>97.041049107053809</c:v>
                </c:pt>
                <c:pt idx="406">
                  <c:v>97.029917055656099</c:v>
                </c:pt>
                <c:pt idx="407">
                  <c:v>97.021257055025572</c:v>
                </c:pt>
                <c:pt idx="408">
                  <c:v>97.007050586059876</c:v>
                </c:pt>
                <c:pt idx="409">
                  <c:v>96.999035978430257</c:v>
                </c:pt>
                <c:pt idx="410">
                  <c:v>96.988557142978962</c:v>
                </c:pt>
                <c:pt idx="411">
                  <c:v>96.974956952286831</c:v>
                </c:pt>
                <c:pt idx="412">
                  <c:v>96.967552534403552</c:v>
                </c:pt>
                <c:pt idx="413">
                  <c:v>96.953952343711435</c:v>
                </c:pt>
                <c:pt idx="414">
                  <c:v>96.943469596787395</c:v>
                </c:pt>
                <c:pt idx="415">
                  <c:v>96.934809596156867</c:v>
                </c:pt>
                <c:pt idx="416">
                  <c:v>96.921252431664826</c:v>
                </c:pt>
                <c:pt idx="417">
                  <c:v>96.914450380582394</c:v>
                </c:pt>
                <c:pt idx="418">
                  <c:v>96.902715962383837</c:v>
                </c:pt>
                <c:pt idx="419">
                  <c:v>96.889765076165375</c:v>
                </c:pt>
                <c:pt idx="420">
                  <c:v>96.88296302508293</c:v>
                </c:pt>
                <c:pt idx="421">
                  <c:v>96.869973024137153</c:v>
                </c:pt>
                <c:pt idx="422">
                  <c:v>96.86074585996036</c:v>
                </c:pt>
                <c:pt idx="423">
                  <c:v>96.851479581056239</c:v>
                </c:pt>
                <c:pt idx="424">
                  <c:v>96.837879390364108</c:v>
                </c:pt>
                <c:pt idx="425">
                  <c:v>96.830471061008112</c:v>
                </c:pt>
                <c:pt idx="426">
                  <c:v>96.819342921083134</c:v>
                </c:pt>
                <c:pt idx="427">
                  <c:v>96.808253895885528</c:v>
                </c:pt>
                <c:pt idx="428">
                  <c:v>96.802062034549422</c:v>
                </c:pt>
                <c:pt idx="429">
                  <c:v>96.790323704878134</c:v>
                </c:pt>
                <c:pt idx="430">
                  <c:v>96.781053514501295</c:v>
                </c:pt>
                <c:pt idx="431">
                  <c:v>96.77183026179722</c:v>
                </c:pt>
                <c:pt idx="432">
                  <c:v>96.758836349378697</c:v>
                </c:pt>
                <c:pt idx="433">
                  <c:v>96.752038209768997</c:v>
                </c:pt>
                <c:pt idx="434">
                  <c:v>96.740299880097709</c:v>
                </c:pt>
                <c:pt idx="435">
                  <c:v>96.729210854900089</c:v>
                </c:pt>
                <c:pt idx="436">
                  <c:v>96.723018993563983</c:v>
                </c:pt>
                <c:pt idx="437">
                  <c:v>96.708812524598272</c:v>
                </c:pt>
                <c:pt idx="438">
                  <c:v>96.700191638695074</c:v>
                </c:pt>
                <c:pt idx="439">
                  <c:v>96.691531638064546</c:v>
                </c:pt>
                <c:pt idx="440">
                  <c:v>96.67858075184607</c:v>
                </c:pt>
                <c:pt idx="441">
                  <c:v>96.671782612236385</c:v>
                </c:pt>
                <c:pt idx="442">
                  <c:v>96.662512421859518</c:v>
                </c:pt>
                <c:pt idx="443">
                  <c:v>96.65324614295541</c:v>
                </c:pt>
                <c:pt idx="444">
                  <c:v>96.651380370461837</c:v>
                </c:pt>
                <c:pt idx="445">
                  <c:v>96.635355066675345</c:v>
                </c:pt>
                <c:pt idx="446">
                  <c:v>96.625482509497658</c:v>
                </c:pt>
                <c:pt idx="447">
                  <c:v>96.614956736373543</c:v>
                </c:pt>
                <c:pt idx="448">
                  <c:v>96.602005850155081</c:v>
                </c:pt>
                <c:pt idx="449">
                  <c:v>96.595813988818975</c:v>
                </c:pt>
                <c:pt idx="450">
                  <c:v>96.584724963621341</c:v>
                </c:pt>
                <c:pt idx="451">
                  <c:v>96.574203101969985</c:v>
                </c:pt>
                <c:pt idx="452">
                  <c:v>96.567401050887554</c:v>
                </c:pt>
                <c:pt idx="453">
                  <c:v>96.555060354415417</c:v>
                </c:pt>
                <c:pt idx="454">
                  <c:v>96.547652025059392</c:v>
                </c:pt>
                <c:pt idx="455">
                  <c:v>96.539035050628925</c:v>
                </c:pt>
                <c:pt idx="456">
                  <c:v>96.526690442684057</c:v>
                </c:pt>
                <c:pt idx="457">
                  <c:v>96.52049466987522</c:v>
                </c:pt>
                <c:pt idx="458">
                  <c:v>96.50936652995027</c:v>
                </c:pt>
                <c:pt idx="459">
                  <c:v>96.500096339573417</c:v>
                </c:pt>
                <c:pt idx="460">
                  <c:v>96.492691921690124</c:v>
                </c:pt>
                <c:pt idx="461">
                  <c:v>96.48099661821891</c:v>
                </c:pt>
                <c:pt idx="462">
                  <c:v>96.47419847860921</c:v>
                </c:pt>
                <c:pt idx="463">
                  <c:v>96.464928288232358</c:v>
                </c:pt>
                <c:pt idx="464">
                  <c:v>96.453796236834663</c:v>
                </c:pt>
                <c:pt idx="465">
                  <c:v>96.447647401698617</c:v>
                </c:pt>
                <c:pt idx="466">
                  <c:v>96.436515350300937</c:v>
                </c:pt>
                <c:pt idx="467">
                  <c:v>96.427249071396815</c:v>
                </c:pt>
                <c:pt idx="468">
                  <c:v>96.420447020314384</c:v>
                </c:pt>
                <c:pt idx="469">
                  <c:v>96.408712602115841</c:v>
                </c:pt>
                <c:pt idx="470">
                  <c:v>96.402559855507064</c:v>
                </c:pt>
                <c:pt idx="471">
                  <c:v>96.393899854876537</c:v>
                </c:pt>
                <c:pt idx="472">
                  <c:v>96.382161525205262</c:v>
                </c:pt>
                <c:pt idx="473">
                  <c:v>96.376618968342797</c:v>
                </c:pt>
                <c:pt idx="474">
                  <c:v>96.364880638671522</c:v>
                </c:pt>
                <c:pt idx="475">
                  <c:v>96.356869942514649</c:v>
                </c:pt>
                <c:pt idx="476">
                  <c:v>96.350067891432232</c:v>
                </c:pt>
                <c:pt idx="477">
                  <c:v>96.33772328348735</c:v>
                </c:pt>
                <c:pt idx="478">
                  <c:v>96.331531422151244</c:v>
                </c:pt>
                <c:pt idx="479">
                  <c:v>96.322261231774405</c:v>
                </c:pt>
                <c:pt idx="480">
                  <c:v>96.312388674596676</c:v>
                </c:pt>
                <c:pt idx="481">
                  <c:v>96.305633561187065</c:v>
                </c:pt>
                <c:pt idx="482">
                  <c:v>96.295107788062964</c:v>
                </c:pt>
                <c:pt idx="483">
                  <c:v>96.287699458706939</c:v>
                </c:pt>
                <c:pt idx="484">
                  <c:v>96.280901319097239</c:v>
                </c:pt>
                <c:pt idx="485">
                  <c:v>96.269162989425965</c:v>
                </c:pt>
                <c:pt idx="486">
                  <c:v>96.263620432563513</c:v>
                </c:pt>
                <c:pt idx="487">
                  <c:v>96.254350242186675</c:v>
                </c:pt>
                <c:pt idx="488">
                  <c:v>96.244477685008945</c:v>
                </c:pt>
                <c:pt idx="489">
                  <c:v>96.238324938400183</c:v>
                </c:pt>
                <c:pt idx="490">
                  <c:v>96.227803076748799</c:v>
                </c:pt>
                <c:pt idx="491">
                  <c:v>96.221001025666368</c:v>
                </c:pt>
                <c:pt idx="492">
                  <c:v>96.213596607783103</c:v>
                </c:pt>
                <c:pt idx="493">
                  <c:v>96.202507582585454</c:v>
                </c:pt>
                <c:pt idx="494">
                  <c:v>96.196921999522957</c:v>
                </c:pt>
                <c:pt idx="495">
                  <c:v>96.18704553087251</c:v>
                </c:pt>
                <c:pt idx="496">
                  <c:v>96.179034834715637</c:v>
                </c:pt>
                <c:pt idx="497">
                  <c:v>96.172839061906785</c:v>
                </c:pt>
                <c:pt idx="498">
                  <c:v>96.161753948181897</c:v>
                </c:pt>
                <c:pt idx="499">
                  <c:v>96.155558175373059</c:v>
                </c:pt>
                <c:pt idx="500">
                  <c:v>96.1475474792162</c:v>
                </c:pt>
                <c:pt idx="501">
                  <c:v>96.137671010565754</c:v>
                </c:pt>
                <c:pt idx="502">
                  <c:v>96.131479149229648</c:v>
                </c:pt>
                <c:pt idx="503">
                  <c:v>96.122815237126389</c:v>
                </c:pt>
                <c:pt idx="504">
                  <c:v>96.114804540969502</c:v>
                </c:pt>
                <c:pt idx="505">
                  <c:v>96.108655705833471</c:v>
                </c:pt>
                <c:pt idx="506">
                  <c:v>96.098129932709369</c:v>
                </c:pt>
                <c:pt idx="507">
                  <c:v>96.091981097573324</c:v>
                </c:pt>
                <c:pt idx="508">
                  <c:v>96.084572768217299</c:v>
                </c:pt>
                <c:pt idx="509">
                  <c:v>96.074653273366806</c:v>
                </c:pt>
                <c:pt idx="510">
                  <c:v>96.069716994777949</c:v>
                </c:pt>
                <c:pt idx="511">
                  <c:v>96.060450715873827</c:v>
                </c:pt>
                <c:pt idx="512">
                  <c:v>96.053042386517802</c:v>
                </c:pt>
                <c:pt idx="513">
                  <c:v>96.046893551381771</c:v>
                </c:pt>
                <c:pt idx="514">
                  <c:v>96.03701708273131</c:v>
                </c:pt>
                <c:pt idx="515">
                  <c:v>96.031431499668813</c:v>
                </c:pt>
                <c:pt idx="516">
                  <c:v>96.023416892039194</c:v>
                </c:pt>
                <c:pt idx="517">
                  <c:v>96.01475689140868</c:v>
                </c:pt>
                <c:pt idx="518">
                  <c:v>96.010469917293463</c:v>
                </c:pt>
                <c:pt idx="519">
                  <c:v>96.000593448643031</c:v>
                </c:pt>
                <c:pt idx="520">
                  <c:v>95.993795309033345</c:v>
                </c:pt>
                <c:pt idx="521">
                  <c:v>95.988205814498087</c:v>
                </c:pt>
                <c:pt idx="522">
                  <c:v>95.978982561794027</c:v>
                </c:pt>
                <c:pt idx="523">
                  <c:v>95.973393067258797</c:v>
                </c:pt>
                <c:pt idx="524">
                  <c:v>95.965988649375504</c:v>
                </c:pt>
                <c:pt idx="525">
                  <c:v>95.957367763472305</c:v>
                </c:pt>
                <c:pt idx="526">
                  <c:v>95.952431484883434</c:v>
                </c:pt>
                <c:pt idx="527">
                  <c:v>95.943771484252906</c:v>
                </c:pt>
                <c:pt idx="528">
                  <c:v>95.936969433170489</c:v>
                </c:pt>
                <c:pt idx="529">
                  <c:v>95.932033154581632</c:v>
                </c:pt>
                <c:pt idx="530">
                  <c:v>95.922762964204779</c:v>
                </c:pt>
                <c:pt idx="531">
                  <c:v>95.917826685615935</c:v>
                </c:pt>
                <c:pt idx="532">
                  <c:v>95.910422267732642</c:v>
                </c:pt>
                <c:pt idx="533">
                  <c:v>95.901758355629383</c:v>
                </c:pt>
                <c:pt idx="534">
                  <c:v>95.896822077040525</c:v>
                </c:pt>
                <c:pt idx="535">
                  <c:v>95.888201191137327</c:v>
                </c:pt>
                <c:pt idx="536">
                  <c:v>95.882009329801221</c:v>
                </c:pt>
                <c:pt idx="537">
                  <c:v>95.876462861466038</c:v>
                </c:pt>
                <c:pt idx="538">
                  <c:v>95.867196582561917</c:v>
                </c:pt>
                <c:pt idx="539">
                  <c:v>95.862866582246667</c:v>
                </c:pt>
                <c:pt idx="540">
                  <c:v>95.856064531164222</c:v>
                </c:pt>
                <c:pt idx="541">
                  <c:v>95.848053835007349</c:v>
                </c:pt>
                <c:pt idx="542">
                  <c:v>95.843719923219354</c:v>
                </c:pt>
                <c:pt idx="543">
                  <c:v>95.835102948788887</c:v>
                </c:pt>
                <c:pt idx="544">
                  <c:v>95.828911087452781</c:v>
                </c:pt>
                <c:pt idx="545">
                  <c:v>95.822758340844018</c:v>
                </c:pt>
                <c:pt idx="546">
                  <c:v>95.814098340213476</c:v>
                </c:pt>
                <c:pt idx="547">
                  <c:v>95.809764428425481</c:v>
                </c:pt>
                <c:pt idx="548">
                  <c:v>95.801753732268622</c:v>
                </c:pt>
                <c:pt idx="549">
                  <c:v>95.794349314385329</c:v>
                </c:pt>
                <c:pt idx="550">
                  <c:v>95.790015402597334</c:v>
                </c:pt>
                <c:pt idx="551">
                  <c:v>95.781355401966778</c:v>
                </c:pt>
                <c:pt idx="552">
                  <c:v>95.775808933631623</c:v>
                </c:pt>
                <c:pt idx="553">
                  <c:v>95.769617072295517</c:v>
                </c:pt>
                <c:pt idx="554">
                  <c:v>95.76160637613863</c:v>
                </c:pt>
                <c:pt idx="555">
                  <c:v>95.757272464350635</c:v>
                </c:pt>
                <c:pt idx="556">
                  <c:v>95.74986804646737</c:v>
                </c:pt>
                <c:pt idx="557">
                  <c:v>95.743065995384939</c:v>
                </c:pt>
                <c:pt idx="558">
                  <c:v>95.738129716796067</c:v>
                </c:pt>
                <c:pt idx="559">
                  <c:v>95.7295127423656</c:v>
                </c:pt>
                <c:pt idx="560">
                  <c:v>95.724572552304025</c:v>
                </c:pt>
                <c:pt idx="561">
                  <c:v>95.717774412694325</c:v>
                </c:pt>
                <c:pt idx="562">
                  <c:v>95.709759805064721</c:v>
                </c:pt>
                <c:pt idx="563">
                  <c:v>95.705429804749457</c:v>
                </c:pt>
                <c:pt idx="564">
                  <c:v>95.698631665139757</c:v>
                </c:pt>
                <c:pt idx="565">
                  <c:v>95.691223335783732</c:v>
                </c:pt>
                <c:pt idx="566">
                  <c:v>95.687499613742077</c:v>
                </c:pt>
                <c:pt idx="567">
                  <c:v>95.67888263931161</c:v>
                </c:pt>
                <c:pt idx="568">
                  <c:v>95.673942449250006</c:v>
                </c:pt>
                <c:pt idx="569">
                  <c:v>95.667750587913901</c:v>
                </c:pt>
                <c:pt idx="570">
                  <c:v>95.66034225855789</c:v>
                </c:pt>
                <c:pt idx="571">
                  <c:v>95.656012258242626</c:v>
                </c:pt>
                <c:pt idx="572">
                  <c:v>95.649214118632926</c:v>
                </c:pt>
                <c:pt idx="573">
                  <c:v>95.64245509375057</c:v>
                </c:pt>
                <c:pt idx="574">
                  <c:v>95.63812509343532</c:v>
                </c:pt>
                <c:pt idx="575">
                  <c:v>95.630071371078358</c:v>
                </c:pt>
                <c:pt idx="576">
                  <c:v>95.625780485490424</c:v>
                </c:pt>
                <c:pt idx="577">
                  <c:v>95.619588624154318</c:v>
                </c:pt>
                <c:pt idx="578">
                  <c:v>95.612180294798321</c:v>
                </c:pt>
                <c:pt idx="579">
                  <c:v>95.608456572756637</c:v>
                </c:pt>
                <c:pt idx="580">
                  <c:v>95.601052154873344</c:v>
                </c:pt>
                <c:pt idx="581">
                  <c:v>95.596111964811769</c:v>
                </c:pt>
                <c:pt idx="582">
                  <c:v>95.591175686222925</c:v>
                </c:pt>
                <c:pt idx="583">
                  <c:v>95.583164990066024</c:v>
                </c:pt>
                <c:pt idx="584">
                  <c:v>95.579437356551622</c:v>
                </c:pt>
                <c:pt idx="585">
                  <c:v>95.573288521415591</c:v>
                </c:pt>
                <c:pt idx="586">
                  <c:v>95.566490381805906</c:v>
                </c:pt>
                <c:pt idx="587">
                  <c:v>95.563415964237876</c:v>
                </c:pt>
                <c:pt idx="588">
                  <c:v>95.556613913155431</c:v>
                </c:pt>
                <c:pt idx="589">
                  <c:v>95.551028330092919</c:v>
                </c:pt>
                <c:pt idx="590">
                  <c:v>95.546741355977744</c:v>
                </c:pt>
                <c:pt idx="591">
                  <c:v>95.539333026621719</c:v>
                </c:pt>
                <c:pt idx="592">
                  <c:v>95.535609304580035</c:v>
                </c:pt>
                <c:pt idx="593">
                  <c:v>95.529413531771198</c:v>
                </c:pt>
                <c:pt idx="594">
                  <c:v>95.522658418361587</c:v>
                </c:pt>
                <c:pt idx="595">
                  <c:v>95.518934696319917</c:v>
                </c:pt>
                <c:pt idx="596">
                  <c:v>95.511526366963892</c:v>
                </c:pt>
                <c:pt idx="597">
                  <c:v>95.507196366648614</c:v>
                </c:pt>
                <c:pt idx="598">
                  <c:v>95.502260088059771</c:v>
                </c:pt>
                <c:pt idx="599">
                  <c:v>95.49545803697734</c:v>
                </c:pt>
                <c:pt idx="600">
                  <c:v>95.491777341135716</c:v>
                </c:pt>
                <c:pt idx="601">
                  <c:v>95.48558547979961</c:v>
                </c:pt>
                <c:pt idx="602">
                  <c:v>95.479432733190862</c:v>
                </c:pt>
                <c:pt idx="603">
                  <c:v>95.475709011149192</c:v>
                </c:pt>
                <c:pt idx="604">
                  <c:v>95.468910871539492</c:v>
                </c:pt>
                <c:pt idx="605">
                  <c:v>95.464576959751497</c:v>
                </c:pt>
                <c:pt idx="606">
                  <c:v>95.460289985636308</c:v>
                </c:pt>
                <c:pt idx="607">
                  <c:v>95.452885567753</c:v>
                </c:pt>
                <c:pt idx="608">
                  <c:v>95.44916184571133</c:v>
                </c:pt>
                <c:pt idx="609">
                  <c:v>95.442966072902493</c:v>
                </c:pt>
                <c:pt idx="610">
                  <c:v>95.437423516040042</c:v>
                </c:pt>
                <c:pt idx="611">
                  <c:v>95.433093515724792</c:v>
                </c:pt>
                <c:pt idx="612">
                  <c:v>95.426334490842407</c:v>
                </c:pt>
                <c:pt idx="613">
                  <c:v>95.422004490527158</c:v>
                </c:pt>
                <c:pt idx="614">
                  <c:v>95.4170682119383</c:v>
                </c:pt>
                <c:pt idx="615">
                  <c:v>95.410872439129463</c:v>
                </c:pt>
                <c:pt idx="616">
                  <c:v>95.407191743287839</c:v>
                </c:pt>
                <c:pt idx="617">
                  <c:v>95.400999881951762</c:v>
                </c:pt>
                <c:pt idx="618">
                  <c:v>95.395453413616565</c:v>
                </c:pt>
                <c:pt idx="619">
                  <c:v>95.391729691574909</c:v>
                </c:pt>
                <c:pt idx="620">
                  <c:v>95.384931551965209</c:v>
                </c:pt>
                <c:pt idx="621">
                  <c:v>95.380640666377275</c:v>
                </c:pt>
                <c:pt idx="622">
                  <c:v>95.375661361588357</c:v>
                </c:pt>
                <c:pt idx="623">
                  <c:v>95.368906248178718</c:v>
                </c:pt>
                <c:pt idx="624">
                  <c:v>95.365788804410627</c:v>
                </c:pt>
                <c:pt idx="625">
                  <c:v>95.359636057801865</c:v>
                </c:pt>
                <c:pt idx="626">
                  <c:v>95.354699779212993</c:v>
                </c:pt>
                <c:pt idx="627">
                  <c:v>95.350976057171337</c:v>
                </c:pt>
                <c:pt idx="628">
                  <c:v>95.34417400608892</c:v>
                </c:pt>
                <c:pt idx="629">
                  <c:v>95.340493310247297</c:v>
                </c:pt>
                <c:pt idx="630">
                  <c:v>95.334950753384845</c:v>
                </c:pt>
                <c:pt idx="631">
                  <c:v>95.329967537123196</c:v>
                </c:pt>
                <c:pt idx="632">
                  <c:v>95.326286841281572</c:v>
                </c:pt>
                <c:pt idx="633">
                  <c:v>95.319488701671901</c:v>
                </c:pt>
                <c:pt idx="634">
                  <c:v>95.315154789883906</c:v>
                </c:pt>
                <c:pt idx="635">
                  <c:v>95.311474094042282</c:v>
                </c:pt>
                <c:pt idx="636">
                  <c:v>95.304675954432597</c:v>
                </c:pt>
                <c:pt idx="637">
                  <c:v>95.301601536864581</c:v>
                </c:pt>
                <c:pt idx="638">
                  <c:v>95.296012042329338</c:v>
                </c:pt>
                <c:pt idx="639">
                  <c:v>95.290469485466886</c:v>
                </c:pt>
                <c:pt idx="640">
                  <c:v>95.287395067898856</c:v>
                </c:pt>
                <c:pt idx="641">
                  <c:v>95.281199295090033</c:v>
                </c:pt>
                <c:pt idx="642">
                  <c:v>95.276263016501176</c:v>
                </c:pt>
                <c:pt idx="643">
                  <c:v>95.272582320659566</c:v>
                </c:pt>
                <c:pt idx="644">
                  <c:v>95.266996737597054</c:v>
                </c:pt>
                <c:pt idx="645">
                  <c:v>95.263312130282713</c:v>
                </c:pt>
                <c:pt idx="646">
                  <c:v>95.257726547220201</c:v>
                </c:pt>
                <c:pt idx="647">
                  <c:v>95.25279026863133</c:v>
                </c:pt>
                <c:pt idx="648">
                  <c:v>95.249105661317003</c:v>
                </c:pt>
                <c:pt idx="649">
                  <c:v>95.242913799980897</c:v>
                </c:pt>
                <c:pt idx="650">
                  <c:v>95.238583799665633</c:v>
                </c:pt>
                <c:pt idx="651">
                  <c:v>95.23490310382401</c:v>
                </c:pt>
                <c:pt idx="652">
                  <c:v>95.228707331015187</c:v>
                </c:pt>
                <c:pt idx="653">
                  <c:v>95.225632913447171</c:v>
                </c:pt>
                <c:pt idx="654">
                  <c:v>95.22009035658472</c:v>
                </c:pt>
                <c:pt idx="655">
                  <c:v>95.215150166523117</c:v>
                </c:pt>
                <c:pt idx="656">
                  <c:v>95.21203272275504</c:v>
                </c:pt>
                <c:pt idx="657">
                  <c:v>95.205883887619009</c:v>
                </c:pt>
                <c:pt idx="658">
                  <c:v>95.20216016557734</c:v>
                </c:pt>
                <c:pt idx="659">
                  <c:v>95.197826253789344</c:v>
                </c:pt>
                <c:pt idx="660">
                  <c:v>95.192283696926893</c:v>
                </c:pt>
                <c:pt idx="661">
                  <c:v>95.189209279358863</c:v>
                </c:pt>
                <c:pt idx="662">
                  <c:v>95.183666722496426</c:v>
                </c:pt>
                <c:pt idx="663">
                  <c:v>95.179332810708431</c:v>
                </c:pt>
                <c:pt idx="664">
                  <c:v>95.175609088666747</c:v>
                </c:pt>
                <c:pt idx="665">
                  <c:v>95.169460253530701</c:v>
                </c:pt>
                <c:pt idx="666">
                  <c:v>95.166338898289894</c:v>
                </c:pt>
                <c:pt idx="667">
                  <c:v>95.16205192417469</c:v>
                </c:pt>
                <c:pt idx="668">
                  <c:v>95.155860062838585</c:v>
                </c:pt>
                <c:pt idx="669">
                  <c:v>95.152785645270583</c:v>
                </c:pt>
                <c:pt idx="670">
                  <c:v>95.147196150735326</c:v>
                </c:pt>
                <c:pt idx="671">
                  <c:v>95.142909176620122</c:v>
                </c:pt>
                <c:pt idx="672">
                  <c:v>95.139185454578453</c:v>
                </c:pt>
                <c:pt idx="673">
                  <c:v>95.13363898624327</c:v>
                </c:pt>
                <c:pt idx="674">
                  <c:v>95.130521542475194</c:v>
                </c:pt>
                <c:pt idx="675">
                  <c:v>95.12623456835999</c:v>
                </c:pt>
                <c:pt idx="676">
                  <c:v>95.120648985297478</c:v>
                </c:pt>
                <c:pt idx="677">
                  <c:v>95.118180846003057</c:v>
                </c:pt>
                <c:pt idx="678">
                  <c:v>95.112634377667874</c:v>
                </c:pt>
                <c:pt idx="679">
                  <c:v>95.10830437735261</c:v>
                </c:pt>
                <c:pt idx="680">
                  <c:v>95.105229959784594</c:v>
                </c:pt>
                <c:pt idx="681">
                  <c:v>95.099683491449397</c:v>
                </c:pt>
                <c:pt idx="682">
                  <c:v>95.096566047681307</c:v>
                </c:pt>
                <c:pt idx="683">
                  <c:v>95.091629769092464</c:v>
                </c:pt>
                <c:pt idx="684">
                  <c:v>95.08669349050362</c:v>
                </c:pt>
                <c:pt idx="685">
                  <c:v>95.084221439736453</c:v>
                </c:pt>
                <c:pt idx="686">
                  <c:v>95.079285161147595</c:v>
                </c:pt>
                <c:pt idx="687">
                  <c:v>95.074955160832317</c:v>
                </c:pt>
                <c:pt idx="688">
                  <c:v>95.071880743264302</c:v>
                </c:pt>
                <c:pt idx="689">
                  <c:v>95.066334274929133</c:v>
                </c:pt>
                <c:pt idx="690">
                  <c:v>95.063866135634697</c:v>
                </c:pt>
                <c:pt idx="691">
                  <c:v>95.058929857045854</c:v>
                </c:pt>
                <c:pt idx="692">
                  <c:v>95.053993578456982</c:v>
                </c:pt>
                <c:pt idx="693">
                  <c:v>95.051525439162546</c:v>
                </c:pt>
                <c:pt idx="694">
                  <c:v>95.046542222900896</c:v>
                </c:pt>
                <c:pt idx="695">
                  <c:v>95.042861527059301</c:v>
                </c:pt>
                <c:pt idx="696">
                  <c:v>95.039787109491286</c:v>
                </c:pt>
                <c:pt idx="697">
                  <c:v>95.036063387449602</c:v>
                </c:pt>
                <c:pt idx="698">
                  <c:v>95.028048779819983</c:v>
                </c:pt>
                <c:pt idx="699">
                  <c:v>95.024974362251967</c:v>
                </c:pt>
                <c:pt idx="700">
                  <c:v>95.021250640210312</c:v>
                </c:pt>
                <c:pt idx="701">
                  <c:v>95.019388779189484</c:v>
                </c:pt>
                <c:pt idx="702">
                  <c:v>95.018782500915876</c:v>
                </c:pt>
                <c:pt idx="703">
                  <c:v>95.013842310854287</c:v>
                </c:pt>
                <c:pt idx="704">
                  <c:v>95.009512310539009</c:v>
                </c:pt>
                <c:pt idx="705">
                  <c:v>95.003969753676557</c:v>
                </c:pt>
                <c:pt idx="706">
                  <c:v>95.001497702909418</c:v>
                </c:pt>
                <c:pt idx="707">
                  <c:v>94.995912119846906</c:v>
                </c:pt>
                <c:pt idx="708">
                  <c:v>94.992231424005283</c:v>
                </c:pt>
                <c:pt idx="709">
                  <c:v>94.989157006437267</c:v>
                </c:pt>
                <c:pt idx="710">
                  <c:v>94.984216816375678</c:v>
                </c:pt>
                <c:pt idx="711">
                  <c:v>94.981748677081256</c:v>
                </c:pt>
                <c:pt idx="712">
                  <c:v>94.977418676765993</c:v>
                </c:pt>
                <c:pt idx="713">
                  <c:v>94.973088676450715</c:v>
                </c:pt>
                <c:pt idx="714">
                  <c:v>94.971226815429887</c:v>
                </c:pt>
                <c:pt idx="715">
                  <c:v>94.966286625368298</c:v>
                </c:pt>
                <c:pt idx="716">
                  <c:v>94.962605929526674</c:v>
                </c:pt>
                <c:pt idx="717">
                  <c:v>94.959488485758598</c:v>
                </c:pt>
                <c:pt idx="718">
                  <c:v>94.954552207169741</c:v>
                </c:pt>
                <c:pt idx="719">
                  <c:v>94.951473878128994</c:v>
                </c:pt>
                <c:pt idx="720">
                  <c:v>94.947750156087324</c:v>
                </c:pt>
                <c:pt idx="721">
                  <c:v>94.942813877498466</c:v>
                </c:pt>
                <c:pt idx="722">
                  <c:v>94.940995042677685</c:v>
                </c:pt>
                <c:pt idx="723">
                  <c:v>94.936011826416035</c:v>
                </c:pt>
                <c:pt idx="724">
                  <c:v>94.931724852300832</c:v>
                </c:pt>
                <c:pt idx="725">
                  <c:v>94.92925671300641</c:v>
                </c:pt>
                <c:pt idx="726">
                  <c:v>94.924320434417552</c:v>
                </c:pt>
                <c:pt idx="727">
                  <c:v>94.921202990649476</c:v>
                </c:pt>
                <c:pt idx="728">
                  <c:v>94.917518383335121</c:v>
                </c:pt>
                <c:pt idx="729">
                  <c:v>94.913188383019857</c:v>
                </c:pt>
                <c:pt idx="730">
                  <c:v>94.910720243725422</c:v>
                </c:pt>
                <c:pt idx="731">
                  <c:v>94.905783965136578</c:v>
                </c:pt>
                <c:pt idx="732">
                  <c:v>94.902056331622177</c:v>
                </c:pt>
                <c:pt idx="733">
                  <c:v>94.898981914054147</c:v>
                </c:pt>
                <c:pt idx="734">
                  <c:v>94.894045635465289</c:v>
                </c:pt>
                <c:pt idx="735">
                  <c:v>94.891577496170854</c:v>
                </c:pt>
                <c:pt idx="736">
                  <c:v>94.88724749585559</c:v>
                </c:pt>
                <c:pt idx="737">
                  <c:v>94.883562888541263</c:v>
                </c:pt>
                <c:pt idx="738">
                  <c:v>94.880445444773187</c:v>
                </c:pt>
                <c:pt idx="739">
                  <c:v>94.87615847065797</c:v>
                </c:pt>
                <c:pt idx="740">
                  <c:v>94.872434748616286</c:v>
                </c:pt>
                <c:pt idx="741">
                  <c:v>94.869356419575539</c:v>
                </c:pt>
                <c:pt idx="742">
                  <c:v>94.864420140986695</c:v>
                </c:pt>
                <c:pt idx="743">
                  <c:v>94.861952001692273</c:v>
                </c:pt>
                <c:pt idx="744">
                  <c:v>94.858228279650589</c:v>
                </c:pt>
                <c:pt idx="745">
                  <c:v>94.853898279335311</c:v>
                </c:pt>
                <c:pt idx="746">
                  <c:v>94.850819950294564</c:v>
                </c:pt>
                <c:pt idx="747">
                  <c:v>94.847096228252894</c:v>
                </c:pt>
                <c:pt idx="748">
                  <c:v>94.843415532411285</c:v>
                </c:pt>
                <c:pt idx="749">
                  <c:v>94.840947393116863</c:v>
                </c:pt>
                <c:pt idx="750">
                  <c:v>94.836007203055274</c:v>
                </c:pt>
                <c:pt idx="751">
                  <c:v>94.833539063760838</c:v>
                </c:pt>
                <c:pt idx="752">
                  <c:v>94.829815341719168</c:v>
                </c:pt>
                <c:pt idx="753">
                  <c:v>94.825485341403891</c:v>
                </c:pt>
                <c:pt idx="754">
                  <c:v>94.823666506583123</c:v>
                </c:pt>
                <c:pt idx="755">
                  <c:v>94.819332594795128</c:v>
                </c:pt>
                <c:pt idx="756">
                  <c:v>94.815608872753444</c:v>
                </c:pt>
                <c:pt idx="757">
                  <c:v>94.812534455185443</c:v>
                </c:pt>
                <c:pt idx="758">
                  <c:v>94.808853759343819</c:v>
                </c:pt>
                <c:pt idx="759">
                  <c:v>94.805130037302149</c:v>
                </c:pt>
                <c:pt idx="760">
                  <c:v>94.802051708261402</c:v>
                </c:pt>
                <c:pt idx="761">
                  <c:v>94.797721707946124</c:v>
                </c:pt>
                <c:pt idx="762">
                  <c:v>94.795253568651702</c:v>
                </c:pt>
                <c:pt idx="763">
                  <c:v>94.790923568336453</c:v>
                </c:pt>
                <c:pt idx="764">
                  <c:v>94.787849150768423</c:v>
                </c:pt>
                <c:pt idx="765">
                  <c:v>94.784770821727662</c:v>
                </c:pt>
                <c:pt idx="766">
                  <c:v>94.779791516938744</c:v>
                </c:pt>
                <c:pt idx="767">
                  <c:v>94.777323377644322</c:v>
                </c:pt>
                <c:pt idx="768">
                  <c:v>94.773642681802698</c:v>
                </c:pt>
                <c:pt idx="769">
                  <c:v>94.769915048288311</c:v>
                </c:pt>
                <c:pt idx="770">
                  <c:v>94.767446908993875</c:v>
                </c:pt>
                <c:pt idx="771">
                  <c:v>94.763159934878672</c:v>
                </c:pt>
                <c:pt idx="772">
                  <c:v>94.760042491110582</c:v>
                </c:pt>
                <c:pt idx="773">
                  <c:v>94.756968073542581</c:v>
                </c:pt>
                <c:pt idx="774">
                  <c:v>94.753240440028151</c:v>
                </c:pt>
                <c:pt idx="775">
                  <c:v>94.750166022460135</c:v>
                </c:pt>
                <c:pt idx="776">
                  <c:v>94.747091604892134</c:v>
                </c:pt>
                <c:pt idx="777">
                  <c:v>94.742761604576856</c:v>
                </c:pt>
                <c:pt idx="778">
                  <c:v>94.740293465282434</c:v>
                </c:pt>
                <c:pt idx="779">
                  <c:v>94.735959553494439</c:v>
                </c:pt>
                <c:pt idx="780">
                  <c:v>94.733491414200003</c:v>
                </c:pt>
                <c:pt idx="781">
                  <c:v>94.730416996631988</c:v>
                </c:pt>
                <c:pt idx="782">
                  <c:v>94.726693274590303</c:v>
                </c:pt>
                <c:pt idx="783">
                  <c:v>94.723618857022288</c:v>
                </c:pt>
                <c:pt idx="784">
                  <c:v>94.720540527981541</c:v>
                </c:pt>
                <c:pt idx="785">
                  <c:v>94.716816805939871</c:v>
                </c:pt>
                <c:pt idx="786">
                  <c:v>94.714954944919029</c:v>
                </c:pt>
                <c:pt idx="787">
                  <c:v>94.710018666330186</c:v>
                </c:pt>
                <c:pt idx="788">
                  <c:v>94.707550527035735</c:v>
                </c:pt>
                <c:pt idx="789">
                  <c:v>94.704472197994988</c:v>
                </c:pt>
                <c:pt idx="790">
                  <c:v>94.700142197679739</c:v>
                </c:pt>
                <c:pt idx="791">
                  <c:v>94.697674058385317</c:v>
                </c:pt>
                <c:pt idx="792">
                  <c:v>94.694599640817273</c:v>
                </c:pt>
                <c:pt idx="793">
                  <c:v>94.691525223249272</c:v>
                </c:pt>
                <c:pt idx="794">
                  <c:v>94.68840386800845</c:v>
                </c:pt>
                <c:pt idx="795">
                  <c:v>94.68532945044042</c:v>
                </c:pt>
                <c:pt idx="796">
                  <c:v>94.682255032872405</c:v>
                </c:pt>
                <c:pt idx="797">
                  <c:v>94.679180615304404</c:v>
                </c:pt>
                <c:pt idx="798">
                  <c:v>94.674850614989126</c:v>
                </c:pt>
                <c:pt idx="799">
                  <c:v>94.672988753968298</c:v>
                </c:pt>
                <c:pt idx="800">
                  <c:v>94.669261120453896</c:v>
                </c:pt>
                <c:pt idx="801">
                  <c:v>94.666186702885852</c:v>
                </c:pt>
                <c:pt idx="802">
                  <c:v>94.663718563591431</c:v>
                </c:pt>
                <c:pt idx="803">
                  <c:v>94.660037867749821</c:v>
                </c:pt>
                <c:pt idx="804">
                  <c:v>94.657569728455385</c:v>
                </c:pt>
                <c:pt idx="805">
                  <c:v>94.653842094940984</c:v>
                </c:pt>
                <c:pt idx="806">
                  <c:v>94.650767677372968</c:v>
                </c:pt>
                <c:pt idx="807">
                  <c:v>94.648299538078533</c:v>
                </c:pt>
                <c:pt idx="808">
                  <c:v>94.643969537763269</c:v>
                </c:pt>
                <c:pt idx="809">
                  <c:v>94.640895120195253</c:v>
                </c:pt>
                <c:pt idx="810">
                  <c:v>94.638426980900817</c:v>
                </c:pt>
                <c:pt idx="811">
                  <c:v>94.63469934738643</c:v>
                </c:pt>
                <c:pt idx="812">
                  <c:v>94.632837486365588</c:v>
                </c:pt>
                <c:pt idx="813">
                  <c:v>94.629156790523965</c:v>
                </c:pt>
                <c:pt idx="814">
                  <c:v>94.625433068482309</c:v>
                </c:pt>
                <c:pt idx="815">
                  <c:v>94.623571207461453</c:v>
                </c:pt>
                <c:pt idx="816">
                  <c:v>94.619886600147112</c:v>
                </c:pt>
                <c:pt idx="817">
                  <c:v>94.616812182579096</c:v>
                </c:pt>
                <c:pt idx="818">
                  <c:v>94.614344043284675</c:v>
                </c:pt>
                <c:pt idx="819">
                  <c:v>94.610014042969411</c:v>
                </c:pt>
                <c:pt idx="820">
                  <c:v>94.607545903674989</c:v>
                </c:pt>
                <c:pt idx="821">
                  <c:v>94.604424548434167</c:v>
                </c:pt>
                <c:pt idx="822">
                  <c:v>94.601350130866138</c:v>
                </c:pt>
                <c:pt idx="823">
                  <c:v>94.598881991571716</c:v>
                </c:pt>
                <c:pt idx="824">
                  <c:v>94.594551991256452</c:v>
                </c:pt>
                <c:pt idx="825">
                  <c:v>94.59208385196203</c:v>
                </c:pt>
                <c:pt idx="826">
                  <c:v>94.589005522921269</c:v>
                </c:pt>
                <c:pt idx="827">
                  <c:v>94.58532482707966</c:v>
                </c:pt>
                <c:pt idx="828">
                  <c:v>94.582813661585163</c:v>
                </c:pt>
                <c:pt idx="829">
                  <c:v>94.579132965743568</c:v>
                </c:pt>
                <c:pt idx="830">
                  <c:v>94.575409243701884</c:v>
                </c:pt>
                <c:pt idx="831">
                  <c:v>94.572937192934717</c:v>
                </c:pt>
                <c:pt idx="832">
                  <c:v>94.569256497093122</c:v>
                </c:pt>
                <c:pt idx="833">
                  <c:v>94.5667883577987</c:v>
                </c:pt>
                <c:pt idx="834">
                  <c:v>94.563713940230656</c:v>
                </c:pt>
                <c:pt idx="835">
                  <c:v>94.559990218189</c:v>
                </c:pt>
                <c:pt idx="836">
                  <c:v>94.557522078894564</c:v>
                </c:pt>
                <c:pt idx="837">
                  <c:v>94.553794445380149</c:v>
                </c:pt>
                <c:pt idx="838">
                  <c:v>94.550720027812119</c:v>
                </c:pt>
                <c:pt idx="839">
                  <c:v>94.547645610244118</c:v>
                </c:pt>
                <c:pt idx="840">
                  <c:v>94.543921888202433</c:v>
                </c:pt>
                <c:pt idx="841">
                  <c:v>94.540847470634432</c:v>
                </c:pt>
                <c:pt idx="842">
                  <c:v>94.537769141593657</c:v>
                </c:pt>
                <c:pt idx="843">
                  <c:v>94.534045419552001</c:v>
                </c:pt>
                <c:pt idx="844">
                  <c:v>94.531577280257565</c:v>
                </c:pt>
                <c:pt idx="845">
                  <c:v>94.527247279942301</c:v>
                </c:pt>
                <c:pt idx="846">
                  <c:v>94.524172862374272</c:v>
                </c:pt>
                <c:pt idx="847">
                  <c:v>94.521700811607133</c:v>
                </c:pt>
                <c:pt idx="848">
                  <c:v>94.517370811291855</c:v>
                </c:pt>
                <c:pt idx="849">
                  <c:v>94.514902671997433</c:v>
                </c:pt>
                <c:pt idx="850">
                  <c:v>94.512434532703011</c:v>
                </c:pt>
                <c:pt idx="851">
                  <c:v>94.507498254114154</c:v>
                </c:pt>
                <c:pt idx="852">
                  <c:v>94.50563248162058</c:v>
                </c:pt>
                <c:pt idx="853">
                  <c:v>94.501951785778957</c:v>
                </c:pt>
                <c:pt idx="854">
                  <c:v>94.498877368210941</c:v>
                </c:pt>
                <c:pt idx="855">
                  <c:v>94.495759924442851</c:v>
                </c:pt>
                <c:pt idx="856">
                  <c:v>94.492079228601256</c:v>
                </c:pt>
                <c:pt idx="857">
                  <c:v>94.489607177834088</c:v>
                </c:pt>
                <c:pt idx="858">
                  <c:v>94.485883455792418</c:v>
                </c:pt>
                <c:pt idx="859">
                  <c:v>94.482809038224389</c:v>
                </c:pt>
                <c:pt idx="860">
                  <c:v>94.480340898929967</c:v>
                </c:pt>
                <c:pt idx="861">
                  <c:v>94.476010898614703</c:v>
                </c:pt>
                <c:pt idx="862">
                  <c:v>94.47293256957397</c:v>
                </c:pt>
                <c:pt idx="863">
                  <c:v>94.47046443027952</c:v>
                </c:pt>
                <c:pt idx="864">
                  <c:v>94.466740708237865</c:v>
                </c:pt>
                <c:pt idx="865">
                  <c:v>94.464272568943414</c:v>
                </c:pt>
                <c:pt idx="866">
                  <c:v>94.461198151375413</c:v>
                </c:pt>
                <c:pt idx="867">
                  <c:v>94.458123733807369</c:v>
                </c:pt>
                <c:pt idx="868">
                  <c:v>94.455002378566562</c:v>
                </c:pt>
                <c:pt idx="869">
                  <c:v>94.451321682724952</c:v>
                </c:pt>
                <c:pt idx="870">
                  <c:v>94.448853543430531</c:v>
                </c:pt>
                <c:pt idx="871">
                  <c:v>94.44573609966244</c:v>
                </c:pt>
                <c:pt idx="872">
                  <c:v>94.442055403820845</c:v>
                </c:pt>
                <c:pt idx="873">
                  <c:v>94.439583353053678</c:v>
                </c:pt>
                <c:pt idx="874">
                  <c:v>94.435859631011994</c:v>
                </c:pt>
                <c:pt idx="875">
                  <c:v>94.432785213443964</c:v>
                </c:pt>
                <c:pt idx="876">
                  <c:v>94.430317074149542</c:v>
                </c:pt>
                <c:pt idx="877">
                  <c:v>94.425987073834293</c:v>
                </c:pt>
                <c:pt idx="878">
                  <c:v>94.423515023067125</c:v>
                </c:pt>
                <c:pt idx="879">
                  <c:v>94.42044060549911</c:v>
                </c:pt>
                <c:pt idx="880">
                  <c:v>94.41671688345744</c:v>
                </c:pt>
                <c:pt idx="881">
                  <c:v>94.414248744163018</c:v>
                </c:pt>
                <c:pt idx="882">
                  <c:v>94.411174326594988</c:v>
                </c:pt>
                <c:pt idx="883">
                  <c:v>94.408099909026973</c:v>
                </c:pt>
                <c:pt idx="884">
                  <c:v>94.405627858259805</c:v>
                </c:pt>
                <c:pt idx="885">
                  <c:v>94.401904136218135</c:v>
                </c:pt>
                <c:pt idx="886">
                  <c:v>94.398829718650106</c:v>
                </c:pt>
                <c:pt idx="887">
                  <c:v>94.396361579355684</c:v>
                </c:pt>
                <c:pt idx="888">
                  <c:v>94.39203157904042</c:v>
                </c:pt>
                <c:pt idx="889">
                  <c:v>94.390165806546847</c:v>
                </c:pt>
                <c:pt idx="890">
                  <c:v>94.386485110705237</c:v>
                </c:pt>
                <c:pt idx="891">
                  <c:v>94.383367666937147</c:v>
                </c:pt>
                <c:pt idx="892">
                  <c:v>94.380899527642725</c:v>
                </c:pt>
                <c:pt idx="893">
                  <c:v>94.37721883180113</c:v>
                </c:pt>
                <c:pt idx="894">
                  <c:v>94.37475069250668</c:v>
                </c:pt>
                <c:pt idx="895">
                  <c:v>94.371672363465933</c:v>
                </c:pt>
                <c:pt idx="896">
                  <c:v>94.368554919697857</c:v>
                </c:pt>
                <c:pt idx="897">
                  <c:v>94.366086780403421</c:v>
                </c:pt>
                <c:pt idx="898">
                  <c:v>94.363012362835406</c:v>
                </c:pt>
                <c:pt idx="899">
                  <c:v>94.35993794526739</c:v>
                </c:pt>
                <c:pt idx="900">
                  <c:v>94.357465894500223</c:v>
                </c:pt>
                <c:pt idx="901">
                  <c:v>94.353742172458553</c:v>
                </c:pt>
                <c:pt idx="902">
                  <c:v>94.351274033164131</c:v>
                </c:pt>
                <c:pt idx="903">
                  <c:v>94.348199615596101</c:v>
                </c:pt>
                <c:pt idx="904">
                  <c:v>94.344475893554431</c:v>
                </c:pt>
                <c:pt idx="905">
                  <c:v>94.342003842787264</c:v>
                </c:pt>
                <c:pt idx="906">
                  <c:v>94.338929425219263</c:v>
                </c:pt>
                <c:pt idx="907">
                  <c:v>94.335855007651247</c:v>
                </c:pt>
                <c:pt idx="908">
                  <c:v>94.333386868356797</c:v>
                </c:pt>
                <c:pt idx="909">
                  <c:v>94.330269424588735</c:v>
                </c:pt>
                <c:pt idx="910">
                  <c:v>94.327801285294285</c:v>
                </c:pt>
                <c:pt idx="911">
                  <c:v>94.324722956253538</c:v>
                </c:pt>
                <c:pt idx="912">
                  <c:v>94.321042260411915</c:v>
                </c:pt>
                <c:pt idx="913">
                  <c:v>94.318531094917432</c:v>
                </c:pt>
                <c:pt idx="914">
                  <c:v>94.315456677349417</c:v>
                </c:pt>
                <c:pt idx="915">
                  <c:v>94.312382259781401</c:v>
                </c:pt>
                <c:pt idx="916">
                  <c:v>94.30991412048698</c:v>
                </c:pt>
                <c:pt idx="917">
                  <c:v>94.306835791446218</c:v>
                </c:pt>
                <c:pt idx="918">
                  <c:v>94.304367652151797</c:v>
                </c:pt>
                <c:pt idx="919">
                  <c:v>94.301250208383706</c:v>
                </c:pt>
                <c:pt idx="920">
                  <c:v>94.298175790815691</c:v>
                </c:pt>
                <c:pt idx="921">
                  <c:v>94.295101373247661</c:v>
                </c:pt>
                <c:pt idx="922">
                  <c:v>94.291980018006868</c:v>
                </c:pt>
                <c:pt idx="923">
                  <c:v>94.289511878712418</c:v>
                </c:pt>
                <c:pt idx="924">
                  <c:v>94.286437461144402</c:v>
                </c:pt>
                <c:pt idx="925">
                  <c:v>94.283363043576401</c:v>
                </c:pt>
                <c:pt idx="926">
                  <c:v>94.280894904281951</c:v>
                </c:pt>
                <c:pt idx="927">
                  <c:v>94.277820486713935</c:v>
                </c:pt>
                <c:pt idx="928">
                  <c:v>94.274699131473128</c:v>
                </c:pt>
                <c:pt idx="929">
                  <c:v>94.271624713905098</c:v>
                </c:pt>
                <c:pt idx="930">
                  <c:v>94.268550296337082</c:v>
                </c:pt>
                <c:pt idx="931">
                  <c:v>94.266082157042661</c:v>
                </c:pt>
                <c:pt idx="932">
                  <c:v>94.262964713274584</c:v>
                </c:pt>
                <c:pt idx="933">
                  <c:v>94.259890295706555</c:v>
                </c:pt>
                <c:pt idx="934">
                  <c:v>94.257418244939402</c:v>
                </c:pt>
                <c:pt idx="935">
                  <c:v>94.253737549097778</c:v>
                </c:pt>
                <c:pt idx="936">
                  <c:v>94.251226383603296</c:v>
                </c:pt>
                <c:pt idx="937">
                  <c:v>94.248151966035266</c:v>
                </c:pt>
                <c:pt idx="938">
                  <c:v>94.24507754846725</c:v>
                </c:pt>
                <c:pt idx="939">
                  <c:v>94.241999219426489</c:v>
                </c:pt>
                <c:pt idx="940">
                  <c:v>94.239531080132068</c:v>
                </c:pt>
                <c:pt idx="941">
                  <c:v>94.235807358090412</c:v>
                </c:pt>
                <c:pt idx="942">
                  <c:v>94.233339218795976</c:v>
                </c:pt>
                <c:pt idx="943">
                  <c:v>94.23087107950154</c:v>
                </c:pt>
                <c:pt idx="944">
                  <c:v>94.22714735745987</c:v>
                </c:pt>
                <c:pt idx="945">
                  <c:v>94.225324611166371</c:v>
                </c:pt>
                <c:pt idx="946">
                  <c:v>94.221600889124687</c:v>
                </c:pt>
                <c:pt idx="947">
                  <c:v>94.219132749830266</c:v>
                </c:pt>
                <c:pt idx="948">
                  <c:v>94.216058332262236</c:v>
                </c:pt>
                <c:pt idx="949">
                  <c:v>94.21233461022058</c:v>
                </c:pt>
                <c:pt idx="950">
                  <c:v>94.210515775399784</c:v>
                </c:pt>
                <c:pt idx="951">
                  <c:v>94.206788141885383</c:v>
                </c:pt>
                <c:pt idx="952">
                  <c:v>94.203713724317367</c:v>
                </c:pt>
                <c:pt idx="953">
                  <c:v>94.20185186329654</c:v>
                </c:pt>
                <c:pt idx="954">
                  <c:v>94.196915584707668</c:v>
                </c:pt>
                <c:pt idx="955">
                  <c:v>94.191975394646093</c:v>
                </c:pt>
                <c:pt idx="956">
                  <c:v>94.189507255351643</c:v>
                </c:pt>
                <c:pt idx="957">
                  <c:v>94.187645394330815</c:v>
                </c:pt>
                <c:pt idx="958">
                  <c:v>94.185783533309987</c:v>
                </c:pt>
                <c:pt idx="959">
                  <c:v>94.187039116057221</c:v>
                </c:pt>
                <c:pt idx="960">
                  <c:v>94.182709115741957</c:v>
                </c:pt>
                <c:pt idx="961">
                  <c:v>94.178985393700287</c:v>
                </c:pt>
                <c:pt idx="962">
                  <c:v>94.174694508112353</c:v>
                </c:pt>
                <c:pt idx="963">
                  <c:v>94.172226368817931</c:v>
                </c:pt>
                <c:pt idx="964">
                  <c:v>94.169108925049841</c:v>
                </c:pt>
                <c:pt idx="965">
                  <c:v>94.165428229208231</c:v>
                </c:pt>
                <c:pt idx="966">
                  <c:v>94.162960089913796</c:v>
                </c:pt>
                <c:pt idx="967">
                  <c:v>94.159232456399394</c:v>
                </c:pt>
                <c:pt idx="968">
                  <c:v>94.156764317104972</c:v>
                </c:pt>
                <c:pt idx="969">
                  <c:v>94.154296177810551</c:v>
                </c:pt>
                <c:pt idx="970">
                  <c:v>94.150615481968927</c:v>
                </c:pt>
                <c:pt idx="971">
                  <c:v>94.148147342674505</c:v>
                </c:pt>
                <c:pt idx="972">
                  <c:v>94.145029898906429</c:v>
                </c:pt>
                <c:pt idx="973">
                  <c:v>94.141951569865668</c:v>
                </c:pt>
                <c:pt idx="974">
                  <c:v>94.138877152297653</c:v>
                </c:pt>
                <c:pt idx="975">
                  <c:v>94.135759708529562</c:v>
                </c:pt>
                <c:pt idx="976">
                  <c:v>94.133291569235141</c:v>
                </c:pt>
                <c:pt idx="977">
                  <c:v>94.130217151667125</c:v>
                </c:pt>
                <c:pt idx="978">
                  <c:v>94.126532544352784</c:v>
                </c:pt>
                <c:pt idx="979">
                  <c:v>94.124064405058334</c:v>
                </c:pt>
                <c:pt idx="980">
                  <c:v>94.120946961290272</c:v>
                </c:pt>
                <c:pt idx="981">
                  <c:v>94.118478821995851</c:v>
                </c:pt>
                <c:pt idx="982">
                  <c:v>94.115404404427807</c:v>
                </c:pt>
                <c:pt idx="983">
                  <c:v>94.111680682386151</c:v>
                </c:pt>
                <c:pt idx="984">
                  <c:v>94.109208631618984</c:v>
                </c:pt>
                <c:pt idx="985">
                  <c:v>94.106134214050968</c:v>
                </c:pt>
                <c:pt idx="986">
                  <c:v>94.103059796482938</c:v>
                </c:pt>
                <c:pt idx="987">
                  <c:v>94.100591657188517</c:v>
                </c:pt>
                <c:pt idx="988">
                  <c:v>94.096867935146832</c:v>
                </c:pt>
                <c:pt idx="989">
                  <c:v>94.093789606106085</c:v>
                </c:pt>
                <c:pt idx="990">
                  <c:v>94.09071518853807</c:v>
                </c:pt>
                <c:pt idx="991">
                  <c:v>94.088247049243648</c:v>
                </c:pt>
                <c:pt idx="992">
                  <c:v>94.085129605475558</c:v>
                </c:pt>
                <c:pt idx="993">
                  <c:v>94.082055187907542</c:v>
                </c:pt>
                <c:pt idx="994">
                  <c:v>94.078374492065919</c:v>
                </c:pt>
                <c:pt idx="995">
                  <c:v>94.075859415098705</c:v>
                </c:pt>
                <c:pt idx="996">
                  <c:v>94.072178719257096</c:v>
                </c:pt>
                <c:pt idx="997">
                  <c:v>94.069104301689066</c:v>
                </c:pt>
                <c:pt idx="998">
                  <c:v>94.06598685792099</c:v>
                </c:pt>
                <c:pt idx="999">
                  <c:v>94.06291244035296</c:v>
                </c:pt>
                <c:pt idx="1000">
                  <c:v>94.059834111312227</c:v>
                </c:pt>
                <c:pt idx="1001">
                  <c:v>94.056759693744198</c:v>
                </c:pt>
                <c:pt idx="1002">
                  <c:v>94.053035971702542</c:v>
                </c:pt>
                <c:pt idx="1003">
                  <c:v>94.049961554134498</c:v>
                </c:pt>
                <c:pt idx="1004">
                  <c:v>94.046844110366436</c:v>
                </c:pt>
                <c:pt idx="1005">
                  <c:v>94.043765781325661</c:v>
                </c:pt>
                <c:pt idx="1006">
                  <c:v>94.040691363757659</c:v>
                </c:pt>
                <c:pt idx="1007">
                  <c:v>94.03761694618963</c:v>
                </c:pt>
                <c:pt idx="1008">
                  <c:v>94.034499502421568</c:v>
                </c:pt>
                <c:pt idx="1009">
                  <c:v>94.031425084853524</c:v>
                </c:pt>
                <c:pt idx="1010">
                  <c:v>94.028350667285522</c:v>
                </c:pt>
                <c:pt idx="1011">
                  <c:v>94.025229312044701</c:v>
                </c:pt>
                <c:pt idx="1012">
                  <c:v>94.021548616203077</c:v>
                </c:pt>
                <c:pt idx="1013">
                  <c:v>94.018474198635076</c:v>
                </c:pt>
                <c:pt idx="1014">
                  <c:v>94.015356754866986</c:v>
                </c:pt>
                <c:pt idx="1015">
                  <c:v>94.011676059025376</c:v>
                </c:pt>
                <c:pt idx="1016">
                  <c:v>94.009204008258209</c:v>
                </c:pt>
                <c:pt idx="1017">
                  <c:v>94.005480286216553</c:v>
                </c:pt>
                <c:pt idx="1018">
                  <c:v>94.002405868648523</c:v>
                </c:pt>
                <c:pt idx="1019">
                  <c:v>93.999331451080494</c:v>
                </c:pt>
                <c:pt idx="1020">
                  <c:v>93.995607729038824</c:v>
                </c:pt>
                <c:pt idx="1021">
                  <c:v>93.992529399998091</c:v>
                </c:pt>
                <c:pt idx="1022">
                  <c:v>93.989454982430061</c:v>
                </c:pt>
                <c:pt idx="1023">
                  <c:v>93.985731260388377</c:v>
                </c:pt>
                <c:pt idx="1024">
                  <c:v>93.982656842820361</c:v>
                </c:pt>
                <c:pt idx="1025">
                  <c:v>93.979539399052271</c:v>
                </c:pt>
                <c:pt idx="1026">
                  <c:v>93.976461070011524</c:v>
                </c:pt>
                <c:pt idx="1027">
                  <c:v>93.973386652443509</c:v>
                </c:pt>
                <c:pt idx="1028">
                  <c:v>93.969662930401824</c:v>
                </c:pt>
                <c:pt idx="1029">
                  <c:v>93.967194791107417</c:v>
                </c:pt>
                <c:pt idx="1030">
                  <c:v>93.963514095265793</c:v>
                </c:pt>
                <c:pt idx="1031">
                  <c:v>93.959786461751392</c:v>
                </c:pt>
                <c:pt idx="1032">
                  <c:v>93.957318322456956</c:v>
                </c:pt>
                <c:pt idx="1033">
                  <c:v>93.953637626615333</c:v>
                </c:pt>
                <c:pt idx="1034">
                  <c:v>93.950520182847256</c:v>
                </c:pt>
                <c:pt idx="1035">
                  <c:v>93.947445765279255</c:v>
                </c:pt>
                <c:pt idx="1036">
                  <c:v>93.94371813176484</c:v>
                </c:pt>
                <c:pt idx="1037">
                  <c:v>93.940643714196838</c:v>
                </c:pt>
                <c:pt idx="1038">
                  <c:v>93.937569296628794</c:v>
                </c:pt>
                <c:pt idx="1039">
                  <c:v>93.933845574587139</c:v>
                </c:pt>
                <c:pt idx="1040">
                  <c:v>93.931377435292703</c:v>
                </c:pt>
                <c:pt idx="1041">
                  <c:v>93.927692827978348</c:v>
                </c:pt>
                <c:pt idx="1042">
                  <c:v>93.923969105936692</c:v>
                </c:pt>
                <c:pt idx="1043">
                  <c:v>93.920894688368676</c:v>
                </c:pt>
                <c:pt idx="1044">
                  <c:v>93.917170966326992</c:v>
                </c:pt>
                <c:pt idx="1045">
                  <c:v>93.914096548758963</c:v>
                </c:pt>
                <c:pt idx="1046">
                  <c:v>93.911018219718216</c:v>
                </c:pt>
                <c:pt idx="1047">
                  <c:v>93.907294497676546</c:v>
                </c:pt>
                <c:pt idx="1048">
                  <c:v>93.904220080108516</c:v>
                </c:pt>
                <c:pt idx="1049">
                  <c:v>93.9011456625405</c:v>
                </c:pt>
                <c:pt idx="1050">
                  <c:v>93.897421940498845</c:v>
                </c:pt>
                <c:pt idx="1051">
                  <c:v>93.894343611458083</c:v>
                </c:pt>
                <c:pt idx="1052">
                  <c:v>93.891269193890054</c:v>
                </c:pt>
                <c:pt idx="1053">
                  <c:v>93.887545471848398</c:v>
                </c:pt>
                <c:pt idx="1054">
                  <c:v>93.884471054280368</c:v>
                </c:pt>
                <c:pt idx="1055">
                  <c:v>93.880747332238684</c:v>
                </c:pt>
                <c:pt idx="1056">
                  <c:v>93.877669003197951</c:v>
                </c:pt>
                <c:pt idx="1057">
                  <c:v>93.873945281156281</c:v>
                </c:pt>
                <c:pt idx="1058">
                  <c:v>93.870870863588252</c:v>
                </c:pt>
                <c:pt idx="1059">
                  <c:v>93.867796446020222</c:v>
                </c:pt>
                <c:pt idx="1060">
                  <c:v>93.864072723978552</c:v>
                </c:pt>
                <c:pt idx="1061">
                  <c:v>93.861600673211399</c:v>
                </c:pt>
                <c:pt idx="1062">
                  <c:v>93.857919977369789</c:v>
                </c:pt>
                <c:pt idx="1063">
                  <c:v>93.854802533601699</c:v>
                </c:pt>
                <c:pt idx="1064">
                  <c:v>93.851728116033684</c:v>
                </c:pt>
                <c:pt idx="1065">
                  <c:v>93.848653698465654</c:v>
                </c:pt>
                <c:pt idx="1066">
                  <c:v>93.845575369424907</c:v>
                </c:pt>
                <c:pt idx="1067">
                  <c:v>93.841851647383237</c:v>
                </c:pt>
                <c:pt idx="1068">
                  <c:v>93.838777229815207</c:v>
                </c:pt>
                <c:pt idx="1069">
                  <c:v>93.835053507773551</c:v>
                </c:pt>
                <c:pt idx="1070">
                  <c:v>93.831979090205536</c:v>
                </c:pt>
                <c:pt idx="1071">
                  <c:v>93.828251456691135</c:v>
                </c:pt>
                <c:pt idx="1072">
                  <c:v>93.825783317396684</c:v>
                </c:pt>
                <c:pt idx="1073">
                  <c:v>93.822102621555089</c:v>
                </c:pt>
                <c:pt idx="1074">
                  <c:v>93.81902820398706</c:v>
                </c:pt>
                <c:pt idx="1075">
                  <c:v>93.815910760218983</c:v>
                </c:pt>
                <c:pt idx="1076">
                  <c:v>93.812226152904643</c:v>
                </c:pt>
                <c:pt idx="1077">
                  <c:v>93.809108709136552</c:v>
                </c:pt>
                <c:pt idx="1078">
                  <c:v>93.805428013294943</c:v>
                </c:pt>
                <c:pt idx="1079">
                  <c:v>93.801704291253259</c:v>
                </c:pt>
                <c:pt idx="1080">
                  <c:v>93.798629873685243</c:v>
                </c:pt>
                <c:pt idx="1081">
                  <c:v>93.794945266370888</c:v>
                </c:pt>
                <c:pt idx="1082">
                  <c:v>93.791827822602812</c:v>
                </c:pt>
                <c:pt idx="1083">
                  <c:v>93.788753405034797</c:v>
                </c:pt>
                <c:pt idx="1084">
                  <c:v>93.785029682993112</c:v>
                </c:pt>
                <c:pt idx="1085">
                  <c:v>93.781955265425111</c:v>
                </c:pt>
                <c:pt idx="1086">
                  <c:v>93.77887693638435</c:v>
                </c:pt>
                <c:pt idx="1087">
                  <c:v>93.775802518816334</c:v>
                </c:pt>
                <c:pt idx="1088">
                  <c:v>93.772078796774665</c:v>
                </c:pt>
                <c:pt idx="1089">
                  <c:v>93.768398100933055</c:v>
                </c:pt>
                <c:pt idx="1090">
                  <c:v>93.765886935438559</c:v>
                </c:pt>
                <c:pt idx="1091">
                  <c:v>93.762202328124232</c:v>
                </c:pt>
                <c:pt idx="1092">
                  <c:v>93.759127910556202</c:v>
                </c:pt>
                <c:pt idx="1093">
                  <c:v>93.756010466788126</c:v>
                </c:pt>
                <c:pt idx="1094">
                  <c:v>93.752329770946503</c:v>
                </c:pt>
                <c:pt idx="1095">
                  <c:v>93.748606048904819</c:v>
                </c:pt>
                <c:pt idx="1096">
                  <c:v>93.745527719864072</c:v>
                </c:pt>
                <c:pt idx="1097">
                  <c:v>93.742453302296056</c:v>
                </c:pt>
                <c:pt idx="1098">
                  <c:v>93.73933585852798</c:v>
                </c:pt>
                <c:pt idx="1099">
                  <c:v>93.735655162686356</c:v>
                </c:pt>
                <c:pt idx="1100">
                  <c:v>93.732580745118355</c:v>
                </c:pt>
                <c:pt idx="1101">
                  <c:v>93.729459389877533</c:v>
                </c:pt>
                <c:pt idx="1102">
                  <c:v>93.72577869403591</c:v>
                </c:pt>
                <c:pt idx="1103">
                  <c:v>93.722661250267848</c:v>
                </c:pt>
                <c:pt idx="1104">
                  <c:v>93.719586832699804</c:v>
                </c:pt>
                <c:pt idx="1105">
                  <c:v>93.715256832384554</c:v>
                </c:pt>
                <c:pt idx="1106">
                  <c:v>93.712178503343807</c:v>
                </c:pt>
                <c:pt idx="1107">
                  <c:v>93.708497807502184</c:v>
                </c:pt>
                <c:pt idx="1108">
                  <c:v>93.704774085460514</c:v>
                </c:pt>
                <c:pt idx="1109">
                  <c:v>93.702305946166078</c:v>
                </c:pt>
                <c:pt idx="1110">
                  <c:v>93.698582224124422</c:v>
                </c:pt>
                <c:pt idx="1111">
                  <c:v>93.694897616810067</c:v>
                </c:pt>
                <c:pt idx="1112">
                  <c:v>93.691823199242052</c:v>
                </c:pt>
                <c:pt idx="1113">
                  <c:v>93.687493198926788</c:v>
                </c:pt>
                <c:pt idx="1114">
                  <c:v>93.684418781358758</c:v>
                </c:pt>
                <c:pt idx="1115">
                  <c:v>93.681297426117936</c:v>
                </c:pt>
                <c:pt idx="1116">
                  <c:v>93.677616730276341</c:v>
                </c:pt>
                <c:pt idx="1117">
                  <c:v>93.674499286508251</c:v>
                </c:pt>
                <c:pt idx="1118">
                  <c:v>93.670818590666656</c:v>
                </c:pt>
                <c:pt idx="1119">
                  <c:v>93.667744173098626</c:v>
                </c:pt>
                <c:pt idx="1120">
                  <c:v>93.664622817857818</c:v>
                </c:pt>
                <c:pt idx="1121">
                  <c:v>93.660942122016195</c:v>
                </c:pt>
                <c:pt idx="1122">
                  <c:v>93.657867704448179</c:v>
                </c:pt>
                <c:pt idx="1123">
                  <c:v>93.654143982406495</c:v>
                </c:pt>
                <c:pt idx="1124">
                  <c:v>93.650420260364825</c:v>
                </c:pt>
                <c:pt idx="1125">
                  <c:v>93.646735653050499</c:v>
                </c:pt>
                <c:pt idx="1126">
                  <c:v>93.643011931008814</c:v>
                </c:pt>
                <c:pt idx="1127">
                  <c:v>93.639937513440799</c:v>
                </c:pt>
                <c:pt idx="1128">
                  <c:v>93.636863095872769</c:v>
                </c:pt>
                <c:pt idx="1129">
                  <c:v>93.63253309555752</c:v>
                </c:pt>
                <c:pt idx="1130">
                  <c:v>93.630061044790352</c:v>
                </c:pt>
                <c:pt idx="1131">
                  <c:v>93.626337322748668</c:v>
                </c:pt>
                <c:pt idx="1132">
                  <c:v>93.622656626907073</c:v>
                </c:pt>
                <c:pt idx="1133">
                  <c:v>93.619582209339057</c:v>
                </c:pt>
                <c:pt idx="1134">
                  <c:v>93.61525220902378</c:v>
                </c:pt>
                <c:pt idx="1135">
                  <c:v>93.612130853782972</c:v>
                </c:pt>
                <c:pt idx="1136">
                  <c:v>93.608450157941348</c:v>
                </c:pt>
                <c:pt idx="1137">
                  <c:v>93.604726435899678</c:v>
                </c:pt>
                <c:pt idx="1138">
                  <c:v>93.601652018331677</c:v>
                </c:pt>
                <c:pt idx="1139">
                  <c:v>93.597967411017322</c:v>
                </c:pt>
                <c:pt idx="1140">
                  <c:v>93.594243688975652</c:v>
                </c:pt>
                <c:pt idx="1141">
                  <c:v>93.590519966933968</c:v>
                </c:pt>
                <c:pt idx="1142">
                  <c:v>93.586839271092359</c:v>
                </c:pt>
                <c:pt idx="1143">
                  <c:v>93.583764853524343</c:v>
                </c:pt>
                <c:pt idx="1144">
                  <c:v>93.580037220009942</c:v>
                </c:pt>
                <c:pt idx="1145">
                  <c:v>93.575707219694678</c:v>
                </c:pt>
                <c:pt idx="1146">
                  <c:v>93.572632802126662</c:v>
                </c:pt>
                <c:pt idx="1147">
                  <c:v>93.568909080084978</c:v>
                </c:pt>
                <c:pt idx="1148">
                  <c:v>93.565224472770637</c:v>
                </c:pt>
                <c:pt idx="1149">
                  <c:v>93.562756333476202</c:v>
                </c:pt>
                <c:pt idx="1150">
                  <c:v>93.558426333160938</c:v>
                </c:pt>
                <c:pt idx="1151">
                  <c:v>93.554745637319343</c:v>
                </c:pt>
                <c:pt idx="1152">
                  <c:v>93.551021915277659</c:v>
                </c:pt>
                <c:pt idx="1153">
                  <c:v>93.547294281763257</c:v>
                </c:pt>
                <c:pt idx="1154">
                  <c:v>93.544219864195227</c:v>
                </c:pt>
                <c:pt idx="1155">
                  <c:v>93.540539168353618</c:v>
                </c:pt>
                <c:pt idx="1156">
                  <c:v>93.536815446311934</c:v>
                </c:pt>
                <c:pt idx="1157">
                  <c:v>93.533134750470339</c:v>
                </c:pt>
                <c:pt idx="1158">
                  <c:v>93.529407116955923</c:v>
                </c:pt>
                <c:pt idx="1159">
                  <c:v>93.525726421114314</c:v>
                </c:pt>
                <c:pt idx="1160">
                  <c:v>93.522002699072644</c:v>
                </c:pt>
                <c:pt idx="1161">
                  <c:v>93.517672698757366</c:v>
                </c:pt>
                <c:pt idx="1162">
                  <c:v>93.514594369716633</c:v>
                </c:pt>
                <c:pt idx="1163">
                  <c:v>93.510870647674949</c:v>
                </c:pt>
                <c:pt idx="1164">
                  <c:v>93.507189951833354</c:v>
                </c:pt>
                <c:pt idx="1165">
                  <c:v>93.504115534265324</c:v>
                </c:pt>
                <c:pt idx="1166">
                  <c:v>93.499785533950046</c:v>
                </c:pt>
                <c:pt idx="1167">
                  <c:v>93.496057900435645</c:v>
                </c:pt>
                <c:pt idx="1168">
                  <c:v>93.492377204594035</c:v>
                </c:pt>
                <c:pt idx="1169">
                  <c:v>93.48865348255238</c:v>
                </c:pt>
                <c:pt idx="1170">
                  <c:v>93.484972786710756</c:v>
                </c:pt>
                <c:pt idx="1171">
                  <c:v>93.481245153196355</c:v>
                </c:pt>
                <c:pt idx="1172">
                  <c:v>93.476915152881077</c:v>
                </c:pt>
                <c:pt idx="1173">
                  <c:v>93.473840735313061</c:v>
                </c:pt>
                <c:pt idx="1174">
                  <c:v>93.470117013271391</c:v>
                </c:pt>
                <c:pt idx="1175">
                  <c:v>93.465826127683457</c:v>
                </c:pt>
                <c:pt idx="1176">
                  <c:v>93.462102405641787</c:v>
                </c:pt>
                <c:pt idx="1177">
                  <c:v>93.458378683600102</c:v>
                </c:pt>
                <c:pt idx="1178">
                  <c:v>93.454697987758507</c:v>
                </c:pt>
                <c:pt idx="1179">
                  <c:v>93.450974265716823</c:v>
                </c:pt>
                <c:pt idx="1180">
                  <c:v>93.447289658402482</c:v>
                </c:pt>
                <c:pt idx="1181">
                  <c:v>93.443565936360798</c:v>
                </c:pt>
                <c:pt idx="1182">
                  <c:v>93.439278962245609</c:v>
                </c:pt>
                <c:pt idx="1183">
                  <c:v>93.436161518477533</c:v>
                </c:pt>
                <c:pt idx="1184">
                  <c:v>93.431827606689524</c:v>
                </c:pt>
                <c:pt idx="1185">
                  <c:v>93.428146910847914</c:v>
                </c:pt>
                <c:pt idx="1186">
                  <c:v>93.42442318880623</c:v>
                </c:pt>
                <c:pt idx="1187">
                  <c:v>93.420136214691041</c:v>
                </c:pt>
                <c:pt idx="1188">
                  <c:v>93.41640858117664</c:v>
                </c:pt>
                <c:pt idx="1189">
                  <c:v>93.412684859134956</c:v>
                </c:pt>
                <c:pt idx="1190">
                  <c:v>93.408397885019752</c:v>
                </c:pt>
                <c:pt idx="1191">
                  <c:v>93.405280441251662</c:v>
                </c:pt>
                <c:pt idx="1192">
                  <c:v>93.400993467136473</c:v>
                </c:pt>
                <c:pt idx="1193">
                  <c:v>93.396659555348478</c:v>
                </c:pt>
                <c:pt idx="1194">
                  <c:v>93.393585137780448</c:v>
                </c:pt>
                <c:pt idx="1195">
                  <c:v>93.389255137465199</c:v>
                </c:pt>
                <c:pt idx="1196">
                  <c:v>93.385531415423515</c:v>
                </c:pt>
                <c:pt idx="1197">
                  <c:v>93.381846808109174</c:v>
                </c:pt>
                <c:pt idx="1198">
                  <c:v>93.37812308606749</c:v>
                </c:pt>
                <c:pt idx="1199">
                  <c:v>93.37444239022588</c:v>
                </c:pt>
                <c:pt idx="1200">
                  <c:v>93.370718668184224</c:v>
                </c:pt>
                <c:pt idx="1201">
                  <c:v>93.366384756396215</c:v>
                </c:pt>
                <c:pt idx="1202">
                  <c:v>93.362704060554606</c:v>
                </c:pt>
                <c:pt idx="1203">
                  <c:v>93.358374060239328</c:v>
                </c:pt>
                <c:pt idx="1204">
                  <c:v>93.354650338197658</c:v>
                </c:pt>
                <c:pt idx="1205">
                  <c:v>93.350965730883331</c:v>
                </c:pt>
                <c:pt idx="1206">
                  <c:v>93.346635730568053</c:v>
                </c:pt>
                <c:pt idx="1207">
                  <c:v>93.342912008526397</c:v>
                </c:pt>
                <c:pt idx="1208">
                  <c:v>93.339231312684774</c:v>
                </c:pt>
                <c:pt idx="1209">
                  <c:v>93.335507590643104</c:v>
                </c:pt>
                <c:pt idx="1210">
                  <c:v>93.331216705055169</c:v>
                </c:pt>
                <c:pt idx="1211">
                  <c:v>93.326886704739906</c:v>
                </c:pt>
                <c:pt idx="1212">
                  <c:v>93.323162982698236</c:v>
                </c:pt>
                <c:pt idx="1213">
                  <c:v>93.319482286856612</c:v>
                </c:pt>
                <c:pt idx="1214">
                  <c:v>93.315754653342211</c:v>
                </c:pt>
                <c:pt idx="1215">
                  <c:v>93.311424653026933</c:v>
                </c:pt>
                <c:pt idx="1216">
                  <c:v>93.307137678911744</c:v>
                </c:pt>
                <c:pt idx="1217">
                  <c:v>93.303413956870088</c:v>
                </c:pt>
                <c:pt idx="1218">
                  <c:v>93.299080045082064</c:v>
                </c:pt>
                <c:pt idx="1219">
                  <c:v>93.294750044766801</c:v>
                </c:pt>
                <c:pt idx="1220">
                  <c:v>93.290463070651597</c:v>
                </c:pt>
                <c:pt idx="1221">
                  <c:v>93.286739348609927</c:v>
                </c:pt>
                <c:pt idx="1222">
                  <c:v>93.282405436821946</c:v>
                </c:pt>
                <c:pt idx="1223">
                  <c:v>93.278075436506668</c:v>
                </c:pt>
                <c:pt idx="1224">
                  <c:v>93.274394740665045</c:v>
                </c:pt>
                <c:pt idx="1225">
                  <c:v>93.270064740349795</c:v>
                </c:pt>
                <c:pt idx="1226">
                  <c:v>93.266380133035454</c:v>
                </c:pt>
                <c:pt idx="1227">
                  <c:v>93.262050132720177</c:v>
                </c:pt>
                <c:pt idx="1228">
                  <c:v>93.257720132404927</c:v>
                </c:pt>
                <c:pt idx="1229">
                  <c:v>93.253390132089649</c:v>
                </c:pt>
                <c:pt idx="1230">
                  <c:v>93.249056220301668</c:v>
                </c:pt>
                <c:pt idx="1231">
                  <c:v>93.245375524460044</c:v>
                </c:pt>
                <c:pt idx="1232">
                  <c:v>93.241045524144766</c:v>
                </c:pt>
                <c:pt idx="1233">
                  <c:v>93.236715523829517</c:v>
                </c:pt>
                <c:pt idx="1234">
                  <c:v>93.233030916515176</c:v>
                </c:pt>
                <c:pt idx="1235">
                  <c:v>93.228700916199898</c:v>
                </c:pt>
                <c:pt idx="1236">
                  <c:v>93.224370915884649</c:v>
                </c:pt>
                <c:pt idx="1237">
                  <c:v>93.220040915569371</c:v>
                </c:pt>
                <c:pt idx="1238">
                  <c:v>93.215707003781375</c:v>
                </c:pt>
                <c:pt idx="1239">
                  <c:v>93.21202630793978</c:v>
                </c:pt>
                <c:pt idx="1240">
                  <c:v>93.207696307624502</c:v>
                </c:pt>
                <c:pt idx="1241">
                  <c:v>93.203366307309224</c:v>
                </c:pt>
                <c:pt idx="1242">
                  <c:v>93.19907542172129</c:v>
                </c:pt>
                <c:pt idx="1243">
                  <c:v>93.19474542140604</c:v>
                </c:pt>
                <c:pt idx="1244">
                  <c:v>93.190415421090776</c:v>
                </c:pt>
                <c:pt idx="1245">
                  <c:v>93.186081509302781</c:v>
                </c:pt>
                <c:pt idx="1246">
                  <c:v>93.182400813461157</c:v>
                </c:pt>
                <c:pt idx="1247">
                  <c:v>93.178070813145894</c:v>
                </c:pt>
                <c:pt idx="1248">
                  <c:v>93.17374081283063</c:v>
                </c:pt>
                <c:pt idx="1249">
                  <c:v>93.168800622769041</c:v>
                </c:pt>
                <c:pt idx="1250">
                  <c:v>93.165076900727385</c:v>
                </c:pt>
                <c:pt idx="1251">
                  <c:v>93.160789926612168</c:v>
                </c:pt>
                <c:pt idx="1252">
                  <c:v>93.15645992629689</c:v>
                </c:pt>
                <c:pt idx="1253">
                  <c:v>93.152126014508895</c:v>
                </c:pt>
                <c:pt idx="1254">
                  <c:v>93.147796014193631</c:v>
                </c:pt>
                <c:pt idx="1255">
                  <c:v>93.143466013878381</c:v>
                </c:pt>
                <c:pt idx="1256">
                  <c:v>93.139179039763178</c:v>
                </c:pt>
                <c:pt idx="1257">
                  <c:v>93.135451406248762</c:v>
                </c:pt>
                <c:pt idx="1258">
                  <c:v>93.130515127659891</c:v>
                </c:pt>
                <c:pt idx="1259">
                  <c:v>93.126185127344641</c:v>
                </c:pt>
                <c:pt idx="1260">
                  <c:v>93.121855127029377</c:v>
                </c:pt>
                <c:pt idx="1261">
                  <c:v>93.118170519715051</c:v>
                </c:pt>
                <c:pt idx="1262">
                  <c:v>93.113234241126179</c:v>
                </c:pt>
                <c:pt idx="1263">
                  <c:v>93.109510519084495</c:v>
                </c:pt>
                <c:pt idx="1264">
                  <c:v>93.105180518769245</c:v>
                </c:pt>
                <c:pt idx="1265">
                  <c:v>93.100889633181311</c:v>
                </c:pt>
                <c:pt idx="1266">
                  <c:v>93.096559632866033</c:v>
                </c:pt>
                <c:pt idx="1267">
                  <c:v>93.091623354277175</c:v>
                </c:pt>
                <c:pt idx="1268">
                  <c:v>93.087899632235519</c:v>
                </c:pt>
                <c:pt idx="1269">
                  <c:v>93.083565720447496</c:v>
                </c:pt>
                <c:pt idx="1270">
                  <c:v>93.078629441858652</c:v>
                </c:pt>
                <c:pt idx="1271">
                  <c:v>93.074342467743463</c:v>
                </c:pt>
                <c:pt idx="1272">
                  <c:v>93.06940227768186</c:v>
                </c:pt>
                <c:pt idx="1273">
                  <c:v>93.065072277366582</c:v>
                </c:pt>
                <c:pt idx="1274">
                  <c:v>93.060742277051332</c:v>
                </c:pt>
                <c:pt idx="1275">
                  <c:v>93.056412276736069</c:v>
                </c:pt>
                <c:pt idx="1276">
                  <c:v>93.052078364948088</c:v>
                </c:pt>
                <c:pt idx="1277">
                  <c:v>93.047142086359216</c:v>
                </c:pt>
                <c:pt idx="1278">
                  <c:v>93.042855112244013</c:v>
                </c:pt>
                <c:pt idx="1279">
                  <c:v>93.038525111928735</c:v>
                </c:pt>
                <c:pt idx="1280">
                  <c:v>93.034191200140739</c:v>
                </c:pt>
                <c:pt idx="1281">
                  <c:v>93.02986119982549</c:v>
                </c:pt>
                <c:pt idx="1282">
                  <c:v>93.024924921236632</c:v>
                </c:pt>
                <c:pt idx="1283">
                  <c:v>93.020591009448637</c:v>
                </c:pt>
                <c:pt idx="1284">
                  <c:v>93.016261009133359</c:v>
                </c:pt>
                <c:pt idx="1285">
                  <c:v>93.011324730544501</c:v>
                </c:pt>
                <c:pt idx="1286">
                  <c:v>93.007037756429298</c:v>
                </c:pt>
                <c:pt idx="1287">
                  <c:v>93.002097566367723</c:v>
                </c:pt>
                <c:pt idx="1288">
                  <c:v>92.997161287778852</c:v>
                </c:pt>
                <c:pt idx="1289">
                  <c:v>92.992831287463588</c:v>
                </c:pt>
                <c:pt idx="1290">
                  <c:v>92.988501287148324</c:v>
                </c:pt>
                <c:pt idx="1291">
                  <c:v>92.983561097086749</c:v>
                </c:pt>
                <c:pt idx="1292">
                  <c:v>92.979231096771471</c:v>
                </c:pt>
                <c:pt idx="1293">
                  <c:v>92.974294818182628</c:v>
                </c:pt>
                <c:pt idx="1294">
                  <c:v>92.969960906394618</c:v>
                </c:pt>
                <c:pt idx="1295">
                  <c:v>92.965024627805761</c:v>
                </c:pt>
                <c:pt idx="1296">
                  <c:v>92.960694627490497</c:v>
                </c:pt>
                <c:pt idx="1297">
                  <c:v>92.955758348901654</c:v>
                </c:pt>
                <c:pt idx="1298">
                  <c:v>92.951424437113644</c:v>
                </c:pt>
                <c:pt idx="1299">
                  <c:v>92.946488158524801</c:v>
                </c:pt>
                <c:pt idx="1300">
                  <c:v>92.942201184409583</c:v>
                </c:pt>
                <c:pt idx="1301">
                  <c:v>92.937260994347994</c:v>
                </c:pt>
                <c:pt idx="1302">
                  <c:v>92.932930994032731</c:v>
                </c:pt>
                <c:pt idx="1303">
                  <c:v>92.927345410970233</c:v>
                </c:pt>
                <c:pt idx="1304">
                  <c:v>92.92240522090863</c:v>
                </c:pt>
                <c:pt idx="1305">
                  <c:v>92.918118246793441</c:v>
                </c:pt>
                <c:pt idx="1306">
                  <c:v>92.912532663730929</c:v>
                </c:pt>
                <c:pt idx="1307">
                  <c:v>92.908245689615711</c:v>
                </c:pt>
                <c:pt idx="1308">
                  <c:v>92.903262473354062</c:v>
                </c:pt>
                <c:pt idx="1309">
                  <c:v>92.898326194765204</c:v>
                </c:pt>
                <c:pt idx="1310">
                  <c:v>92.893389916176361</c:v>
                </c:pt>
                <c:pt idx="1311">
                  <c:v>92.888449726114771</c:v>
                </c:pt>
                <c:pt idx="1312">
                  <c:v>92.883513447525914</c:v>
                </c:pt>
                <c:pt idx="1313">
                  <c:v>92.878577168937056</c:v>
                </c:pt>
                <c:pt idx="1314">
                  <c:v>92.873640890348184</c:v>
                </c:pt>
                <c:pt idx="1315">
                  <c:v>92.86809442201303</c:v>
                </c:pt>
                <c:pt idx="1316">
                  <c:v>92.863764421697752</c:v>
                </c:pt>
                <c:pt idx="1317">
                  <c:v>92.858828143108894</c:v>
                </c:pt>
                <c:pt idx="1318">
                  <c:v>92.854494231320899</c:v>
                </c:pt>
                <c:pt idx="1319">
                  <c:v>92.848951674458448</c:v>
                </c:pt>
                <c:pt idx="1320">
                  <c:v>92.844015395869604</c:v>
                </c:pt>
                <c:pt idx="1321">
                  <c:v>92.839075205808001</c:v>
                </c:pt>
                <c:pt idx="1322">
                  <c:v>92.834138927219144</c:v>
                </c:pt>
                <c:pt idx="1323">
                  <c:v>92.828553344156646</c:v>
                </c:pt>
                <c:pt idx="1324">
                  <c:v>92.823617065567774</c:v>
                </c:pt>
                <c:pt idx="1325">
                  <c:v>92.818070597232605</c:v>
                </c:pt>
                <c:pt idx="1326">
                  <c:v>92.813740596917327</c:v>
                </c:pt>
                <c:pt idx="1327">
                  <c:v>92.808198040054876</c:v>
                </c:pt>
                <c:pt idx="1328">
                  <c:v>92.802651571719721</c:v>
                </c:pt>
                <c:pt idx="1329">
                  <c:v>92.797715293130864</c:v>
                </c:pt>
                <c:pt idx="1330">
                  <c:v>92.792735988341931</c:v>
                </c:pt>
                <c:pt idx="1331">
                  <c:v>92.787795798280328</c:v>
                </c:pt>
                <c:pt idx="1332">
                  <c:v>92.782859519691485</c:v>
                </c:pt>
                <c:pt idx="1333">
                  <c:v>92.777923241102627</c:v>
                </c:pt>
                <c:pt idx="1334">
                  <c:v>92.772983051041038</c:v>
                </c:pt>
                <c:pt idx="1335">
                  <c:v>92.767440494178587</c:v>
                </c:pt>
                <c:pt idx="1336">
                  <c:v>92.761897937316135</c:v>
                </c:pt>
                <c:pt idx="1337">
                  <c:v>92.756961658727292</c:v>
                </c:pt>
                <c:pt idx="1338">
                  <c:v>92.751978442465642</c:v>
                </c:pt>
                <c:pt idx="1339">
                  <c:v>92.746435885603191</c:v>
                </c:pt>
                <c:pt idx="1340">
                  <c:v>92.741499607014333</c:v>
                </c:pt>
                <c:pt idx="1341">
                  <c:v>92.737814999699978</c:v>
                </c:pt>
                <c:pt idx="1342">
                  <c:v>92.726686859775043</c:v>
                </c:pt>
                <c:pt idx="1343">
                  <c:v>92.722959226260627</c:v>
                </c:pt>
                <c:pt idx="1344">
                  <c:v>92.71802294767177</c:v>
                </c:pt>
                <c:pt idx="1345">
                  <c:v>92.713086669082912</c:v>
                </c:pt>
                <c:pt idx="1346">
                  <c:v>92.713086669082912</c:v>
                </c:pt>
                <c:pt idx="1347">
                  <c:v>92.706933922474136</c:v>
                </c:pt>
                <c:pt idx="1348">
                  <c:v>92.70013578286445</c:v>
                </c:pt>
                <c:pt idx="1349">
                  <c:v>92.694593226001999</c:v>
                </c:pt>
                <c:pt idx="1350">
                  <c:v>92.689003731466755</c:v>
                </c:pt>
                <c:pt idx="1351">
                  <c:v>92.683461174604304</c:v>
                </c:pt>
                <c:pt idx="1352">
                  <c:v>92.677918617741852</c:v>
                </c:pt>
                <c:pt idx="1353">
                  <c:v>92.672978427680263</c:v>
                </c:pt>
                <c:pt idx="1354">
                  <c:v>92.667392844617751</c:v>
                </c:pt>
                <c:pt idx="1355">
                  <c:v>92.661850287755314</c:v>
                </c:pt>
                <c:pt idx="1356">
                  <c:v>92.656910097693739</c:v>
                </c:pt>
                <c:pt idx="1357">
                  <c:v>92.650718236357633</c:v>
                </c:pt>
                <c:pt idx="1358">
                  <c:v>92.647643818789604</c:v>
                </c:pt>
                <c:pt idx="1359">
                  <c:v>92.635905489118315</c:v>
                </c:pt>
                <c:pt idx="1360">
                  <c:v>92.630362932255863</c:v>
                </c:pt>
                <c:pt idx="1361">
                  <c:v>92.627288514687848</c:v>
                </c:pt>
                <c:pt idx="1362">
                  <c:v>92.626639210214208</c:v>
                </c:pt>
                <c:pt idx="1363">
                  <c:v>92.621092741879025</c:v>
                </c:pt>
                <c:pt idx="1364">
                  <c:v>92.614294602269339</c:v>
                </c:pt>
                <c:pt idx="1365">
                  <c:v>92.608145767133294</c:v>
                </c:pt>
                <c:pt idx="1366">
                  <c:v>92.601949994324443</c:v>
                </c:pt>
                <c:pt idx="1367">
                  <c:v>92.596407437462005</c:v>
                </c:pt>
                <c:pt idx="1368">
                  <c:v>92.590817942926776</c:v>
                </c:pt>
                <c:pt idx="1369">
                  <c:v>92.585275386064325</c:v>
                </c:pt>
                <c:pt idx="1370">
                  <c:v>92.579732829201873</c:v>
                </c:pt>
                <c:pt idx="1371">
                  <c:v>92.573537056393036</c:v>
                </c:pt>
                <c:pt idx="1372">
                  <c:v>92.568600777804178</c:v>
                </c:pt>
                <c:pt idx="1373">
                  <c:v>92.562451942668133</c:v>
                </c:pt>
                <c:pt idx="1374">
                  <c:v>92.557511752606544</c:v>
                </c:pt>
                <c:pt idx="1375">
                  <c:v>92.551319891270452</c:v>
                </c:pt>
                <c:pt idx="1376">
                  <c:v>92.546383612681609</c:v>
                </c:pt>
                <c:pt idx="1377">
                  <c:v>92.540187839872758</c:v>
                </c:pt>
                <c:pt idx="1378">
                  <c:v>92.534645283010306</c:v>
                </c:pt>
                <c:pt idx="1379">
                  <c:v>92.5284534216742</c:v>
                </c:pt>
                <c:pt idx="1380">
                  <c:v>92.522906953339032</c:v>
                </c:pt>
                <c:pt idx="1381">
                  <c:v>92.517364396476566</c:v>
                </c:pt>
                <c:pt idx="1382">
                  <c:v>92.511172535140474</c:v>
                </c:pt>
                <c:pt idx="1383">
                  <c:v>92.506838623352479</c:v>
                </c:pt>
                <c:pt idx="1384">
                  <c:v>92.497615370648418</c:v>
                </c:pt>
                <c:pt idx="1385">
                  <c:v>92.490207041292393</c:v>
                </c:pt>
                <c:pt idx="1386">
                  <c:v>92.485877040977144</c:v>
                </c:pt>
                <c:pt idx="1387">
                  <c:v>92.483408901682722</c:v>
                </c:pt>
                <c:pt idx="1388">
                  <c:v>92.479685179641038</c:v>
                </c:pt>
                <c:pt idx="1389">
                  <c:v>92.472883128558621</c:v>
                </c:pt>
                <c:pt idx="1390">
                  <c:v>92.466084988948907</c:v>
                </c:pt>
                <c:pt idx="1391">
                  <c:v>92.459932242340159</c:v>
                </c:pt>
                <c:pt idx="1392">
                  <c:v>92.454389685477707</c:v>
                </c:pt>
                <c:pt idx="1393">
                  <c:v>92.447591545867994</c:v>
                </c:pt>
                <c:pt idx="1394">
                  <c:v>92.44200205133275</c:v>
                </c:pt>
                <c:pt idx="1395">
                  <c:v>92.435853216196733</c:v>
                </c:pt>
                <c:pt idx="1396">
                  <c:v>92.429661354860627</c:v>
                </c:pt>
                <c:pt idx="1397">
                  <c:v>92.423508608251836</c:v>
                </c:pt>
                <c:pt idx="1398">
                  <c:v>92.417923025189324</c:v>
                </c:pt>
                <c:pt idx="1399">
                  <c:v>92.411774190053308</c:v>
                </c:pt>
                <c:pt idx="1400">
                  <c:v>92.405578417244456</c:v>
                </c:pt>
                <c:pt idx="1401">
                  <c:v>92.400035860382005</c:v>
                </c:pt>
                <c:pt idx="1402">
                  <c:v>92.393840087573182</c:v>
                </c:pt>
                <c:pt idx="1403">
                  <c:v>92.387691252437136</c:v>
                </c:pt>
                <c:pt idx="1404">
                  <c:v>92.381499391101045</c:v>
                </c:pt>
                <c:pt idx="1405">
                  <c:v>92.375346644492268</c:v>
                </c:pt>
                <c:pt idx="1406">
                  <c:v>92.369761061429756</c:v>
                </c:pt>
                <c:pt idx="1407">
                  <c:v>92.363612226293725</c:v>
                </c:pt>
                <c:pt idx="1408">
                  <c:v>92.357416453484888</c:v>
                </c:pt>
                <c:pt idx="1409">
                  <c:v>92.351873896622436</c:v>
                </c:pt>
                <c:pt idx="1410">
                  <c:v>92.34568203528633</c:v>
                </c:pt>
                <c:pt idx="1411">
                  <c:v>92.339529288677554</c:v>
                </c:pt>
                <c:pt idx="1412">
                  <c:v>92.333943705615042</c:v>
                </c:pt>
                <c:pt idx="1413">
                  <c:v>92.327790959006279</c:v>
                </c:pt>
                <c:pt idx="1414">
                  <c:v>92.321599097670173</c:v>
                </c:pt>
                <c:pt idx="1415">
                  <c:v>92.314843984260548</c:v>
                </c:pt>
                <c:pt idx="1416">
                  <c:v>92.309254489725305</c:v>
                </c:pt>
                <c:pt idx="1417">
                  <c:v>92.302456350115619</c:v>
                </c:pt>
                <c:pt idx="1418">
                  <c:v>92.296307514979574</c:v>
                </c:pt>
                <c:pt idx="1419">
                  <c:v>92.290761046644391</c:v>
                </c:pt>
                <c:pt idx="1420">
                  <c:v>92.283962907034706</c:v>
                </c:pt>
                <c:pt idx="1421">
                  <c:v>92.277767134225869</c:v>
                </c:pt>
                <c:pt idx="1422">
                  <c:v>92.271618299089823</c:v>
                </c:pt>
                <c:pt idx="1423">
                  <c:v>92.265426437753732</c:v>
                </c:pt>
                <c:pt idx="1424">
                  <c:v>92.25923066494488</c:v>
                </c:pt>
                <c:pt idx="1425">
                  <c:v>92.252475551535269</c:v>
                </c:pt>
                <c:pt idx="1426">
                  <c:v>92.246283690199164</c:v>
                </c:pt>
                <c:pt idx="1427">
                  <c:v>92.239481639116732</c:v>
                </c:pt>
                <c:pt idx="1428">
                  <c:v>92.233939082254267</c:v>
                </c:pt>
                <c:pt idx="1429">
                  <c:v>92.22713703117185</c:v>
                </c:pt>
                <c:pt idx="1430">
                  <c:v>92.220945169835758</c:v>
                </c:pt>
                <c:pt idx="1431">
                  <c:v>92.214190056426119</c:v>
                </c:pt>
                <c:pt idx="1432">
                  <c:v>92.207994283617296</c:v>
                </c:pt>
                <c:pt idx="1433">
                  <c:v>92.201196144007596</c:v>
                </c:pt>
                <c:pt idx="1434">
                  <c:v>92.194394092925165</c:v>
                </c:pt>
                <c:pt idx="1435">
                  <c:v>92.18824525778912</c:v>
                </c:pt>
                <c:pt idx="1436">
                  <c:v>92.181447118179449</c:v>
                </c:pt>
                <c:pt idx="1437">
                  <c:v>92.175251345370597</c:v>
                </c:pt>
                <c:pt idx="1438">
                  <c:v>92.168496231960958</c:v>
                </c:pt>
                <c:pt idx="1439">
                  <c:v>92.161694180878541</c:v>
                </c:pt>
                <c:pt idx="1440">
                  <c:v>92.15550231954245</c:v>
                </c:pt>
                <c:pt idx="1441">
                  <c:v>92.14870417993275</c:v>
                </c:pt>
                <c:pt idx="1442">
                  <c:v>92.141945155050394</c:v>
                </c:pt>
                <c:pt idx="1443">
                  <c:v>92.135147015440694</c:v>
                </c:pt>
                <c:pt idx="1444">
                  <c:v>92.128344964358263</c:v>
                </c:pt>
                <c:pt idx="1445">
                  <c:v>92.122153103022157</c:v>
                </c:pt>
                <c:pt idx="1446">
                  <c:v>92.115397989612546</c:v>
                </c:pt>
                <c:pt idx="1447">
                  <c:v>92.107946634056461</c:v>
                </c:pt>
                <c:pt idx="1448">
                  <c:v>92.101191520646822</c:v>
                </c:pt>
                <c:pt idx="1449">
                  <c:v>92.094389469564405</c:v>
                </c:pt>
                <c:pt idx="1450">
                  <c:v>92.086985051681125</c:v>
                </c:pt>
                <c:pt idx="1451">
                  <c:v>92.080183000598694</c:v>
                </c:pt>
                <c:pt idx="1452">
                  <c:v>92.073991139262588</c:v>
                </c:pt>
                <c:pt idx="1453">
                  <c:v>92.066586721379295</c:v>
                </c:pt>
                <c:pt idx="1454">
                  <c:v>92.059784670296878</c:v>
                </c:pt>
                <c:pt idx="1455">
                  <c:v>92.053029556887253</c:v>
                </c:pt>
                <c:pt idx="1456">
                  <c:v>92.046227505804836</c:v>
                </c:pt>
                <c:pt idx="1457">
                  <c:v>92.038823087921529</c:v>
                </c:pt>
                <c:pt idx="1458">
                  <c:v>92.032024948311829</c:v>
                </c:pt>
                <c:pt idx="1459">
                  <c:v>92.025222897229412</c:v>
                </c:pt>
                <c:pt idx="1460">
                  <c:v>92.017818479346133</c:v>
                </c:pt>
                <c:pt idx="1461">
                  <c:v>92.011016428263702</c:v>
                </c:pt>
                <c:pt idx="1462">
                  <c:v>92.004218288654002</c:v>
                </c:pt>
                <c:pt idx="1463">
                  <c:v>91.996809959297991</c:v>
                </c:pt>
                <c:pt idx="1464">
                  <c:v>91.990011819688306</c:v>
                </c:pt>
                <c:pt idx="1465">
                  <c:v>91.982607401805012</c:v>
                </c:pt>
                <c:pt idx="1466">
                  <c:v>91.975805350722595</c:v>
                </c:pt>
                <c:pt idx="1467">
                  <c:v>91.968400932839316</c:v>
                </c:pt>
                <c:pt idx="1468">
                  <c:v>91.961641907956945</c:v>
                </c:pt>
                <c:pt idx="1469">
                  <c:v>91.954194463873591</c:v>
                </c:pt>
                <c:pt idx="1470">
                  <c:v>91.946786134517595</c:v>
                </c:pt>
                <c:pt idx="1471">
                  <c:v>91.939381716634287</c:v>
                </c:pt>
                <c:pt idx="1472">
                  <c:v>91.932583577024587</c:v>
                </c:pt>
                <c:pt idx="1473">
                  <c:v>91.925175247668591</c:v>
                </c:pt>
                <c:pt idx="1474">
                  <c:v>91.917770829785297</c:v>
                </c:pt>
                <c:pt idx="1475">
                  <c:v>91.910968778702866</c:v>
                </c:pt>
                <c:pt idx="1476">
                  <c:v>91.903564360819601</c:v>
                </c:pt>
                <c:pt idx="1477">
                  <c:v>91.895549753189982</c:v>
                </c:pt>
                <c:pt idx="1478">
                  <c:v>91.888751613580283</c:v>
                </c:pt>
                <c:pt idx="1479">
                  <c:v>91.881343284224286</c:v>
                </c:pt>
                <c:pt idx="1480">
                  <c:v>91.873332588067385</c:v>
                </c:pt>
                <c:pt idx="1481">
                  <c:v>91.865928170184105</c:v>
                </c:pt>
                <c:pt idx="1482">
                  <c:v>91.858519840828095</c:v>
                </c:pt>
                <c:pt idx="1483">
                  <c:v>91.851115422944815</c:v>
                </c:pt>
                <c:pt idx="1484">
                  <c:v>91.84366406738873</c:v>
                </c:pt>
                <c:pt idx="1485">
                  <c:v>91.836259649505465</c:v>
                </c:pt>
                <c:pt idx="1486">
                  <c:v>91.828245041875817</c:v>
                </c:pt>
                <c:pt idx="1487">
                  <c:v>91.820840623992538</c:v>
                </c:pt>
                <c:pt idx="1488">
                  <c:v>91.813432294636527</c:v>
                </c:pt>
                <c:pt idx="1489">
                  <c:v>91.805421598479654</c:v>
                </c:pt>
                <c:pt idx="1490">
                  <c:v>91.797970242923569</c:v>
                </c:pt>
                <c:pt idx="1491">
                  <c:v>91.78995954676671</c:v>
                </c:pt>
                <c:pt idx="1492">
                  <c:v>91.782551217410685</c:v>
                </c:pt>
                <c:pt idx="1493">
                  <c:v>91.775146799527406</c:v>
                </c:pt>
                <c:pt idx="1494">
                  <c:v>91.767136103370532</c:v>
                </c:pt>
                <c:pt idx="1495">
                  <c:v>91.759078469540853</c:v>
                </c:pt>
                <c:pt idx="1496">
                  <c:v>91.75106777338398</c:v>
                </c:pt>
                <c:pt idx="1497">
                  <c:v>91.743659444027969</c:v>
                </c:pt>
                <c:pt idx="1498">
                  <c:v>91.736255026144661</c:v>
                </c:pt>
                <c:pt idx="1499">
                  <c:v>91.728197392314996</c:v>
                </c:pt>
                <c:pt idx="1500">
                  <c:v>91.720186696158137</c:v>
                </c:pt>
                <c:pt idx="1501">
                  <c:v>91.712172088528519</c:v>
                </c:pt>
                <c:pt idx="1502">
                  <c:v>91.704767670645225</c:v>
                </c:pt>
                <c:pt idx="1503">
                  <c:v>91.696710036815574</c:v>
                </c:pt>
                <c:pt idx="1504">
                  <c:v>91.688699340658687</c:v>
                </c:pt>
                <c:pt idx="1505">
                  <c:v>91.680684733029082</c:v>
                </c:pt>
                <c:pt idx="1506">
                  <c:v>91.672024732398555</c:v>
                </c:pt>
                <c:pt idx="1507">
                  <c:v>91.66461640304253</c:v>
                </c:pt>
                <c:pt idx="1508">
                  <c:v>91.656605706885657</c:v>
                </c:pt>
                <c:pt idx="1509">
                  <c:v>91.647941794782383</c:v>
                </c:pt>
                <c:pt idx="1510">
                  <c:v>91.63993109862551</c:v>
                </c:pt>
                <c:pt idx="1511">
                  <c:v>91.631873464795859</c:v>
                </c:pt>
                <c:pt idx="1512">
                  <c:v>91.623862768638958</c:v>
                </c:pt>
                <c:pt idx="1513">
                  <c:v>91.615848161009367</c:v>
                </c:pt>
                <c:pt idx="1514">
                  <c:v>91.607794438652434</c:v>
                </c:pt>
                <c:pt idx="1515">
                  <c:v>91.599173552749221</c:v>
                </c:pt>
                <c:pt idx="1516">
                  <c:v>91.591119830392273</c:v>
                </c:pt>
                <c:pt idx="1517">
                  <c:v>91.583105222762669</c:v>
                </c:pt>
                <c:pt idx="1518">
                  <c:v>91.575094526605795</c:v>
                </c:pt>
                <c:pt idx="1519">
                  <c:v>91.566430614502551</c:v>
                </c:pt>
                <c:pt idx="1520">
                  <c:v>91.557770613872009</c:v>
                </c:pt>
                <c:pt idx="1521">
                  <c:v>91.549149727968796</c:v>
                </c:pt>
                <c:pt idx="1522">
                  <c:v>91.541139031811937</c:v>
                </c:pt>
                <c:pt idx="1523">
                  <c:v>91.533081397982258</c:v>
                </c:pt>
                <c:pt idx="1524">
                  <c:v>91.524464423551777</c:v>
                </c:pt>
                <c:pt idx="1525">
                  <c:v>91.516406789722126</c:v>
                </c:pt>
                <c:pt idx="1526">
                  <c:v>91.508396093565253</c:v>
                </c:pt>
                <c:pt idx="1527">
                  <c:v>91.49973218146198</c:v>
                </c:pt>
                <c:pt idx="1528">
                  <c:v>91.491115207031513</c:v>
                </c:pt>
                <c:pt idx="1529">
                  <c:v>91.482451294928254</c:v>
                </c:pt>
                <c:pt idx="1530">
                  <c:v>91.473791294297726</c:v>
                </c:pt>
                <c:pt idx="1531">
                  <c:v>91.465170408394513</c:v>
                </c:pt>
                <c:pt idx="1532">
                  <c:v>91.45715971223764</c:v>
                </c:pt>
                <c:pt idx="1533">
                  <c:v>91.448495800134395</c:v>
                </c:pt>
                <c:pt idx="1534">
                  <c:v>91.439835799503854</c:v>
                </c:pt>
                <c:pt idx="1535">
                  <c:v>91.431214913600655</c:v>
                </c:pt>
                <c:pt idx="1536">
                  <c:v>91.422554912970128</c:v>
                </c:pt>
                <c:pt idx="1537">
                  <c:v>91.413934027066915</c:v>
                </c:pt>
                <c:pt idx="1538">
                  <c:v>91.405274026436402</c:v>
                </c:pt>
                <c:pt idx="1539">
                  <c:v>91.396003836059549</c:v>
                </c:pt>
                <c:pt idx="1540">
                  <c:v>91.387386861629054</c:v>
                </c:pt>
                <c:pt idx="1541">
                  <c:v>91.378722949525809</c:v>
                </c:pt>
                <c:pt idx="1542">
                  <c:v>91.37005903742255</c:v>
                </c:pt>
                <c:pt idx="1543">
                  <c:v>91.360792758518414</c:v>
                </c:pt>
                <c:pt idx="1544">
                  <c:v>91.352171872615216</c:v>
                </c:pt>
                <c:pt idx="1545">
                  <c:v>91.343511871984688</c:v>
                </c:pt>
                <c:pt idx="1546">
                  <c:v>91.334241681607836</c:v>
                </c:pt>
                <c:pt idx="1547">
                  <c:v>91.325624707177369</c:v>
                </c:pt>
                <c:pt idx="1548">
                  <c:v>91.316354516800516</c:v>
                </c:pt>
                <c:pt idx="1549">
                  <c:v>91.307088237896394</c:v>
                </c:pt>
                <c:pt idx="1550">
                  <c:v>91.297818047519542</c:v>
                </c:pt>
                <c:pt idx="1551">
                  <c:v>91.289201073089075</c:v>
                </c:pt>
                <c:pt idx="1552">
                  <c:v>91.279324604438628</c:v>
                </c:pt>
                <c:pt idx="1553">
                  <c:v>91.270660692335355</c:v>
                </c:pt>
                <c:pt idx="1554">
                  <c:v>91.262000691704841</c:v>
                </c:pt>
                <c:pt idx="1555">
                  <c:v>91.252730501327974</c:v>
                </c:pt>
                <c:pt idx="1556">
                  <c:v>91.243507248623928</c:v>
                </c:pt>
                <c:pt idx="1557">
                  <c:v>91.234237058247061</c:v>
                </c:pt>
                <c:pt idx="1558">
                  <c:v>91.22436450106936</c:v>
                </c:pt>
                <c:pt idx="1559">
                  <c:v>91.215700588966087</c:v>
                </c:pt>
                <c:pt idx="1560">
                  <c:v>91.207040588335559</c:v>
                </c:pt>
                <c:pt idx="1561">
                  <c:v>91.197813424158781</c:v>
                </c:pt>
                <c:pt idx="1562">
                  <c:v>91.188543233781914</c:v>
                </c:pt>
                <c:pt idx="1563">
                  <c:v>91.179276954877793</c:v>
                </c:pt>
                <c:pt idx="1564">
                  <c:v>91.169400486227346</c:v>
                </c:pt>
                <c:pt idx="1565">
                  <c:v>91.160134207323225</c:v>
                </c:pt>
                <c:pt idx="1566">
                  <c:v>91.150864016946386</c:v>
                </c:pt>
                <c:pt idx="1567">
                  <c:v>91.140991459768671</c:v>
                </c:pt>
                <c:pt idx="1568">
                  <c:v>91.131721269391804</c:v>
                </c:pt>
                <c:pt idx="1569">
                  <c:v>91.121844800741357</c:v>
                </c:pt>
                <c:pt idx="1570">
                  <c:v>91.11257852183725</c:v>
                </c:pt>
                <c:pt idx="1571">
                  <c:v>91.103308331460383</c:v>
                </c:pt>
                <c:pt idx="1572">
                  <c:v>91.094042052556276</c:v>
                </c:pt>
                <c:pt idx="1573">
                  <c:v>91.084165583905829</c:v>
                </c:pt>
                <c:pt idx="1574">
                  <c:v>91.074899305001708</c:v>
                </c:pt>
                <c:pt idx="1575">
                  <c:v>91.065022836351247</c:v>
                </c:pt>
                <c:pt idx="1576">
                  <c:v>91.055795672174455</c:v>
                </c:pt>
                <c:pt idx="1577">
                  <c:v>91.045880088796693</c:v>
                </c:pt>
                <c:pt idx="1578">
                  <c:v>91.036003620146246</c:v>
                </c:pt>
                <c:pt idx="1579">
                  <c:v>91.026737341242125</c:v>
                </c:pt>
                <c:pt idx="1580">
                  <c:v>91.016254594318099</c:v>
                </c:pt>
                <c:pt idx="1581">
                  <c:v>91.006984403941232</c:v>
                </c:pt>
                <c:pt idx="1582">
                  <c:v>90.997111846763516</c:v>
                </c:pt>
                <c:pt idx="1583">
                  <c:v>90.987841656386678</c:v>
                </c:pt>
                <c:pt idx="1584">
                  <c:v>90.977969099208948</c:v>
                </c:pt>
                <c:pt idx="1585">
                  <c:v>90.968092630558516</c:v>
                </c:pt>
                <c:pt idx="1586">
                  <c:v>90.958220073380787</c:v>
                </c:pt>
                <c:pt idx="1587">
                  <c:v>90.947737326456746</c:v>
                </c:pt>
                <c:pt idx="1588">
                  <c:v>90.938467136079893</c:v>
                </c:pt>
                <c:pt idx="1589">
                  <c:v>90.927945274428538</c:v>
                </c:pt>
                <c:pt idx="1590">
                  <c:v>90.918068805778091</c:v>
                </c:pt>
                <c:pt idx="1591">
                  <c:v>90.908192337127645</c:v>
                </c:pt>
                <c:pt idx="1592">
                  <c:v>90.89771350167635</c:v>
                </c:pt>
                <c:pt idx="1593">
                  <c:v>90.887187728552234</c:v>
                </c:pt>
                <c:pt idx="1594">
                  <c:v>90.877315171374519</c:v>
                </c:pt>
                <c:pt idx="1595">
                  <c:v>90.867438702724073</c:v>
                </c:pt>
                <c:pt idx="1596">
                  <c:v>90.856955955800061</c:v>
                </c:pt>
                <c:pt idx="1597">
                  <c:v>90.847083398622331</c:v>
                </c:pt>
                <c:pt idx="1598">
                  <c:v>90.83655762549823</c:v>
                </c:pt>
                <c:pt idx="1599">
                  <c:v>90.826078790046935</c:v>
                </c:pt>
                <c:pt idx="1600">
                  <c:v>90.816202321396474</c:v>
                </c:pt>
                <c:pt idx="1601">
                  <c:v>90.805676548272388</c:v>
                </c:pt>
                <c:pt idx="1602">
                  <c:v>90.794591434547485</c:v>
                </c:pt>
                <c:pt idx="1603">
                  <c:v>90.784714965897052</c:v>
                </c:pt>
                <c:pt idx="1604">
                  <c:v>90.774189192772937</c:v>
                </c:pt>
                <c:pt idx="1605">
                  <c:v>90.763710357321642</c:v>
                </c:pt>
                <c:pt idx="1606">
                  <c:v>90.753227610397602</c:v>
                </c:pt>
                <c:pt idx="1607">
                  <c:v>90.742701837273501</c:v>
                </c:pt>
                <c:pt idx="1608">
                  <c:v>90.732223001822206</c:v>
                </c:pt>
                <c:pt idx="1609">
                  <c:v>90.72169722869809</c:v>
                </c:pt>
                <c:pt idx="1610">
                  <c:v>90.711218393246796</c:v>
                </c:pt>
                <c:pt idx="1611">
                  <c:v>90.700735646322755</c:v>
                </c:pt>
                <c:pt idx="1612">
                  <c:v>90.690209873198668</c:v>
                </c:pt>
                <c:pt idx="1613">
                  <c:v>90.679731037747359</c:v>
                </c:pt>
                <c:pt idx="1614">
                  <c:v>90.668598986349664</c:v>
                </c:pt>
                <c:pt idx="1615">
                  <c:v>90.658116239425624</c:v>
                </c:pt>
                <c:pt idx="1616">
                  <c:v>90.647637403974329</c:v>
                </c:pt>
                <c:pt idx="1617">
                  <c:v>90.63650535257662</c:v>
                </c:pt>
                <c:pt idx="1618">
                  <c:v>90.626022605652608</c:v>
                </c:pt>
                <c:pt idx="1619">
                  <c:v>90.615500744001224</c:v>
                </c:pt>
                <c:pt idx="1620">
                  <c:v>90.605017997077184</c:v>
                </c:pt>
                <c:pt idx="1621">
                  <c:v>90.593885945679503</c:v>
                </c:pt>
                <c:pt idx="1622">
                  <c:v>90.582800831954614</c:v>
                </c:pt>
                <c:pt idx="1623">
                  <c:v>90.571668780556905</c:v>
                </c:pt>
                <c:pt idx="1624">
                  <c:v>90.561186033632879</c:v>
                </c:pt>
                <c:pt idx="1625">
                  <c:v>90.550057893707915</c:v>
                </c:pt>
                <c:pt idx="1626">
                  <c:v>90.538925842310235</c:v>
                </c:pt>
                <c:pt idx="1627">
                  <c:v>90.5278368171126</c:v>
                </c:pt>
                <c:pt idx="1628">
                  <c:v>90.517314955461231</c:v>
                </c:pt>
                <c:pt idx="1629">
                  <c:v>90.506225930263597</c:v>
                </c:pt>
                <c:pt idx="1630">
                  <c:v>90.495700157139495</c:v>
                </c:pt>
                <c:pt idx="1631">
                  <c:v>90.484615043414607</c:v>
                </c:pt>
                <c:pt idx="1632">
                  <c:v>90.474089270290506</c:v>
                </c:pt>
                <c:pt idx="1633">
                  <c:v>90.463004156565631</c:v>
                </c:pt>
                <c:pt idx="1634">
                  <c:v>90.451872105167922</c:v>
                </c:pt>
                <c:pt idx="1635">
                  <c:v>90.440783079970288</c:v>
                </c:pt>
                <c:pt idx="1636">
                  <c:v>90.429651028572593</c:v>
                </c:pt>
                <c:pt idx="1637">
                  <c:v>90.418522888647658</c:v>
                </c:pt>
                <c:pt idx="1638">
                  <c:v>90.407433863450009</c:v>
                </c:pt>
                <c:pt idx="1639">
                  <c:v>90.396301812052329</c:v>
                </c:pt>
                <c:pt idx="1640">
                  <c:v>90.385173672127365</c:v>
                </c:pt>
                <c:pt idx="1641">
                  <c:v>90.374690925203325</c:v>
                </c:pt>
                <c:pt idx="1642">
                  <c:v>90.363558873805644</c:v>
                </c:pt>
                <c:pt idx="1643">
                  <c:v>90.352473760080755</c:v>
                </c:pt>
                <c:pt idx="1644">
                  <c:v>90.340735430409453</c:v>
                </c:pt>
                <c:pt idx="1645">
                  <c:v>90.329603379011772</c:v>
                </c:pt>
                <c:pt idx="1646">
                  <c:v>90.318518265286883</c:v>
                </c:pt>
                <c:pt idx="1647">
                  <c:v>90.307386213889188</c:v>
                </c:pt>
                <c:pt idx="1648">
                  <c:v>90.295647884217914</c:v>
                </c:pt>
                <c:pt idx="1649">
                  <c:v>90.284562770493025</c:v>
                </c:pt>
                <c:pt idx="1650">
                  <c:v>90.272824440821722</c:v>
                </c:pt>
                <c:pt idx="1651">
                  <c:v>90.261692389424041</c:v>
                </c:pt>
                <c:pt idx="1652">
                  <c:v>90.251213553972732</c:v>
                </c:pt>
                <c:pt idx="1653">
                  <c:v>90.239475224301458</c:v>
                </c:pt>
                <c:pt idx="1654">
                  <c:v>90.228343172903749</c:v>
                </c:pt>
                <c:pt idx="1655">
                  <c:v>90.217215032978785</c:v>
                </c:pt>
                <c:pt idx="1656">
                  <c:v>90.205519729507586</c:v>
                </c:pt>
                <c:pt idx="1657">
                  <c:v>90.194387678109891</c:v>
                </c:pt>
                <c:pt idx="1658">
                  <c:v>90.182653259911334</c:v>
                </c:pt>
                <c:pt idx="1659">
                  <c:v>90.170914930240059</c:v>
                </c:pt>
                <c:pt idx="1660">
                  <c:v>90.159825905042425</c:v>
                </c:pt>
                <c:pt idx="1661">
                  <c:v>90.147438270897482</c:v>
                </c:pt>
                <c:pt idx="1662">
                  <c:v>90.136353157172593</c:v>
                </c:pt>
                <c:pt idx="1663">
                  <c:v>90.124614827501318</c:v>
                </c:pt>
                <c:pt idx="1664">
                  <c:v>90.113482776103623</c:v>
                </c:pt>
                <c:pt idx="1665">
                  <c:v>90.101748357905066</c:v>
                </c:pt>
                <c:pt idx="1666">
                  <c:v>90.090659332707446</c:v>
                </c:pt>
                <c:pt idx="1667">
                  <c:v>90.078921003036157</c:v>
                </c:pt>
                <c:pt idx="1668">
                  <c:v>90.067186584837629</c:v>
                </c:pt>
                <c:pt idx="1669">
                  <c:v>90.056054533439919</c:v>
                </c:pt>
                <c:pt idx="1670">
                  <c:v>90.044359229968691</c:v>
                </c:pt>
                <c:pt idx="1671">
                  <c:v>90.031971595823762</c:v>
                </c:pt>
                <c:pt idx="1672">
                  <c:v>90.020886482098874</c:v>
                </c:pt>
                <c:pt idx="1673">
                  <c:v>90.009754430701165</c:v>
                </c:pt>
                <c:pt idx="1674">
                  <c:v>89.99801610102989</c:v>
                </c:pt>
                <c:pt idx="1675">
                  <c:v>89.986281682831333</c:v>
                </c:pt>
                <c:pt idx="1676">
                  <c:v>89.974543353160072</c:v>
                </c:pt>
                <c:pt idx="1677">
                  <c:v>89.963454327962438</c:v>
                </c:pt>
                <c:pt idx="1678">
                  <c:v>89.951719909763895</c:v>
                </c:pt>
                <c:pt idx="1679">
                  <c:v>89.939981580092606</c:v>
                </c:pt>
                <c:pt idx="1680">
                  <c:v>89.928243250421332</c:v>
                </c:pt>
                <c:pt idx="1681">
                  <c:v>89.916504920750043</c:v>
                </c:pt>
                <c:pt idx="1682">
                  <c:v>89.9047705025515</c:v>
                </c:pt>
                <c:pt idx="1683">
                  <c:v>89.893075199080272</c:v>
                </c:pt>
                <c:pt idx="1684">
                  <c:v>89.881336869408983</c:v>
                </c:pt>
                <c:pt idx="1685">
                  <c:v>89.86960245121044</c:v>
                </c:pt>
                <c:pt idx="1686">
                  <c:v>89.858470399812745</c:v>
                </c:pt>
                <c:pt idx="1687">
                  <c:v>89.846732070141471</c:v>
                </c:pt>
                <c:pt idx="1688">
                  <c:v>89.834993740470196</c:v>
                </c:pt>
                <c:pt idx="1689">
                  <c:v>89.823302348471699</c:v>
                </c:pt>
                <c:pt idx="1690">
                  <c:v>89.812170297074005</c:v>
                </c:pt>
                <c:pt idx="1691">
                  <c:v>89.799825689129136</c:v>
                </c:pt>
                <c:pt idx="1692">
                  <c:v>89.788697549204173</c:v>
                </c:pt>
                <c:pt idx="1693">
                  <c:v>89.776959219532912</c:v>
                </c:pt>
                <c:pt idx="1694">
                  <c:v>89.76522088986161</c:v>
                </c:pt>
                <c:pt idx="1695">
                  <c:v>89.753482560190335</c:v>
                </c:pt>
                <c:pt idx="1696">
                  <c:v>89.741791168191838</c:v>
                </c:pt>
                <c:pt idx="1697">
                  <c:v>89.73005283852055</c:v>
                </c:pt>
                <c:pt idx="1698">
                  <c:v>89.718314508849275</c:v>
                </c:pt>
                <c:pt idx="1699">
                  <c:v>89.707186368924326</c:v>
                </c:pt>
                <c:pt idx="1700">
                  <c:v>89.695448039253023</c:v>
                </c:pt>
                <c:pt idx="1701">
                  <c:v>89.683709709581763</c:v>
                </c:pt>
                <c:pt idx="1702">
                  <c:v>89.672018317583252</c:v>
                </c:pt>
                <c:pt idx="1703">
                  <c:v>89.660279987911991</c:v>
                </c:pt>
                <c:pt idx="1704">
                  <c:v>89.648541658240688</c:v>
                </c:pt>
                <c:pt idx="1705">
                  <c:v>89.636803328569414</c:v>
                </c:pt>
                <c:pt idx="1706">
                  <c:v>89.625068910370857</c:v>
                </c:pt>
                <c:pt idx="1707">
                  <c:v>89.61393685897319</c:v>
                </c:pt>
                <c:pt idx="1708">
                  <c:v>89.601592251028293</c:v>
                </c:pt>
                <c:pt idx="1709">
                  <c:v>89.590507137303405</c:v>
                </c:pt>
                <c:pt idx="1710">
                  <c:v>89.578768807632116</c:v>
                </c:pt>
                <c:pt idx="1711">
                  <c:v>89.56763675623445</c:v>
                </c:pt>
                <c:pt idx="1712">
                  <c:v>89.555902338035892</c:v>
                </c:pt>
                <c:pt idx="1713">
                  <c:v>89.54355773009101</c:v>
                </c:pt>
                <c:pt idx="1714">
                  <c:v>89.532425678693329</c:v>
                </c:pt>
                <c:pt idx="1715">
                  <c:v>89.520730375222101</c:v>
                </c:pt>
                <c:pt idx="1716">
                  <c:v>89.508995957023558</c:v>
                </c:pt>
                <c:pt idx="1717">
                  <c:v>89.497257627352269</c:v>
                </c:pt>
                <c:pt idx="1718">
                  <c:v>89.485519297680995</c:v>
                </c:pt>
                <c:pt idx="1719">
                  <c:v>89.474391157756045</c:v>
                </c:pt>
                <c:pt idx="1720">
                  <c:v>89.462652828084742</c:v>
                </c:pt>
                <c:pt idx="1721">
                  <c:v>89.450957524613528</c:v>
                </c:pt>
                <c:pt idx="1722">
                  <c:v>89.439829384688565</c:v>
                </c:pt>
                <c:pt idx="1723">
                  <c:v>89.428091055017276</c:v>
                </c:pt>
                <c:pt idx="1724">
                  <c:v>89.416352725346002</c:v>
                </c:pt>
                <c:pt idx="1725">
                  <c:v>89.404614395674727</c:v>
                </c:pt>
                <c:pt idx="1726">
                  <c:v>89.393529281949839</c:v>
                </c:pt>
                <c:pt idx="1727">
                  <c:v>89.381790952278536</c:v>
                </c:pt>
                <c:pt idx="1728">
                  <c:v>89.370052622607275</c:v>
                </c:pt>
                <c:pt idx="1729">
                  <c:v>89.358318204408718</c:v>
                </c:pt>
                <c:pt idx="1730">
                  <c:v>89.346579874737415</c:v>
                </c:pt>
                <c:pt idx="1731">
                  <c:v>89.334841545066141</c:v>
                </c:pt>
                <c:pt idx="1732">
                  <c:v>89.323756431341252</c:v>
                </c:pt>
                <c:pt idx="1733">
                  <c:v>89.312018101669977</c:v>
                </c:pt>
                <c:pt idx="1734">
                  <c:v>89.300279771998689</c:v>
                </c:pt>
                <c:pt idx="1735">
                  <c:v>89.287935164053806</c:v>
                </c:pt>
                <c:pt idx="1736">
                  <c:v>89.276807024128857</c:v>
                </c:pt>
                <c:pt idx="1737">
                  <c:v>89.265068694457582</c:v>
                </c:pt>
                <c:pt idx="1738">
                  <c:v>89.253330364786294</c:v>
                </c:pt>
                <c:pt idx="1739">
                  <c:v>89.242245251061391</c:v>
                </c:pt>
                <c:pt idx="1740">
                  <c:v>89.230506921390116</c:v>
                </c:pt>
                <c:pt idx="1741">
                  <c:v>89.218768591718842</c:v>
                </c:pt>
                <c:pt idx="1742">
                  <c:v>89.207636540321147</c:v>
                </c:pt>
                <c:pt idx="1743">
                  <c:v>89.19590212212259</c:v>
                </c:pt>
                <c:pt idx="1744">
                  <c:v>89.184206818651376</c:v>
                </c:pt>
                <c:pt idx="1745">
                  <c:v>89.172468488980087</c:v>
                </c:pt>
                <c:pt idx="1746">
                  <c:v>89.160734070781558</c:v>
                </c:pt>
                <c:pt idx="1747">
                  <c:v>89.148995741110255</c:v>
                </c:pt>
                <c:pt idx="1748">
                  <c:v>89.137257411438981</c:v>
                </c:pt>
                <c:pt idx="1749">
                  <c:v>89.125519081767692</c:v>
                </c:pt>
                <c:pt idx="1750">
                  <c:v>89.113784663569163</c:v>
                </c:pt>
                <c:pt idx="1751">
                  <c:v>89.102695638371515</c:v>
                </c:pt>
                <c:pt idx="1752">
                  <c:v>89.090957308700226</c:v>
                </c:pt>
                <c:pt idx="1753">
                  <c:v>89.079222890501669</c:v>
                </c:pt>
                <c:pt idx="1754">
                  <c:v>89.067484560830408</c:v>
                </c:pt>
                <c:pt idx="1755">
                  <c:v>89.056352509432713</c:v>
                </c:pt>
                <c:pt idx="1756">
                  <c:v>89.044011812960576</c:v>
                </c:pt>
                <c:pt idx="1757">
                  <c:v>89.032922787762928</c:v>
                </c:pt>
                <c:pt idx="1758">
                  <c:v>89.021184458091668</c:v>
                </c:pt>
                <c:pt idx="1759">
                  <c:v>89.009446128420365</c:v>
                </c:pt>
                <c:pt idx="1760">
                  <c:v>88.997711710221836</c:v>
                </c:pt>
                <c:pt idx="1761">
                  <c:v>88.986579658824127</c:v>
                </c:pt>
                <c:pt idx="1762">
                  <c:v>88.974841329152866</c:v>
                </c:pt>
                <c:pt idx="1763">
                  <c:v>88.96314993715437</c:v>
                </c:pt>
                <c:pt idx="1764">
                  <c:v>88.951411607483095</c:v>
                </c:pt>
                <c:pt idx="1765">
                  <c:v>88.939066999538213</c:v>
                </c:pt>
                <c:pt idx="1766">
                  <c:v>88.927332581339655</c:v>
                </c:pt>
                <c:pt idx="1767">
                  <c:v>88.916200529941975</c:v>
                </c:pt>
                <c:pt idx="1768">
                  <c:v>88.90506847854428</c:v>
                </c:pt>
                <c:pt idx="1769">
                  <c:v>88.893330148872991</c:v>
                </c:pt>
                <c:pt idx="1770">
                  <c:v>88.881638756874509</c:v>
                </c:pt>
                <c:pt idx="1771">
                  <c:v>88.870506705476814</c:v>
                </c:pt>
                <c:pt idx="1772">
                  <c:v>88.858768375805539</c:v>
                </c:pt>
                <c:pt idx="1773">
                  <c:v>88.847640235880576</c:v>
                </c:pt>
                <c:pt idx="1774">
                  <c:v>88.835944932409348</c:v>
                </c:pt>
                <c:pt idx="1775">
                  <c:v>88.824206602738073</c:v>
                </c:pt>
                <c:pt idx="1776">
                  <c:v>88.813078462813124</c:v>
                </c:pt>
                <c:pt idx="1777">
                  <c:v>88.801340133141835</c:v>
                </c:pt>
                <c:pt idx="1778">
                  <c:v>88.789601803470575</c:v>
                </c:pt>
                <c:pt idx="1779">
                  <c:v>88.778512778272926</c:v>
                </c:pt>
                <c:pt idx="1780">
                  <c:v>88.766778360074383</c:v>
                </c:pt>
                <c:pt idx="1781">
                  <c:v>88.75504003040308</c:v>
                </c:pt>
                <c:pt idx="1782">
                  <c:v>88.74330170073182</c:v>
                </c:pt>
                <c:pt idx="1783">
                  <c:v>88.732173560806856</c:v>
                </c:pt>
                <c:pt idx="1784">
                  <c:v>88.720478257335643</c:v>
                </c:pt>
                <c:pt idx="1785">
                  <c:v>88.709346205937933</c:v>
                </c:pt>
                <c:pt idx="1786">
                  <c:v>88.69761178773939</c:v>
                </c:pt>
                <c:pt idx="1787">
                  <c:v>88.68712904081535</c:v>
                </c:pt>
                <c:pt idx="1788">
                  <c:v>88.674784432870482</c:v>
                </c:pt>
                <c:pt idx="1789">
                  <c:v>88.663656292945518</c:v>
                </c:pt>
                <c:pt idx="1790">
                  <c:v>88.651917963274244</c:v>
                </c:pt>
                <c:pt idx="1791">
                  <c:v>88.640785911876549</c:v>
                </c:pt>
                <c:pt idx="1792">
                  <c:v>88.629696886678914</c:v>
                </c:pt>
                <c:pt idx="1793">
                  <c:v>88.617962468480371</c:v>
                </c:pt>
                <c:pt idx="1794">
                  <c:v>88.606830417082691</c:v>
                </c:pt>
                <c:pt idx="1795">
                  <c:v>88.595741391885042</c:v>
                </c:pt>
                <c:pt idx="1796">
                  <c:v>88.584006973686513</c:v>
                </c:pt>
                <c:pt idx="1797">
                  <c:v>88.572874922288818</c:v>
                </c:pt>
                <c:pt idx="1798">
                  <c:v>88.561742870891123</c:v>
                </c:pt>
                <c:pt idx="1799">
                  <c:v>88.550051478892627</c:v>
                </c:pt>
                <c:pt idx="1800">
                  <c:v>88.538313149221352</c:v>
                </c:pt>
                <c:pt idx="1801">
                  <c:v>88.527787376097251</c:v>
                </c:pt>
                <c:pt idx="1802">
                  <c:v>88.516052957898722</c:v>
                </c:pt>
                <c:pt idx="1803">
                  <c:v>88.504963932701074</c:v>
                </c:pt>
                <c:pt idx="1804">
                  <c:v>88.493831881303393</c:v>
                </c:pt>
                <c:pt idx="1805">
                  <c:v>88.48274676757849</c:v>
                </c:pt>
                <c:pt idx="1806">
                  <c:v>88.471008437907216</c:v>
                </c:pt>
                <c:pt idx="1807">
                  <c:v>88.459876386509507</c:v>
                </c:pt>
                <c:pt idx="1808">
                  <c:v>88.44874433511184</c:v>
                </c:pt>
                <c:pt idx="1809">
                  <c:v>88.437659221386923</c:v>
                </c:pt>
                <c:pt idx="1810">
                  <c:v>88.426527169989242</c:v>
                </c:pt>
                <c:pt idx="1811">
                  <c:v>88.415438144791608</c:v>
                </c:pt>
                <c:pt idx="1812">
                  <c:v>88.403703726593079</c:v>
                </c:pt>
                <c:pt idx="1813">
                  <c:v>88.39257167519537</c:v>
                </c:pt>
                <c:pt idx="1814">
                  <c:v>88.382088928271344</c:v>
                </c:pt>
                <c:pt idx="1815">
                  <c:v>88.37096078834638</c:v>
                </c:pt>
                <c:pt idx="1816">
                  <c:v>88.359828736948685</c:v>
                </c:pt>
                <c:pt idx="1817">
                  <c:v>88.348739711751065</c:v>
                </c:pt>
                <c:pt idx="1818">
                  <c:v>88.337611571826102</c:v>
                </c:pt>
                <c:pt idx="1819">
                  <c:v>88.326522546628468</c:v>
                </c:pt>
                <c:pt idx="1820">
                  <c:v>88.315390495230773</c:v>
                </c:pt>
                <c:pt idx="1821">
                  <c:v>88.304262355305838</c:v>
                </c:pt>
                <c:pt idx="1822">
                  <c:v>88.293173330108203</c:v>
                </c:pt>
                <c:pt idx="1823">
                  <c:v>88.282041278710494</c:v>
                </c:pt>
                <c:pt idx="1824">
                  <c:v>88.270913138785545</c:v>
                </c:pt>
                <c:pt idx="1825">
                  <c:v>88.259824113587911</c:v>
                </c:pt>
                <c:pt idx="1826">
                  <c:v>88.24869206219023</c:v>
                </c:pt>
                <c:pt idx="1827">
                  <c:v>88.237606948465327</c:v>
                </c:pt>
                <c:pt idx="1828">
                  <c:v>88.226474897067632</c:v>
                </c:pt>
                <c:pt idx="1829">
                  <c:v>88.215342845669952</c:v>
                </c:pt>
                <c:pt idx="1830">
                  <c:v>88.204257731945063</c:v>
                </c:pt>
                <c:pt idx="1831">
                  <c:v>88.193125680547368</c:v>
                </c:pt>
                <c:pt idx="1832">
                  <c:v>88.182642933623328</c:v>
                </c:pt>
                <c:pt idx="1833">
                  <c:v>88.171514793698364</c:v>
                </c:pt>
                <c:pt idx="1834">
                  <c:v>88.160382742300669</c:v>
                </c:pt>
                <c:pt idx="1835">
                  <c:v>88.149293717103049</c:v>
                </c:pt>
                <c:pt idx="1836">
                  <c:v>88.138165577178086</c:v>
                </c:pt>
                <c:pt idx="1837">
                  <c:v>88.126427247506825</c:v>
                </c:pt>
                <c:pt idx="1838">
                  <c:v>88.115338222309177</c:v>
                </c:pt>
                <c:pt idx="1839">
                  <c:v>88.104210082384228</c:v>
                </c:pt>
                <c:pt idx="1840">
                  <c:v>88.093078030986533</c:v>
                </c:pt>
                <c:pt idx="1841">
                  <c:v>88.081989005788913</c:v>
                </c:pt>
                <c:pt idx="1842">
                  <c:v>88.071467144137529</c:v>
                </c:pt>
                <c:pt idx="1843">
                  <c:v>88.059771840666315</c:v>
                </c:pt>
                <c:pt idx="1844">
                  <c:v>88.049246067542214</c:v>
                </c:pt>
                <c:pt idx="1845">
                  <c:v>88.038160953817325</c:v>
                </c:pt>
                <c:pt idx="1846">
                  <c:v>88.027635180693224</c:v>
                </c:pt>
                <c:pt idx="1847">
                  <c:v>88.015896851021949</c:v>
                </c:pt>
                <c:pt idx="1848">
                  <c:v>88.004811737297047</c:v>
                </c:pt>
                <c:pt idx="1849">
                  <c:v>87.993679685899352</c:v>
                </c:pt>
                <c:pt idx="1850">
                  <c:v>87.983196938975311</c:v>
                </c:pt>
                <c:pt idx="1851">
                  <c:v>87.972068799050348</c:v>
                </c:pt>
                <c:pt idx="1852">
                  <c:v>87.960936747652681</c:v>
                </c:pt>
                <c:pt idx="1853">
                  <c:v>87.949847722455047</c:v>
                </c:pt>
                <c:pt idx="1854">
                  <c:v>87.938719582530084</c:v>
                </c:pt>
                <c:pt idx="1855">
                  <c:v>87.928236835606043</c:v>
                </c:pt>
                <c:pt idx="1856">
                  <c:v>87.917104784208348</c:v>
                </c:pt>
                <c:pt idx="1857">
                  <c:v>87.906625948757039</c:v>
                </c:pt>
                <c:pt idx="1858">
                  <c:v>87.896100175632952</c:v>
                </c:pt>
                <c:pt idx="1859">
                  <c:v>87.884404872161724</c:v>
                </c:pt>
                <c:pt idx="1860">
                  <c:v>87.873276732236775</c:v>
                </c:pt>
                <c:pt idx="1861">
                  <c:v>87.862144680839066</c:v>
                </c:pt>
                <c:pt idx="1862">
                  <c:v>87.85105565564146</c:v>
                </c:pt>
                <c:pt idx="1863">
                  <c:v>87.840533793990076</c:v>
                </c:pt>
                <c:pt idx="1864">
                  <c:v>87.828795464318802</c:v>
                </c:pt>
                <c:pt idx="1865">
                  <c:v>87.817706439121167</c:v>
                </c:pt>
                <c:pt idx="1866">
                  <c:v>87.807184577469812</c:v>
                </c:pt>
                <c:pt idx="1867">
                  <c:v>87.796095552272163</c:v>
                </c:pt>
                <c:pt idx="1868">
                  <c:v>87.784963500874497</c:v>
                </c:pt>
                <c:pt idx="1869">
                  <c:v>87.773878387149594</c:v>
                </c:pt>
                <c:pt idx="1870">
                  <c:v>87.763352614025493</c:v>
                </c:pt>
                <c:pt idx="1871">
                  <c:v>87.752263588827859</c:v>
                </c:pt>
                <c:pt idx="1872">
                  <c:v>87.741135448902909</c:v>
                </c:pt>
                <c:pt idx="1873">
                  <c:v>87.730652701978855</c:v>
                </c:pt>
                <c:pt idx="1874">
                  <c:v>87.719520650581188</c:v>
                </c:pt>
                <c:pt idx="1875">
                  <c:v>87.708392510656225</c:v>
                </c:pt>
                <c:pt idx="1876">
                  <c:v>87.69730348545859</c:v>
                </c:pt>
                <c:pt idx="1877">
                  <c:v>87.686777712334489</c:v>
                </c:pt>
                <c:pt idx="1878">
                  <c:v>87.675692598609587</c:v>
                </c:pt>
                <c:pt idx="1879">
                  <c:v>87.664560547211906</c:v>
                </c:pt>
                <c:pt idx="1880">
                  <c:v>87.65407780028788</c:v>
                </c:pt>
                <c:pt idx="1881">
                  <c:v>87.642949660362916</c:v>
                </c:pt>
                <c:pt idx="1882">
                  <c:v>87.631817608965207</c:v>
                </c:pt>
                <c:pt idx="1883">
                  <c:v>87.621334862041181</c:v>
                </c:pt>
                <c:pt idx="1884">
                  <c:v>87.610856026589872</c:v>
                </c:pt>
                <c:pt idx="1885">
                  <c:v>87.599723975192205</c:v>
                </c:pt>
                <c:pt idx="1886">
                  <c:v>87.589241228268136</c:v>
                </c:pt>
                <c:pt idx="1887">
                  <c:v>87.578113088343201</c:v>
                </c:pt>
                <c:pt idx="1888">
                  <c:v>87.566981036945506</c:v>
                </c:pt>
                <c:pt idx="1889">
                  <c:v>87.555892011747872</c:v>
                </c:pt>
                <c:pt idx="1890">
                  <c:v>87.545370150096502</c:v>
                </c:pt>
                <c:pt idx="1891">
                  <c:v>87.534887403172476</c:v>
                </c:pt>
                <c:pt idx="1892">
                  <c:v>87.523755351774781</c:v>
                </c:pt>
                <c:pt idx="1893">
                  <c:v>87.513276516323472</c:v>
                </c:pt>
                <c:pt idx="1894">
                  <c:v>87.502793769399432</c:v>
                </c:pt>
                <c:pt idx="1895">
                  <c:v>87.491661718001751</c:v>
                </c:pt>
                <c:pt idx="1896">
                  <c:v>87.480533578076788</c:v>
                </c:pt>
                <c:pt idx="1897">
                  <c:v>87.470050831152747</c:v>
                </c:pt>
                <c:pt idx="1898">
                  <c:v>87.459571995701452</c:v>
                </c:pt>
                <c:pt idx="1899">
                  <c:v>87.448439944303757</c:v>
                </c:pt>
                <c:pt idx="1900">
                  <c:v>87.437307892906077</c:v>
                </c:pt>
                <c:pt idx="1901">
                  <c:v>87.42622277918116</c:v>
                </c:pt>
                <c:pt idx="1902">
                  <c:v>87.415697006057087</c:v>
                </c:pt>
                <c:pt idx="1903">
                  <c:v>87.405214259133032</c:v>
                </c:pt>
                <c:pt idx="1904">
                  <c:v>87.393479840934489</c:v>
                </c:pt>
                <c:pt idx="1905">
                  <c:v>87.382997094010449</c:v>
                </c:pt>
                <c:pt idx="1906">
                  <c:v>87.372471320886348</c:v>
                </c:pt>
                <c:pt idx="1907">
                  <c:v>87.361386207161445</c:v>
                </c:pt>
                <c:pt idx="1908">
                  <c:v>87.350903460237419</c:v>
                </c:pt>
                <c:pt idx="1909">
                  <c:v>87.340377687113303</c:v>
                </c:pt>
                <c:pt idx="1910">
                  <c:v>87.329292573388415</c:v>
                </c:pt>
                <c:pt idx="1911">
                  <c:v>87.318160521990734</c:v>
                </c:pt>
                <c:pt idx="1912">
                  <c:v>87.307677775066693</c:v>
                </c:pt>
                <c:pt idx="1913">
                  <c:v>87.29654963514173</c:v>
                </c:pt>
                <c:pt idx="1914">
                  <c:v>87.285417583744035</c:v>
                </c:pt>
                <c:pt idx="1915">
                  <c:v>87.274934836819995</c:v>
                </c:pt>
                <c:pt idx="1916">
                  <c:v>87.2644560013687</c:v>
                </c:pt>
                <c:pt idx="1917">
                  <c:v>87.253323949971019</c:v>
                </c:pt>
                <c:pt idx="1918">
                  <c:v>87.242841203046979</c:v>
                </c:pt>
                <c:pt idx="1919">
                  <c:v>87.231713063122015</c:v>
                </c:pt>
                <c:pt idx="1920">
                  <c:v>87.221230316197975</c:v>
                </c:pt>
                <c:pt idx="1921">
                  <c:v>87.210704543073888</c:v>
                </c:pt>
                <c:pt idx="1922">
                  <c:v>87.199619429348985</c:v>
                </c:pt>
                <c:pt idx="1923">
                  <c:v>87.189093656224884</c:v>
                </c:pt>
                <c:pt idx="1924">
                  <c:v>87.178614820773575</c:v>
                </c:pt>
                <c:pt idx="1925">
                  <c:v>87.167482769375894</c:v>
                </c:pt>
                <c:pt idx="1926">
                  <c:v>87.15639374417826</c:v>
                </c:pt>
                <c:pt idx="1927">
                  <c:v>87.145265604253311</c:v>
                </c:pt>
                <c:pt idx="1928">
                  <c:v>87.13478285732927</c:v>
                </c:pt>
                <c:pt idx="1929">
                  <c:v>87.124257084205169</c:v>
                </c:pt>
                <c:pt idx="1930">
                  <c:v>87.112522666006612</c:v>
                </c:pt>
                <c:pt idx="1931">
                  <c:v>87.102039919082571</c:v>
                </c:pt>
                <c:pt idx="1932">
                  <c:v>87.091557172158531</c:v>
                </c:pt>
                <c:pt idx="1933">
                  <c:v>87.081035310507175</c:v>
                </c:pt>
                <c:pt idx="1934">
                  <c:v>87.069946285309555</c:v>
                </c:pt>
                <c:pt idx="1935">
                  <c:v>87.059420512185454</c:v>
                </c:pt>
                <c:pt idx="1936">
                  <c:v>87.048335398460566</c:v>
                </c:pt>
                <c:pt idx="1937">
                  <c:v>87.037203347062857</c:v>
                </c:pt>
                <c:pt idx="1938">
                  <c:v>87.026720600138816</c:v>
                </c:pt>
                <c:pt idx="1939">
                  <c:v>87.015592460213867</c:v>
                </c:pt>
                <c:pt idx="1940">
                  <c:v>87.004460408816186</c:v>
                </c:pt>
                <c:pt idx="1941">
                  <c:v>86.993977661892146</c:v>
                </c:pt>
                <c:pt idx="1942">
                  <c:v>86.983498826440851</c:v>
                </c:pt>
                <c:pt idx="1943">
                  <c:v>86.972973053316736</c:v>
                </c:pt>
                <c:pt idx="1944">
                  <c:v>86.961884028119115</c:v>
                </c:pt>
                <c:pt idx="1945">
                  <c:v>86.951362166467746</c:v>
                </c:pt>
                <c:pt idx="1946">
                  <c:v>86.940879419543705</c:v>
                </c:pt>
                <c:pt idx="1947">
                  <c:v>86.930353646419604</c:v>
                </c:pt>
                <c:pt idx="1948">
                  <c:v>86.919268532694716</c:v>
                </c:pt>
                <c:pt idx="1949">
                  <c:v>86.908742759570615</c:v>
                </c:pt>
                <c:pt idx="1950">
                  <c:v>86.898263924119306</c:v>
                </c:pt>
                <c:pt idx="1951">
                  <c:v>86.887131872721611</c:v>
                </c:pt>
                <c:pt idx="1952">
                  <c:v>86.876042847523991</c:v>
                </c:pt>
                <c:pt idx="1953">
                  <c:v>86.866170290346275</c:v>
                </c:pt>
                <c:pt idx="1954">
                  <c:v>86.855038238948566</c:v>
                </c:pt>
                <c:pt idx="1955">
                  <c:v>86.844555492024554</c:v>
                </c:pt>
                <c:pt idx="1956">
                  <c:v>86.833427352099591</c:v>
                </c:pt>
                <c:pt idx="1957">
                  <c:v>86.82294460517555</c:v>
                </c:pt>
                <c:pt idx="1958">
                  <c:v>86.812418832051449</c:v>
                </c:pt>
                <c:pt idx="1959">
                  <c:v>86.801939996600154</c:v>
                </c:pt>
                <c:pt idx="1960">
                  <c:v>86.791457249676114</c:v>
                </c:pt>
                <c:pt idx="1961">
                  <c:v>86.780931476552013</c:v>
                </c:pt>
                <c:pt idx="1962">
                  <c:v>86.770452641100704</c:v>
                </c:pt>
                <c:pt idx="1963">
                  <c:v>86.759320589703009</c:v>
                </c:pt>
                <c:pt idx="1964">
                  <c:v>86.748841754251714</c:v>
                </c:pt>
                <c:pt idx="1965">
                  <c:v>86.737709702854005</c:v>
                </c:pt>
                <c:pt idx="1966">
                  <c:v>86.727833234203572</c:v>
                </c:pt>
                <c:pt idx="1967">
                  <c:v>86.717354398752263</c:v>
                </c:pt>
                <c:pt idx="1968">
                  <c:v>86.706222347354597</c:v>
                </c:pt>
                <c:pt idx="1969">
                  <c:v>86.695739600430528</c:v>
                </c:pt>
                <c:pt idx="1970">
                  <c:v>86.684611460505579</c:v>
                </c:pt>
                <c:pt idx="1971">
                  <c:v>86.674128713581553</c:v>
                </c:pt>
                <c:pt idx="1972">
                  <c:v>86.662996662183858</c:v>
                </c:pt>
                <c:pt idx="1973">
                  <c:v>86.651911548458955</c:v>
                </c:pt>
                <c:pt idx="1974">
                  <c:v>86.641385775334868</c:v>
                </c:pt>
                <c:pt idx="1975">
                  <c:v>86.630903028410813</c:v>
                </c:pt>
                <c:pt idx="1976">
                  <c:v>86.620381166759458</c:v>
                </c:pt>
                <c:pt idx="1977">
                  <c:v>86.609898419835417</c:v>
                </c:pt>
                <c:pt idx="1978">
                  <c:v>86.598766368437737</c:v>
                </c:pt>
                <c:pt idx="1979">
                  <c:v>86.587681254712848</c:v>
                </c:pt>
                <c:pt idx="1980">
                  <c:v>86.577155481588733</c:v>
                </c:pt>
                <c:pt idx="1981">
                  <c:v>86.566672734664706</c:v>
                </c:pt>
                <c:pt idx="1982">
                  <c:v>86.556193899213397</c:v>
                </c:pt>
                <c:pt idx="1983">
                  <c:v>86.545061847815703</c:v>
                </c:pt>
                <c:pt idx="1984">
                  <c:v>86.534583012364394</c:v>
                </c:pt>
                <c:pt idx="1985">
                  <c:v>86.524057239240307</c:v>
                </c:pt>
                <c:pt idx="1986">
                  <c:v>86.512968214042658</c:v>
                </c:pt>
                <c:pt idx="1987">
                  <c:v>86.502446352391303</c:v>
                </c:pt>
                <c:pt idx="1988">
                  <c:v>86.491963605467262</c:v>
                </c:pt>
                <c:pt idx="1989">
                  <c:v>86.481480858543236</c:v>
                </c:pt>
                <c:pt idx="1990">
                  <c:v>86.470352718618273</c:v>
                </c:pt>
                <c:pt idx="1991">
                  <c:v>86.459869971694232</c:v>
                </c:pt>
                <c:pt idx="1992">
                  <c:v>86.448737920296551</c:v>
                </c:pt>
                <c:pt idx="1993">
                  <c:v>86.438259084845257</c:v>
                </c:pt>
                <c:pt idx="1994">
                  <c:v>86.427127033447547</c:v>
                </c:pt>
                <c:pt idx="1995">
                  <c:v>86.416644286523521</c:v>
                </c:pt>
                <c:pt idx="1996">
                  <c:v>86.406122424872152</c:v>
                </c:pt>
                <c:pt idx="1997">
                  <c:v>86.395033399674517</c:v>
                </c:pt>
                <c:pt idx="1998">
                  <c:v>86.384507626550416</c:v>
                </c:pt>
                <c:pt idx="1999">
                  <c:v>86.374028791099107</c:v>
                </c:pt>
                <c:pt idx="2000">
                  <c:v>86.363546044175081</c:v>
                </c:pt>
                <c:pt idx="2001">
                  <c:v>86.352413992777386</c:v>
                </c:pt>
                <c:pt idx="2002">
                  <c:v>86.341935157326077</c:v>
                </c:pt>
                <c:pt idx="2003">
                  <c:v>86.33140938420199</c:v>
                </c:pt>
                <c:pt idx="2004">
                  <c:v>86.320324270477101</c:v>
                </c:pt>
                <c:pt idx="2005">
                  <c:v>86.309798497352986</c:v>
                </c:pt>
                <c:pt idx="2006">
                  <c:v>86.29931575042896</c:v>
                </c:pt>
                <c:pt idx="2007">
                  <c:v>86.28879388877759</c:v>
                </c:pt>
                <c:pt idx="2008">
                  <c:v>86.277704863579956</c:v>
                </c:pt>
                <c:pt idx="2009">
                  <c:v>86.266572812182261</c:v>
                </c:pt>
                <c:pt idx="2010">
                  <c:v>86.256093976730952</c:v>
                </c:pt>
                <c:pt idx="2011">
                  <c:v>86.244961925333286</c:v>
                </c:pt>
                <c:pt idx="2012">
                  <c:v>86.233872900135651</c:v>
                </c:pt>
                <c:pt idx="2013">
                  <c:v>86.223351038484282</c:v>
                </c:pt>
                <c:pt idx="2014">
                  <c:v>86.212868291560241</c:v>
                </c:pt>
                <c:pt idx="2015">
                  <c:v>86.20234251843614</c:v>
                </c:pt>
                <c:pt idx="2016">
                  <c:v>86.191257404711237</c:v>
                </c:pt>
                <c:pt idx="2017">
                  <c:v>86.18073163158715</c:v>
                </c:pt>
                <c:pt idx="2018">
                  <c:v>86.169642606389502</c:v>
                </c:pt>
                <c:pt idx="2019">
                  <c:v>86.159120744738146</c:v>
                </c:pt>
                <c:pt idx="2020">
                  <c:v>86.148637997814106</c:v>
                </c:pt>
                <c:pt idx="2021">
                  <c:v>86.137505946416425</c:v>
                </c:pt>
                <c:pt idx="2022">
                  <c:v>86.12763338923871</c:v>
                </c:pt>
                <c:pt idx="2023">
                  <c:v>86.11654436404109</c:v>
                </c:pt>
                <c:pt idx="2024">
                  <c:v>86.106022502389706</c:v>
                </c:pt>
                <c:pt idx="2025">
                  <c:v>86.0949334771921</c:v>
                </c:pt>
                <c:pt idx="2026">
                  <c:v>86.084407704067985</c:v>
                </c:pt>
                <c:pt idx="2027">
                  <c:v>86.073928868616662</c:v>
                </c:pt>
                <c:pt idx="2028">
                  <c:v>86.062796817218995</c:v>
                </c:pt>
                <c:pt idx="2029">
                  <c:v>86.052314070294955</c:v>
                </c:pt>
                <c:pt idx="2030">
                  <c:v>86.04183523484366</c:v>
                </c:pt>
                <c:pt idx="2031">
                  <c:v>86.031309461719545</c:v>
                </c:pt>
                <c:pt idx="2032">
                  <c:v>86.02022043652191</c:v>
                </c:pt>
                <c:pt idx="2033">
                  <c:v>86.009092296596961</c:v>
                </c:pt>
                <c:pt idx="2034">
                  <c:v>85.999215827946514</c:v>
                </c:pt>
                <c:pt idx="2035">
                  <c:v>85.988083776548834</c:v>
                </c:pt>
                <c:pt idx="2036">
                  <c:v>85.977604941097539</c:v>
                </c:pt>
                <c:pt idx="2037">
                  <c:v>85.96712219417347</c:v>
                </c:pt>
                <c:pt idx="2038">
                  <c:v>85.956596421049397</c:v>
                </c:pt>
                <c:pt idx="2039">
                  <c:v>85.946117585598074</c:v>
                </c:pt>
                <c:pt idx="2040">
                  <c:v>85.934985534200393</c:v>
                </c:pt>
                <c:pt idx="2041">
                  <c:v>85.924506698749099</c:v>
                </c:pt>
                <c:pt idx="2042">
                  <c:v>85.91337464735139</c:v>
                </c:pt>
                <c:pt idx="2043">
                  <c:v>85.902891900427363</c:v>
                </c:pt>
                <c:pt idx="2044">
                  <c:v>85.8917637605024</c:v>
                </c:pt>
                <c:pt idx="2045">
                  <c:v>85.881281013578359</c:v>
                </c:pt>
                <c:pt idx="2046">
                  <c:v>85.870755240454258</c:v>
                </c:pt>
                <c:pt idx="2047">
                  <c:v>85.85967012672937</c:v>
                </c:pt>
                <c:pt idx="2048">
                  <c:v>85.849793658078909</c:v>
                </c:pt>
                <c:pt idx="2049">
                  <c:v>85.838661606681242</c:v>
                </c:pt>
                <c:pt idx="2050">
                  <c:v>85.828789049503513</c:v>
                </c:pt>
                <c:pt idx="2051">
                  <c:v>85.817656998105832</c:v>
                </c:pt>
                <c:pt idx="2052">
                  <c:v>85.807174251181792</c:v>
                </c:pt>
                <c:pt idx="2053">
                  <c:v>85.796695415730483</c:v>
                </c:pt>
                <c:pt idx="2054">
                  <c:v>85.785563364332802</c:v>
                </c:pt>
                <c:pt idx="2055">
                  <c:v>85.775690807155073</c:v>
                </c:pt>
                <c:pt idx="2056">
                  <c:v>85.76520806023106</c:v>
                </c:pt>
                <c:pt idx="2057">
                  <c:v>85.754076008833351</c:v>
                </c:pt>
                <c:pt idx="2058">
                  <c:v>85.743597173382057</c:v>
                </c:pt>
                <c:pt idx="2059">
                  <c:v>85.733071400257955</c:v>
                </c:pt>
                <c:pt idx="2060">
                  <c:v>85.722588653333915</c:v>
                </c:pt>
                <c:pt idx="2061">
                  <c:v>85.711460513408952</c:v>
                </c:pt>
                <c:pt idx="2062">
                  <c:v>85.700977766484925</c:v>
                </c:pt>
                <c:pt idx="2063">
                  <c:v>85.69045199336081</c:v>
                </c:pt>
                <c:pt idx="2064">
                  <c:v>85.679973157909529</c:v>
                </c:pt>
                <c:pt idx="2065">
                  <c:v>85.66884110651182</c:v>
                </c:pt>
                <c:pt idx="2066">
                  <c:v>85.6577520813142</c:v>
                </c:pt>
                <c:pt idx="2067">
                  <c:v>85.647230219662845</c:v>
                </c:pt>
                <c:pt idx="2068">
                  <c:v>85.637353751012398</c:v>
                </c:pt>
                <c:pt idx="2069">
                  <c:v>85.626268637287481</c:v>
                </c:pt>
                <c:pt idx="2070">
                  <c:v>85.61574286416338</c:v>
                </c:pt>
                <c:pt idx="2071">
                  <c:v>85.605866395512962</c:v>
                </c:pt>
                <c:pt idx="2072">
                  <c:v>85.594781281788045</c:v>
                </c:pt>
                <c:pt idx="2073">
                  <c:v>85.584255508663958</c:v>
                </c:pt>
                <c:pt idx="2074">
                  <c:v>85.573772761739917</c:v>
                </c:pt>
                <c:pt idx="2075">
                  <c:v>85.563250900088562</c:v>
                </c:pt>
                <c:pt idx="2076">
                  <c:v>85.552768153164507</c:v>
                </c:pt>
                <c:pt idx="2077">
                  <c:v>85.542285406240481</c:v>
                </c:pt>
                <c:pt idx="2078">
                  <c:v>85.531763544589111</c:v>
                </c:pt>
                <c:pt idx="2079">
                  <c:v>85.521280797665085</c:v>
                </c:pt>
                <c:pt idx="2080">
                  <c:v>85.510801962213762</c:v>
                </c:pt>
                <c:pt idx="2081">
                  <c:v>85.500276189089647</c:v>
                </c:pt>
                <c:pt idx="2082">
                  <c:v>85.489187163892041</c:v>
                </c:pt>
                <c:pt idx="2083">
                  <c:v>85.478665302240671</c:v>
                </c:pt>
                <c:pt idx="2084">
                  <c:v>85.468182555316631</c:v>
                </c:pt>
                <c:pt idx="2085">
                  <c:v>85.458306086666184</c:v>
                </c:pt>
                <c:pt idx="2086">
                  <c:v>85.447784225014829</c:v>
                </c:pt>
                <c:pt idx="2087">
                  <c:v>85.436695199817194</c:v>
                </c:pt>
                <c:pt idx="2088">
                  <c:v>85.426169426693093</c:v>
                </c:pt>
                <c:pt idx="2089">
                  <c:v>85.415690591241784</c:v>
                </c:pt>
                <c:pt idx="2090">
                  <c:v>85.404558539844103</c:v>
                </c:pt>
                <c:pt idx="2091">
                  <c:v>85.394075792920049</c:v>
                </c:pt>
                <c:pt idx="2092">
                  <c:v>85.383596957468754</c:v>
                </c:pt>
                <c:pt idx="2093">
                  <c:v>85.373720488818307</c:v>
                </c:pt>
                <c:pt idx="2094">
                  <c:v>85.363198627166938</c:v>
                </c:pt>
                <c:pt idx="2095">
                  <c:v>85.352715880242911</c:v>
                </c:pt>
                <c:pt idx="2096">
                  <c:v>85.342839411592465</c:v>
                </c:pt>
                <c:pt idx="2097">
                  <c:v>85.331711271667515</c:v>
                </c:pt>
                <c:pt idx="2098">
                  <c:v>85.321834803017055</c:v>
                </c:pt>
                <c:pt idx="2099">
                  <c:v>85.311352056093028</c:v>
                </c:pt>
                <c:pt idx="2100">
                  <c:v>85.300830194441659</c:v>
                </c:pt>
                <c:pt idx="2101">
                  <c:v>85.289741169244024</c:v>
                </c:pt>
                <c:pt idx="2102">
                  <c:v>85.279215396119923</c:v>
                </c:pt>
                <c:pt idx="2103">
                  <c:v>85.268736560668628</c:v>
                </c:pt>
                <c:pt idx="2104">
                  <c:v>85.258253813744588</c:v>
                </c:pt>
                <c:pt idx="2105">
                  <c:v>85.248338230366812</c:v>
                </c:pt>
                <c:pt idx="2106">
                  <c:v>85.237249205169178</c:v>
                </c:pt>
                <c:pt idx="2107">
                  <c:v>85.226723432045077</c:v>
                </c:pt>
                <c:pt idx="2108">
                  <c:v>85.216244596593782</c:v>
                </c:pt>
                <c:pt idx="2109">
                  <c:v>85.205761849669742</c:v>
                </c:pt>
                <c:pt idx="2110">
                  <c:v>85.19523607654564</c:v>
                </c:pt>
                <c:pt idx="2111">
                  <c:v>85.184757241094331</c:v>
                </c:pt>
                <c:pt idx="2112">
                  <c:v>85.174274494170305</c:v>
                </c:pt>
                <c:pt idx="2113">
                  <c:v>85.16374872104619</c:v>
                </c:pt>
                <c:pt idx="2114">
                  <c:v>85.153269885594909</c:v>
                </c:pt>
                <c:pt idx="2115">
                  <c:v>85.142744112470794</c:v>
                </c:pt>
                <c:pt idx="2116">
                  <c:v>85.132265277019499</c:v>
                </c:pt>
                <c:pt idx="2117">
                  <c:v>85.122388808369053</c:v>
                </c:pt>
                <c:pt idx="2118">
                  <c:v>85.111906061445012</c:v>
                </c:pt>
                <c:pt idx="2119">
                  <c:v>85.101384199793657</c:v>
                </c:pt>
                <c:pt idx="2120">
                  <c:v>85.090901452869602</c:v>
                </c:pt>
                <c:pt idx="2121">
                  <c:v>85.079769401471935</c:v>
                </c:pt>
                <c:pt idx="2122">
                  <c:v>85.069896844294206</c:v>
                </c:pt>
                <c:pt idx="2123">
                  <c:v>85.059414097370166</c:v>
                </c:pt>
                <c:pt idx="2124">
                  <c:v>85.048888324246064</c:v>
                </c:pt>
                <c:pt idx="2125">
                  <c:v>85.039015767068364</c:v>
                </c:pt>
                <c:pt idx="2126">
                  <c:v>85.028533020144323</c:v>
                </c:pt>
                <c:pt idx="2127">
                  <c:v>85.018660462966608</c:v>
                </c:pt>
                <c:pt idx="2128">
                  <c:v>85.007528411568913</c:v>
                </c:pt>
                <c:pt idx="2129">
                  <c:v>84.997651942918466</c:v>
                </c:pt>
                <c:pt idx="2130">
                  <c:v>84.987779385740751</c:v>
                </c:pt>
                <c:pt idx="2131">
                  <c:v>84.977296638816711</c:v>
                </c:pt>
                <c:pt idx="2132">
                  <c:v>84.967381055438949</c:v>
                </c:pt>
                <c:pt idx="2133">
                  <c:v>84.956898308514909</c:v>
                </c:pt>
                <c:pt idx="2134">
                  <c:v>84.946415561590868</c:v>
                </c:pt>
                <c:pt idx="2135">
                  <c:v>84.936543004413153</c:v>
                </c:pt>
                <c:pt idx="2136">
                  <c:v>84.92666653576272</c:v>
                </c:pt>
                <c:pt idx="2137">
                  <c:v>84.916140762638619</c:v>
                </c:pt>
                <c:pt idx="2138">
                  <c:v>84.905661927187296</c:v>
                </c:pt>
                <c:pt idx="2139">
                  <c:v>84.895785458536849</c:v>
                </c:pt>
                <c:pt idx="2140">
                  <c:v>84.885263596885494</c:v>
                </c:pt>
                <c:pt idx="2141">
                  <c:v>84.875387128235047</c:v>
                </c:pt>
                <c:pt idx="2142">
                  <c:v>84.864904381311007</c:v>
                </c:pt>
                <c:pt idx="2143">
                  <c:v>84.855031824133306</c:v>
                </c:pt>
                <c:pt idx="2144">
                  <c:v>84.844506051009205</c:v>
                </c:pt>
                <c:pt idx="2145">
                  <c:v>84.834633493831475</c:v>
                </c:pt>
                <c:pt idx="2146">
                  <c:v>84.824150746907449</c:v>
                </c:pt>
                <c:pt idx="2147">
                  <c:v>84.813624973783348</c:v>
                </c:pt>
                <c:pt idx="2148">
                  <c:v>84.804401721079287</c:v>
                </c:pt>
                <c:pt idx="2149">
                  <c:v>84.793875947955186</c:v>
                </c:pt>
                <c:pt idx="2150">
                  <c:v>84.783393201031146</c:v>
                </c:pt>
                <c:pt idx="2151">
                  <c:v>84.773520643853445</c:v>
                </c:pt>
                <c:pt idx="2152">
                  <c:v>84.763644175202998</c:v>
                </c:pt>
                <c:pt idx="2153">
                  <c:v>84.753122313551643</c:v>
                </c:pt>
                <c:pt idx="2154">
                  <c:v>84.743852123174776</c:v>
                </c:pt>
                <c:pt idx="2155">
                  <c:v>84.733369376250749</c:v>
                </c:pt>
                <c:pt idx="2156">
                  <c:v>84.72289054079944</c:v>
                </c:pt>
                <c:pt idx="2157">
                  <c:v>84.713014072148994</c:v>
                </c:pt>
                <c:pt idx="2158">
                  <c:v>84.702492210497624</c:v>
                </c:pt>
                <c:pt idx="2159">
                  <c:v>84.692615741847192</c:v>
                </c:pt>
                <c:pt idx="2160">
                  <c:v>84.682739273196731</c:v>
                </c:pt>
                <c:pt idx="2161">
                  <c:v>84.672866716019016</c:v>
                </c:pt>
                <c:pt idx="2162">
                  <c:v>84.662990247368569</c:v>
                </c:pt>
                <c:pt idx="2163">
                  <c:v>84.652464474244468</c:v>
                </c:pt>
                <c:pt idx="2164">
                  <c:v>84.642591917066767</c:v>
                </c:pt>
                <c:pt idx="2165">
                  <c:v>84.63271544841632</c:v>
                </c:pt>
                <c:pt idx="2166">
                  <c:v>84.622236612965025</c:v>
                </c:pt>
                <c:pt idx="2167">
                  <c:v>84.61236014431455</c:v>
                </c:pt>
                <c:pt idx="2168">
                  <c:v>84.602483675664132</c:v>
                </c:pt>
                <c:pt idx="2169">
                  <c:v>84.592568092286342</c:v>
                </c:pt>
                <c:pt idx="2170">
                  <c:v>84.582085345362316</c:v>
                </c:pt>
                <c:pt idx="2171">
                  <c:v>84.572212788184601</c:v>
                </c:pt>
                <c:pt idx="2172">
                  <c:v>84.562336319534154</c:v>
                </c:pt>
                <c:pt idx="2173">
                  <c:v>84.552459850883707</c:v>
                </c:pt>
                <c:pt idx="2174">
                  <c:v>84.542587293705992</c:v>
                </c:pt>
                <c:pt idx="2175">
                  <c:v>84.532061520581891</c:v>
                </c:pt>
                <c:pt idx="2176">
                  <c:v>84.522795241677784</c:v>
                </c:pt>
                <c:pt idx="2177">
                  <c:v>84.512312494753743</c:v>
                </c:pt>
                <c:pt idx="2178">
                  <c:v>84.502436026103297</c:v>
                </c:pt>
                <c:pt idx="2179">
                  <c:v>84.492563468925582</c:v>
                </c:pt>
                <c:pt idx="2180">
                  <c:v>84.482037695801495</c:v>
                </c:pt>
                <c:pt idx="2181">
                  <c:v>84.472165138623765</c:v>
                </c:pt>
                <c:pt idx="2182">
                  <c:v>84.462288669973333</c:v>
                </c:pt>
                <c:pt idx="2183">
                  <c:v>84.451805923049278</c:v>
                </c:pt>
                <c:pt idx="2184">
                  <c:v>84.441933365871563</c:v>
                </c:pt>
                <c:pt idx="2185">
                  <c:v>84.432056897221116</c:v>
                </c:pt>
                <c:pt idx="2186">
                  <c:v>84.422184340043415</c:v>
                </c:pt>
                <c:pt idx="2187">
                  <c:v>84.412914149666562</c:v>
                </c:pt>
                <c:pt idx="2188">
                  <c:v>84.403037681016116</c:v>
                </c:pt>
                <c:pt idx="2189">
                  <c:v>84.39312209763834</c:v>
                </c:pt>
                <c:pt idx="2190">
                  <c:v>84.383245628987893</c:v>
                </c:pt>
                <c:pt idx="2191">
                  <c:v>84.374022376283833</c:v>
                </c:pt>
                <c:pt idx="2192">
                  <c:v>84.363496603159746</c:v>
                </c:pt>
                <c:pt idx="2193">
                  <c:v>84.353620134509299</c:v>
                </c:pt>
                <c:pt idx="2194">
                  <c:v>84.344353855605178</c:v>
                </c:pt>
                <c:pt idx="2195">
                  <c:v>84.334477386954717</c:v>
                </c:pt>
                <c:pt idx="2196">
                  <c:v>84.324604829777002</c:v>
                </c:pt>
                <c:pt idx="2197">
                  <c:v>84.314728361126555</c:v>
                </c:pt>
                <c:pt idx="2198">
                  <c:v>84.305458170749716</c:v>
                </c:pt>
                <c:pt idx="2199">
                  <c:v>84.295585613571987</c:v>
                </c:pt>
                <c:pt idx="2200">
                  <c:v>84.285709144921569</c:v>
                </c:pt>
                <c:pt idx="2201">
                  <c:v>84.275836587743839</c:v>
                </c:pt>
                <c:pt idx="2202">
                  <c:v>84.266566397366987</c:v>
                </c:pt>
                <c:pt idx="2203">
                  <c:v>84.257300118462865</c:v>
                </c:pt>
                <c:pt idx="2204">
                  <c:v>84.248029928086012</c:v>
                </c:pt>
                <c:pt idx="2205">
                  <c:v>84.238759737709174</c:v>
                </c:pt>
                <c:pt idx="2206">
                  <c:v>84.228887180531444</c:v>
                </c:pt>
                <c:pt idx="2207">
                  <c:v>84.219010711880998</c:v>
                </c:pt>
                <c:pt idx="2208">
                  <c:v>84.209744432976876</c:v>
                </c:pt>
                <c:pt idx="2209">
                  <c:v>84.19986796432643</c:v>
                </c:pt>
                <c:pt idx="2210">
                  <c:v>84.190597773949577</c:v>
                </c:pt>
                <c:pt idx="2211">
                  <c:v>84.181331495045455</c:v>
                </c:pt>
                <c:pt idx="2212">
                  <c:v>84.171455026395009</c:v>
                </c:pt>
                <c:pt idx="2213">
                  <c:v>84.162188747490887</c:v>
                </c:pt>
                <c:pt idx="2214">
                  <c:v>84.152312278840441</c:v>
                </c:pt>
                <c:pt idx="2215">
                  <c:v>84.143045999936334</c:v>
                </c:pt>
                <c:pt idx="2216">
                  <c:v>84.133818835759527</c:v>
                </c:pt>
                <c:pt idx="2217">
                  <c:v>84.12389934090902</c:v>
                </c:pt>
                <c:pt idx="2218">
                  <c:v>84.114676088204973</c:v>
                </c:pt>
                <c:pt idx="2219">
                  <c:v>84.104756593354438</c:v>
                </c:pt>
                <c:pt idx="2220">
                  <c:v>84.095533340650405</c:v>
                </c:pt>
                <c:pt idx="2221">
                  <c:v>84.086263150273524</c:v>
                </c:pt>
                <c:pt idx="2222">
                  <c:v>84.076390593095837</c:v>
                </c:pt>
                <c:pt idx="2223">
                  <c:v>84.06712040271897</c:v>
                </c:pt>
                <c:pt idx="2224">
                  <c:v>84.057243934068538</c:v>
                </c:pt>
                <c:pt idx="2225">
                  <c:v>84.047977655164402</c:v>
                </c:pt>
                <c:pt idx="2226">
                  <c:v>84.038707464787535</c:v>
                </c:pt>
                <c:pt idx="2227">
                  <c:v>84.028834907609848</c:v>
                </c:pt>
                <c:pt idx="2228">
                  <c:v>84.020170995506575</c:v>
                </c:pt>
                <c:pt idx="2229">
                  <c:v>84.010904716602454</c:v>
                </c:pt>
                <c:pt idx="2230">
                  <c:v>84.001028247952007</c:v>
                </c:pt>
                <c:pt idx="2231">
                  <c:v>83.991758057575154</c:v>
                </c:pt>
                <c:pt idx="2232">
                  <c:v>83.982534804871094</c:v>
                </c:pt>
                <c:pt idx="2233">
                  <c:v>83.973264614494227</c:v>
                </c:pt>
                <c:pt idx="2234">
                  <c:v>83.963998335590134</c:v>
                </c:pt>
                <c:pt idx="2235">
                  <c:v>83.954728145213267</c:v>
                </c:pt>
                <c:pt idx="2236">
                  <c:v>83.945461866309145</c:v>
                </c:pt>
                <c:pt idx="2237">
                  <c:v>83.935585397658699</c:v>
                </c:pt>
                <c:pt idx="2238">
                  <c:v>83.926315207281846</c:v>
                </c:pt>
                <c:pt idx="2239">
                  <c:v>83.917048928377724</c:v>
                </c:pt>
                <c:pt idx="2240">
                  <c:v>83.907778738000871</c:v>
                </c:pt>
                <c:pt idx="2241">
                  <c:v>83.898555485296811</c:v>
                </c:pt>
                <c:pt idx="2242">
                  <c:v>83.889285294919958</c:v>
                </c:pt>
                <c:pt idx="2243">
                  <c:v>83.880019016015837</c:v>
                </c:pt>
                <c:pt idx="2244">
                  <c:v>83.871355103912592</c:v>
                </c:pt>
                <c:pt idx="2245">
                  <c:v>83.861482546734862</c:v>
                </c:pt>
                <c:pt idx="2246">
                  <c:v>83.85221235635801</c:v>
                </c:pt>
                <c:pt idx="2247">
                  <c:v>83.842942165981171</c:v>
                </c:pt>
                <c:pt idx="2248">
                  <c:v>83.833718913277096</c:v>
                </c:pt>
                <c:pt idx="2249">
                  <c:v>83.824448722900257</c:v>
                </c:pt>
                <c:pt idx="2250">
                  <c:v>83.815182443996122</c:v>
                </c:pt>
                <c:pt idx="2251">
                  <c:v>83.805912253619255</c:v>
                </c:pt>
                <c:pt idx="2252">
                  <c:v>83.797252252988741</c:v>
                </c:pt>
                <c:pt idx="2253">
                  <c:v>83.78737578433828</c:v>
                </c:pt>
                <c:pt idx="2254">
                  <c:v>83.778758809907814</c:v>
                </c:pt>
                <c:pt idx="2255">
                  <c:v>83.769488619530961</c:v>
                </c:pt>
                <c:pt idx="2256">
                  <c:v>83.759612150880528</c:v>
                </c:pt>
                <c:pt idx="2257">
                  <c:v>83.750345871976393</c:v>
                </c:pt>
                <c:pt idx="2258">
                  <c:v>83.741681959873134</c:v>
                </c:pt>
                <c:pt idx="2259">
                  <c:v>83.732415680969012</c:v>
                </c:pt>
                <c:pt idx="2260">
                  <c:v>83.72318851679222</c:v>
                </c:pt>
                <c:pt idx="2261">
                  <c:v>83.713922237888099</c:v>
                </c:pt>
                <c:pt idx="2262">
                  <c:v>83.704652047511246</c:v>
                </c:pt>
                <c:pt idx="2263">
                  <c:v>83.695385768607125</c:v>
                </c:pt>
                <c:pt idx="2264">
                  <c:v>83.68672185650388</c:v>
                </c:pt>
                <c:pt idx="2265">
                  <c:v>83.676845387853419</c:v>
                </c:pt>
                <c:pt idx="2266">
                  <c:v>83.667579108949298</c:v>
                </c:pt>
                <c:pt idx="2267">
                  <c:v>83.658958223046085</c:v>
                </c:pt>
                <c:pt idx="2268">
                  <c:v>83.649085665868384</c:v>
                </c:pt>
                <c:pt idx="2269">
                  <c:v>83.639815475491545</c:v>
                </c:pt>
                <c:pt idx="2270">
                  <c:v>83.631155474861004</c:v>
                </c:pt>
                <c:pt idx="2271">
                  <c:v>83.621885284484151</c:v>
                </c:pt>
                <c:pt idx="2272">
                  <c:v>83.613268310053684</c:v>
                </c:pt>
                <c:pt idx="2273">
                  <c:v>83.603998119676817</c:v>
                </c:pt>
                <c:pt idx="2274">
                  <c:v>83.595334207573572</c:v>
                </c:pt>
                <c:pt idx="2275">
                  <c:v>83.586110954869497</c:v>
                </c:pt>
                <c:pt idx="2276">
                  <c:v>83.576840764492658</c:v>
                </c:pt>
                <c:pt idx="2277">
                  <c:v>83.567574485588523</c:v>
                </c:pt>
                <c:pt idx="2278">
                  <c:v>83.55830429521167</c:v>
                </c:pt>
                <c:pt idx="2279">
                  <c:v>83.549038016307563</c:v>
                </c:pt>
                <c:pt idx="2280">
                  <c:v>83.54041713040435</c:v>
                </c:pt>
                <c:pt idx="2281">
                  <c:v>83.531757129773823</c:v>
                </c:pt>
                <c:pt idx="2282">
                  <c:v>83.52188066112339</c:v>
                </c:pt>
                <c:pt idx="2283">
                  <c:v>83.512610470746509</c:v>
                </c:pt>
                <c:pt idx="2284">
                  <c:v>83.50395047011601</c:v>
                </c:pt>
                <c:pt idx="2285">
                  <c:v>83.494723305939189</c:v>
                </c:pt>
                <c:pt idx="2286">
                  <c:v>83.485457027035096</c:v>
                </c:pt>
                <c:pt idx="2287">
                  <c:v>83.476793114931823</c:v>
                </c:pt>
                <c:pt idx="2288">
                  <c:v>83.468133114301281</c:v>
                </c:pt>
                <c:pt idx="2289">
                  <c:v>83.459512228398097</c:v>
                </c:pt>
                <c:pt idx="2290">
                  <c:v>83.450245949493976</c:v>
                </c:pt>
                <c:pt idx="2291">
                  <c:v>83.440975759117109</c:v>
                </c:pt>
                <c:pt idx="2292">
                  <c:v>83.432358784686656</c:v>
                </c:pt>
                <c:pt idx="2293">
                  <c:v>83.423088594309775</c:v>
                </c:pt>
                <c:pt idx="2294">
                  <c:v>83.413818403932936</c:v>
                </c:pt>
                <c:pt idx="2295">
                  <c:v>83.405158403302408</c:v>
                </c:pt>
                <c:pt idx="2296">
                  <c:v>83.39653751739921</c:v>
                </c:pt>
                <c:pt idx="2297">
                  <c:v>83.387271238495089</c:v>
                </c:pt>
                <c:pt idx="2298">
                  <c:v>83.379213604665409</c:v>
                </c:pt>
                <c:pt idx="2299">
                  <c:v>83.369990351961363</c:v>
                </c:pt>
                <c:pt idx="2300">
                  <c:v>83.360720161584496</c:v>
                </c:pt>
                <c:pt idx="2301">
                  <c:v>83.352060160953968</c:v>
                </c:pt>
                <c:pt idx="2302">
                  <c:v>83.342789970577115</c:v>
                </c:pt>
                <c:pt idx="2303">
                  <c:v>83.334172996146648</c:v>
                </c:pt>
                <c:pt idx="2304">
                  <c:v>83.324902805769796</c:v>
                </c:pt>
                <c:pt idx="2305">
                  <c:v>83.316242805139268</c:v>
                </c:pt>
                <c:pt idx="2306">
                  <c:v>83.307621919236055</c:v>
                </c:pt>
                <c:pt idx="2307">
                  <c:v>83.298351728859217</c:v>
                </c:pt>
                <c:pt idx="2308">
                  <c:v>83.289691728228675</c:v>
                </c:pt>
                <c:pt idx="2309">
                  <c:v>83.281070842325491</c:v>
                </c:pt>
                <c:pt idx="2310">
                  <c:v>83.271804563421355</c:v>
                </c:pt>
                <c:pt idx="2311">
                  <c:v>83.263140651318096</c:v>
                </c:pt>
                <c:pt idx="2312">
                  <c:v>83.254523676887644</c:v>
                </c:pt>
                <c:pt idx="2313">
                  <c:v>83.245253486510791</c:v>
                </c:pt>
                <c:pt idx="2314">
                  <c:v>83.235987207606655</c:v>
                </c:pt>
                <c:pt idx="2315">
                  <c:v>83.227323295503396</c:v>
                </c:pt>
                <c:pt idx="2316">
                  <c:v>83.218706321072915</c:v>
                </c:pt>
                <c:pt idx="2317">
                  <c:v>83.21004240896967</c:v>
                </c:pt>
                <c:pt idx="2318">
                  <c:v>83.200776130065549</c:v>
                </c:pt>
                <c:pt idx="2319">
                  <c:v>83.19215524416235</c:v>
                </c:pt>
                <c:pt idx="2320">
                  <c:v>83.182885053785483</c:v>
                </c:pt>
                <c:pt idx="2321">
                  <c:v>83.174225053154956</c:v>
                </c:pt>
                <c:pt idx="2322">
                  <c:v>83.165604167251757</c:v>
                </c:pt>
                <c:pt idx="2323">
                  <c:v>83.156337888347636</c:v>
                </c:pt>
                <c:pt idx="2324">
                  <c:v>83.147673976244377</c:v>
                </c:pt>
                <c:pt idx="2325">
                  <c:v>83.138407697340256</c:v>
                </c:pt>
                <c:pt idx="2326">
                  <c:v>83.130393089710637</c:v>
                </c:pt>
                <c:pt idx="2327">
                  <c:v>83.12112681080653</c:v>
                </c:pt>
                <c:pt idx="2328">
                  <c:v>83.112462898703257</c:v>
                </c:pt>
                <c:pt idx="2329">
                  <c:v>83.10384592427279</c:v>
                </c:pt>
                <c:pt idx="2330">
                  <c:v>83.094575733895937</c:v>
                </c:pt>
                <c:pt idx="2331">
                  <c:v>83.085915733265409</c:v>
                </c:pt>
                <c:pt idx="2332">
                  <c:v>83.076688569088617</c:v>
                </c:pt>
                <c:pt idx="2333">
                  <c:v>83.067418378711778</c:v>
                </c:pt>
                <c:pt idx="2334">
                  <c:v>83.058758378081222</c:v>
                </c:pt>
                <c:pt idx="2335">
                  <c:v>83.049488187704384</c:v>
                </c:pt>
                <c:pt idx="2336">
                  <c:v>83.040871213273903</c:v>
                </c:pt>
                <c:pt idx="2337">
                  <c:v>83.032207301170644</c:v>
                </c:pt>
                <c:pt idx="2338">
                  <c:v>83.023547300540116</c:v>
                </c:pt>
                <c:pt idx="2339">
                  <c:v>83.014926414636918</c:v>
                </c:pt>
                <c:pt idx="2340">
                  <c:v>83.005660135732796</c:v>
                </c:pt>
                <c:pt idx="2341">
                  <c:v>82.996996223629537</c:v>
                </c:pt>
                <c:pt idx="2342">
                  <c:v>82.987772970925462</c:v>
                </c:pt>
                <c:pt idx="2343">
                  <c:v>82.979109058822218</c:v>
                </c:pt>
                <c:pt idx="2344">
                  <c:v>82.97044905819169</c:v>
                </c:pt>
                <c:pt idx="2345">
                  <c:v>82.961828172288492</c:v>
                </c:pt>
                <c:pt idx="2346">
                  <c:v>82.953168171657964</c:v>
                </c:pt>
                <c:pt idx="2347">
                  <c:v>82.944547285754751</c:v>
                </c:pt>
                <c:pt idx="2348">
                  <c:v>82.935277095377899</c:v>
                </c:pt>
                <c:pt idx="2349">
                  <c:v>82.926617094747371</c:v>
                </c:pt>
                <c:pt idx="2350">
                  <c:v>82.917996208844158</c:v>
                </c:pt>
                <c:pt idx="2351">
                  <c:v>82.909336208213631</c:v>
                </c:pt>
                <c:pt idx="2352">
                  <c:v>82.900672296110372</c:v>
                </c:pt>
                <c:pt idx="2353">
                  <c:v>82.892661599953499</c:v>
                </c:pt>
                <c:pt idx="2354">
                  <c:v>82.88339140957666</c:v>
                </c:pt>
                <c:pt idx="2355">
                  <c:v>82.875380713419759</c:v>
                </c:pt>
                <c:pt idx="2356">
                  <c:v>82.86611052304292</c:v>
                </c:pt>
                <c:pt idx="2357">
                  <c:v>82.857450522412393</c:v>
                </c:pt>
                <c:pt idx="2358">
                  <c:v>82.84882963650918</c:v>
                </c:pt>
                <c:pt idx="2359">
                  <c:v>82.840169635878667</c:v>
                </c:pt>
                <c:pt idx="2360">
                  <c:v>82.832155028249048</c:v>
                </c:pt>
                <c:pt idx="2361">
                  <c:v>82.823495027618506</c:v>
                </c:pt>
                <c:pt idx="2362">
                  <c:v>82.814874141715322</c:v>
                </c:pt>
                <c:pt idx="2363">
                  <c:v>82.806214141084794</c:v>
                </c:pt>
                <c:pt idx="2364">
                  <c:v>82.797550228981521</c:v>
                </c:pt>
                <c:pt idx="2365">
                  <c:v>82.789539532824648</c:v>
                </c:pt>
                <c:pt idx="2366">
                  <c:v>82.780269342447795</c:v>
                </c:pt>
                <c:pt idx="2367">
                  <c:v>82.772258646290922</c:v>
                </c:pt>
                <c:pt idx="2368">
                  <c:v>82.764244038661303</c:v>
                </c:pt>
                <c:pt idx="2369">
                  <c:v>82.755584038030776</c:v>
                </c:pt>
                <c:pt idx="2370">
                  <c:v>82.747569430401171</c:v>
                </c:pt>
                <c:pt idx="2371">
                  <c:v>82.73830315149705</c:v>
                </c:pt>
                <c:pt idx="2372">
                  <c:v>82.73024551766737</c:v>
                </c:pt>
                <c:pt idx="2373">
                  <c:v>82.721022264963324</c:v>
                </c:pt>
                <c:pt idx="2374">
                  <c:v>82.712964631133659</c:v>
                </c:pt>
                <c:pt idx="2375">
                  <c:v>82.704343745230446</c:v>
                </c:pt>
                <c:pt idx="2376">
                  <c:v>82.696290022873512</c:v>
                </c:pt>
                <c:pt idx="2377">
                  <c:v>82.687019832496659</c:v>
                </c:pt>
                <c:pt idx="2378">
                  <c:v>82.679615414613366</c:v>
                </c:pt>
                <c:pt idx="2379">
                  <c:v>82.670994528710168</c:v>
                </c:pt>
                <c:pt idx="2380">
                  <c:v>82.662940806353234</c:v>
                </c:pt>
                <c:pt idx="2381">
                  <c:v>82.654926198723629</c:v>
                </c:pt>
                <c:pt idx="2382">
                  <c:v>82.646266198093087</c:v>
                </c:pt>
                <c:pt idx="2383">
                  <c:v>82.637039033916309</c:v>
                </c:pt>
                <c:pt idx="2384">
                  <c:v>82.629591589832955</c:v>
                </c:pt>
                <c:pt idx="2385">
                  <c:v>82.620970703929757</c:v>
                </c:pt>
                <c:pt idx="2386">
                  <c:v>82.612960007772884</c:v>
                </c:pt>
                <c:pt idx="2387">
                  <c:v>82.604296095669611</c:v>
                </c:pt>
                <c:pt idx="2388">
                  <c:v>82.596891677786331</c:v>
                </c:pt>
                <c:pt idx="2389">
                  <c:v>82.588227765683072</c:v>
                </c:pt>
                <c:pt idx="2390">
                  <c:v>82.579610791252591</c:v>
                </c:pt>
                <c:pt idx="2391">
                  <c:v>82.571553157422926</c:v>
                </c:pt>
                <c:pt idx="2392">
                  <c:v>82.564148739539647</c:v>
                </c:pt>
                <c:pt idx="2393">
                  <c:v>82.555527853636448</c:v>
                </c:pt>
                <c:pt idx="2394">
                  <c:v>82.546867853005921</c:v>
                </c:pt>
                <c:pt idx="2395">
                  <c:v>82.538853245376302</c:v>
                </c:pt>
                <c:pt idx="2396">
                  <c:v>82.530193244745774</c:v>
                </c:pt>
                <c:pt idx="2397">
                  <c:v>82.522178637116184</c:v>
                </c:pt>
                <c:pt idx="2398">
                  <c:v>82.514124914759222</c:v>
                </c:pt>
                <c:pt idx="2399">
                  <c:v>82.506110307129617</c:v>
                </c:pt>
                <c:pt idx="2400">
                  <c:v>82.49745030649909</c:v>
                </c:pt>
                <c:pt idx="2401">
                  <c:v>82.489435698869485</c:v>
                </c:pt>
                <c:pt idx="2402">
                  <c:v>82.480818724439018</c:v>
                </c:pt>
                <c:pt idx="2403">
                  <c:v>82.472761090609339</c:v>
                </c:pt>
                <c:pt idx="2404">
                  <c:v>82.464750394452466</c:v>
                </c:pt>
                <c:pt idx="2405">
                  <c:v>82.456086482349207</c:v>
                </c:pt>
                <c:pt idx="2406">
                  <c:v>82.448075786192334</c:v>
                </c:pt>
                <c:pt idx="2407">
                  <c:v>82.43941187408906</c:v>
                </c:pt>
                <c:pt idx="2408">
                  <c:v>82.431401177932187</c:v>
                </c:pt>
                <c:pt idx="2409">
                  <c:v>82.422737265828943</c:v>
                </c:pt>
                <c:pt idx="2410">
                  <c:v>82.414726569672041</c:v>
                </c:pt>
                <c:pt idx="2411">
                  <c:v>82.406062657568796</c:v>
                </c:pt>
                <c:pt idx="2412">
                  <c:v>82.398051961411923</c:v>
                </c:pt>
                <c:pt idx="2413">
                  <c:v>82.390037353782304</c:v>
                </c:pt>
                <c:pt idx="2414">
                  <c:v>82.381377353151777</c:v>
                </c:pt>
                <c:pt idx="2415">
                  <c:v>82.372756467248564</c:v>
                </c:pt>
                <c:pt idx="2416">
                  <c:v>82.36470274489163</c:v>
                </c:pt>
                <c:pt idx="2417">
                  <c:v>82.356688137262026</c:v>
                </c:pt>
                <c:pt idx="2418">
                  <c:v>82.349283719378732</c:v>
                </c:pt>
                <c:pt idx="2419">
                  <c:v>82.340619807275488</c:v>
                </c:pt>
                <c:pt idx="2420">
                  <c:v>82.332609111118614</c:v>
                </c:pt>
                <c:pt idx="2421">
                  <c:v>82.324594503488996</c:v>
                </c:pt>
                <c:pt idx="2422">
                  <c:v>82.316540781132062</c:v>
                </c:pt>
                <c:pt idx="2423">
                  <c:v>82.307919895228849</c:v>
                </c:pt>
                <c:pt idx="2424">
                  <c:v>82.299866172871916</c:v>
                </c:pt>
                <c:pt idx="2425">
                  <c:v>82.291851565242325</c:v>
                </c:pt>
                <c:pt idx="2426">
                  <c:v>82.283191564611769</c:v>
                </c:pt>
                <c:pt idx="2427">
                  <c:v>82.275176956982165</c:v>
                </c:pt>
                <c:pt idx="2428">
                  <c:v>82.266516956351651</c:v>
                </c:pt>
                <c:pt idx="2429">
                  <c:v>82.258502348722033</c:v>
                </c:pt>
                <c:pt idx="2430">
                  <c:v>82.250491652565159</c:v>
                </c:pt>
                <c:pt idx="2431">
                  <c:v>82.24243401873548</c:v>
                </c:pt>
                <c:pt idx="2432">
                  <c:v>82.233817044305013</c:v>
                </c:pt>
                <c:pt idx="2433">
                  <c:v>82.225759410475348</c:v>
                </c:pt>
                <c:pt idx="2434">
                  <c:v>82.217748714318461</c:v>
                </c:pt>
                <c:pt idx="2435">
                  <c:v>82.209084802215202</c:v>
                </c:pt>
                <c:pt idx="2436">
                  <c:v>82.201074106058329</c:v>
                </c:pt>
                <c:pt idx="2437">
                  <c:v>82.192453220155116</c:v>
                </c:pt>
                <c:pt idx="2438">
                  <c:v>82.184399497798182</c:v>
                </c:pt>
                <c:pt idx="2439">
                  <c:v>82.176384890168592</c:v>
                </c:pt>
                <c:pt idx="2440">
                  <c:v>82.168374194011705</c:v>
                </c:pt>
                <c:pt idx="2441">
                  <c:v>82.159710281908445</c:v>
                </c:pt>
                <c:pt idx="2442">
                  <c:v>82.152305864025152</c:v>
                </c:pt>
                <c:pt idx="2443">
                  <c:v>82.143641951921893</c:v>
                </c:pt>
                <c:pt idx="2444">
                  <c:v>82.13563125576502</c:v>
                </c:pt>
                <c:pt idx="2445">
                  <c:v>82.127620559608147</c:v>
                </c:pt>
                <c:pt idx="2446">
                  <c:v>82.118956647504874</c:v>
                </c:pt>
                <c:pt idx="2447">
                  <c:v>82.110945951348015</c:v>
                </c:pt>
                <c:pt idx="2448">
                  <c:v>82.102888317518335</c:v>
                </c:pt>
                <c:pt idx="2449">
                  <c:v>82.094271343087854</c:v>
                </c:pt>
                <c:pt idx="2450">
                  <c:v>82.086213709258203</c:v>
                </c:pt>
                <c:pt idx="2451">
                  <c:v>82.07820301310133</c:v>
                </c:pt>
                <c:pt idx="2452">
                  <c:v>82.070188405471711</c:v>
                </c:pt>
                <c:pt idx="2453">
                  <c:v>82.061528404841184</c:v>
                </c:pt>
                <c:pt idx="2454">
                  <c:v>82.053513797211565</c:v>
                </c:pt>
                <c:pt idx="2455">
                  <c:v>82.045460074854631</c:v>
                </c:pt>
                <c:pt idx="2456">
                  <c:v>82.037445467225027</c:v>
                </c:pt>
                <c:pt idx="2457">
                  <c:v>82.028785466594485</c:v>
                </c:pt>
                <c:pt idx="2458">
                  <c:v>82.021377137238488</c:v>
                </c:pt>
                <c:pt idx="2459">
                  <c:v>82.013366441081601</c:v>
                </c:pt>
                <c:pt idx="2460">
                  <c:v>82.005351833451996</c:v>
                </c:pt>
                <c:pt idx="2461">
                  <c:v>81.997947415568703</c:v>
                </c:pt>
                <c:pt idx="2462">
                  <c:v>81.989283503465458</c:v>
                </c:pt>
                <c:pt idx="2463">
                  <c:v>81.981272807308557</c:v>
                </c:pt>
                <c:pt idx="2464">
                  <c:v>81.973215173478906</c:v>
                </c:pt>
                <c:pt idx="2465">
                  <c:v>81.965204477322033</c:v>
                </c:pt>
                <c:pt idx="2466">
                  <c:v>81.957189869692414</c:v>
                </c:pt>
                <c:pt idx="2467">
                  <c:v>81.94913614733548</c:v>
                </c:pt>
                <c:pt idx="2468">
                  <c:v>81.941121539705861</c:v>
                </c:pt>
                <c:pt idx="2469">
                  <c:v>81.933110843548988</c:v>
                </c:pt>
                <c:pt idx="2470">
                  <c:v>81.925053209719323</c:v>
                </c:pt>
                <c:pt idx="2471">
                  <c:v>81.917042513562436</c:v>
                </c:pt>
                <c:pt idx="2472">
                  <c:v>81.909634184206425</c:v>
                </c:pt>
                <c:pt idx="2473">
                  <c:v>81.901580461849491</c:v>
                </c:pt>
                <c:pt idx="2474">
                  <c:v>81.893565854219872</c:v>
                </c:pt>
                <c:pt idx="2475">
                  <c:v>81.885555158062999</c:v>
                </c:pt>
                <c:pt idx="2476">
                  <c:v>81.877497524233348</c:v>
                </c:pt>
                <c:pt idx="2477">
                  <c:v>81.868880549802867</c:v>
                </c:pt>
                <c:pt idx="2478">
                  <c:v>81.861472220446856</c:v>
                </c:pt>
                <c:pt idx="2479">
                  <c:v>81.853418498089923</c:v>
                </c:pt>
                <c:pt idx="2480">
                  <c:v>81.845403890460304</c:v>
                </c:pt>
                <c:pt idx="2481">
                  <c:v>81.837393194303431</c:v>
                </c:pt>
                <c:pt idx="2482">
                  <c:v>81.829335560473751</c:v>
                </c:pt>
                <c:pt idx="2483">
                  <c:v>81.821324864316878</c:v>
                </c:pt>
                <c:pt idx="2484">
                  <c:v>81.813314168160005</c:v>
                </c:pt>
                <c:pt idx="2485">
                  <c:v>81.80525653433034</c:v>
                </c:pt>
                <c:pt idx="2486">
                  <c:v>81.797245838173453</c:v>
                </c:pt>
                <c:pt idx="2487">
                  <c:v>81.789837508817442</c:v>
                </c:pt>
                <c:pt idx="2488">
                  <c:v>81.781826812660569</c:v>
                </c:pt>
                <c:pt idx="2489">
                  <c:v>81.773769178830889</c:v>
                </c:pt>
                <c:pt idx="2490">
                  <c:v>81.765758482674016</c:v>
                </c:pt>
                <c:pt idx="2491">
                  <c:v>81.757743875044397</c:v>
                </c:pt>
                <c:pt idx="2492">
                  <c:v>81.749690152687464</c:v>
                </c:pt>
                <c:pt idx="2493">
                  <c:v>81.742281823331453</c:v>
                </c:pt>
                <c:pt idx="2494">
                  <c:v>81.733664848900972</c:v>
                </c:pt>
                <c:pt idx="2495">
                  <c:v>81.7262134933449</c:v>
                </c:pt>
                <c:pt idx="2496">
                  <c:v>81.717596518914434</c:v>
                </c:pt>
                <c:pt idx="2497">
                  <c:v>81.709581911284815</c:v>
                </c:pt>
                <c:pt idx="2498">
                  <c:v>81.702134467201475</c:v>
                </c:pt>
                <c:pt idx="2499">
                  <c:v>81.694119859571884</c:v>
                </c:pt>
                <c:pt idx="2500">
                  <c:v>81.685502885141389</c:v>
                </c:pt>
                <c:pt idx="2501">
                  <c:v>81.678051529585304</c:v>
                </c:pt>
                <c:pt idx="2502">
                  <c:v>81.669434555154865</c:v>
                </c:pt>
                <c:pt idx="2503">
                  <c:v>81.66202622579884</c:v>
                </c:pt>
                <c:pt idx="2504">
                  <c:v>81.653972503441906</c:v>
                </c:pt>
                <c:pt idx="2505">
                  <c:v>81.645957895812288</c:v>
                </c:pt>
                <c:pt idx="2506">
                  <c:v>81.637947199655414</c:v>
                </c:pt>
                <c:pt idx="2507">
                  <c:v>81.629889565825749</c:v>
                </c:pt>
                <c:pt idx="2508">
                  <c:v>81.621878869668876</c:v>
                </c:pt>
                <c:pt idx="2509">
                  <c:v>81.614470540312851</c:v>
                </c:pt>
                <c:pt idx="2510">
                  <c:v>81.605810539682324</c:v>
                </c:pt>
                <c:pt idx="2511">
                  <c:v>81.598402210326299</c:v>
                </c:pt>
                <c:pt idx="2512">
                  <c:v>81.590391514169426</c:v>
                </c:pt>
                <c:pt idx="2513">
                  <c:v>81.581727602066181</c:v>
                </c:pt>
                <c:pt idx="2514">
                  <c:v>81.574323184182887</c:v>
                </c:pt>
                <c:pt idx="2515">
                  <c:v>81.565706209752406</c:v>
                </c:pt>
                <c:pt idx="2516">
                  <c:v>81.557648575922755</c:v>
                </c:pt>
                <c:pt idx="2517">
                  <c:v>81.549637879765868</c:v>
                </c:pt>
                <c:pt idx="2518">
                  <c:v>81.541623272136263</c:v>
                </c:pt>
                <c:pt idx="2519">
                  <c:v>81.53421885425297</c:v>
                </c:pt>
                <c:pt idx="2520">
                  <c:v>81.52616122042329</c:v>
                </c:pt>
                <c:pt idx="2521">
                  <c:v>81.518150524266417</c:v>
                </c:pt>
                <c:pt idx="2522">
                  <c:v>81.510135916636827</c:v>
                </c:pt>
                <c:pt idx="2523">
                  <c:v>81.502082194279865</c:v>
                </c:pt>
                <c:pt idx="2524">
                  <c:v>81.494067586650274</c:v>
                </c:pt>
                <c:pt idx="2525">
                  <c:v>81.486056890493401</c:v>
                </c:pt>
                <c:pt idx="2526">
                  <c:v>81.477999256663722</c:v>
                </c:pt>
                <c:pt idx="2527">
                  <c:v>81.469988560506849</c:v>
                </c:pt>
                <c:pt idx="2528">
                  <c:v>81.461930926677184</c:v>
                </c:pt>
                <c:pt idx="2529">
                  <c:v>81.453920230520296</c:v>
                </c:pt>
                <c:pt idx="2530">
                  <c:v>81.445905622890692</c:v>
                </c:pt>
                <c:pt idx="2531">
                  <c:v>81.437851900533758</c:v>
                </c:pt>
                <c:pt idx="2532">
                  <c:v>81.429837292904139</c:v>
                </c:pt>
                <c:pt idx="2533">
                  <c:v>81.421826596747266</c:v>
                </c:pt>
                <c:pt idx="2534">
                  <c:v>81.413768962917587</c:v>
                </c:pt>
                <c:pt idx="2535">
                  <c:v>81.405151988487134</c:v>
                </c:pt>
                <c:pt idx="2536">
                  <c:v>81.397137380857515</c:v>
                </c:pt>
                <c:pt idx="2537">
                  <c:v>81.389083658500581</c:v>
                </c:pt>
                <c:pt idx="2538">
                  <c:v>81.381069050870977</c:v>
                </c:pt>
                <c:pt idx="2539">
                  <c:v>81.373664632987698</c:v>
                </c:pt>
                <c:pt idx="2540">
                  <c:v>81.365606999158018</c:v>
                </c:pt>
                <c:pt idx="2541">
                  <c:v>81.356990024727551</c:v>
                </c:pt>
                <c:pt idx="2542">
                  <c:v>81.349581695371526</c:v>
                </c:pt>
                <c:pt idx="2543">
                  <c:v>81.341527973014593</c:v>
                </c:pt>
                <c:pt idx="2544">
                  <c:v>81.333513365384988</c:v>
                </c:pt>
                <c:pt idx="2545">
                  <c:v>81.325502669228115</c:v>
                </c:pt>
                <c:pt idx="2546">
                  <c:v>81.317445035398435</c:v>
                </c:pt>
                <c:pt idx="2547">
                  <c:v>81.309434339241562</c:v>
                </c:pt>
                <c:pt idx="2548">
                  <c:v>81.301419731611944</c:v>
                </c:pt>
                <c:pt idx="2549">
                  <c:v>81.29275973098143</c:v>
                </c:pt>
                <c:pt idx="2550">
                  <c:v>81.284745123351826</c:v>
                </c:pt>
                <c:pt idx="2551">
                  <c:v>81.276691400994878</c:v>
                </c:pt>
                <c:pt idx="2552">
                  <c:v>81.268676793365259</c:v>
                </c:pt>
                <c:pt idx="2553">
                  <c:v>81.2606660972084</c:v>
                </c:pt>
                <c:pt idx="2554">
                  <c:v>81.252608463378721</c:v>
                </c:pt>
                <c:pt idx="2555">
                  <c:v>81.244597767221833</c:v>
                </c:pt>
                <c:pt idx="2556">
                  <c:v>81.236587071064974</c:v>
                </c:pt>
                <c:pt idx="2557">
                  <c:v>81.229178741708949</c:v>
                </c:pt>
                <c:pt idx="2558">
                  <c:v>81.221125019352016</c:v>
                </c:pt>
                <c:pt idx="2559">
                  <c:v>81.213110411722411</c:v>
                </c:pt>
                <c:pt idx="2560">
                  <c:v>81.205099715565524</c:v>
                </c:pt>
                <c:pt idx="2561">
                  <c:v>81.197042081735844</c:v>
                </c:pt>
                <c:pt idx="2562">
                  <c:v>81.189031385578986</c:v>
                </c:pt>
                <c:pt idx="2563">
                  <c:v>81.181016777949367</c:v>
                </c:pt>
                <c:pt idx="2564">
                  <c:v>81.172963055592419</c:v>
                </c:pt>
                <c:pt idx="2565">
                  <c:v>81.165554726236408</c:v>
                </c:pt>
                <c:pt idx="2566">
                  <c:v>81.157544030079535</c:v>
                </c:pt>
                <c:pt idx="2567">
                  <c:v>81.149486396249856</c:v>
                </c:pt>
                <c:pt idx="2568">
                  <c:v>81.141475700092997</c:v>
                </c:pt>
                <c:pt idx="2569">
                  <c:v>81.133461092463364</c:v>
                </c:pt>
                <c:pt idx="2570">
                  <c:v>81.124801091832865</c:v>
                </c:pt>
                <c:pt idx="2571">
                  <c:v>81.116786484203246</c:v>
                </c:pt>
                <c:pt idx="2572">
                  <c:v>81.109382066319952</c:v>
                </c:pt>
                <c:pt idx="2573">
                  <c:v>81.101324432490287</c:v>
                </c:pt>
                <c:pt idx="2574">
                  <c:v>81.093313736333414</c:v>
                </c:pt>
                <c:pt idx="2575">
                  <c:v>81.085905406977389</c:v>
                </c:pt>
                <c:pt idx="2576">
                  <c:v>81.07789471082053</c:v>
                </c:pt>
                <c:pt idx="2577">
                  <c:v>81.070490292937237</c:v>
                </c:pt>
                <c:pt idx="2578">
                  <c:v>81.062432659107557</c:v>
                </c:pt>
                <c:pt idx="2579">
                  <c:v>81.054421962950684</c:v>
                </c:pt>
                <c:pt idx="2580">
                  <c:v>81.046407355321065</c:v>
                </c:pt>
                <c:pt idx="2581">
                  <c:v>81.03960921571138</c:v>
                </c:pt>
                <c:pt idx="2582">
                  <c:v>81.030945303608135</c:v>
                </c:pt>
                <c:pt idx="2583">
                  <c:v>81.023540885724842</c:v>
                </c:pt>
                <c:pt idx="2584">
                  <c:v>81.015526278095223</c:v>
                </c:pt>
                <c:pt idx="2585">
                  <c:v>81.007472555738289</c:v>
                </c:pt>
                <c:pt idx="2586">
                  <c:v>81.000064226382264</c:v>
                </c:pt>
                <c:pt idx="2587">
                  <c:v>80.992659808498985</c:v>
                </c:pt>
                <c:pt idx="2588">
                  <c:v>80.98464520086938</c:v>
                </c:pt>
                <c:pt idx="2589">
                  <c:v>80.977240782986101</c:v>
                </c:pt>
                <c:pt idx="2590">
                  <c:v>80.969183149156422</c:v>
                </c:pt>
                <c:pt idx="2591">
                  <c:v>80.961172452999548</c:v>
                </c:pt>
                <c:pt idx="2592">
                  <c:v>80.95315784536993</c:v>
                </c:pt>
                <c:pt idx="2593">
                  <c:v>80.946359705760244</c:v>
                </c:pt>
                <c:pt idx="2594">
                  <c:v>80.938349009603385</c:v>
                </c:pt>
                <c:pt idx="2595">
                  <c:v>80.9308976540473</c:v>
                </c:pt>
                <c:pt idx="2596">
                  <c:v>80.922886957890398</c:v>
                </c:pt>
                <c:pt idx="2597">
                  <c:v>80.915478628534402</c:v>
                </c:pt>
                <c:pt idx="2598">
                  <c:v>80.908074210651108</c:v>
                </c:pt>
                <c:pt idx="2599">
                  <c:v>80.900665881295083</c:v>
                </c:pt>
                <c:pt idx="2600">
                  <c:v>80.892655185138224</c:v>
                </c:pt>
                <c:pt idx="2601">
                  <c:v>80.885203829582139</c:v>
                </c:pt>
                <c:pt idx="2602">
                  <c:v>80.877799411698859</c:v>
                </c:pt>
                <c:pt idx="2603">
                  <c:v>80.870391082342849</c:v>
                </c:pt>
                <c:pt idx="2604">
                  <c:v>80.862380386185961</c:v>
                </c:pt>
                <c:pt idx="2605">
                  <c:v>80.854972056829951</c:v>
                </c:pt>
                <c:pt idx="2606">
                  <c:v>80.847567638946671</c:v>
                </c:pt>
                <c:pt idx="2607">
                  <c:v>80.840163221063378</c:v>
                </c:pt>
                <c:pt idx="2608">
                  <c:v>80.832754891707353</c:v>
                </c:pt>
                <c:pt idx="2609">
                  <c:v>80.825350473824074</c:v>
                </c:pt>
                <c:pt idx="2610">
                  <c:v>80.817899118268002</c:v>
                </c:pt>
                <c:pt idx="2611">
                  <c:v>80.810494700384695</c:v>
                </c:pt>
                <c:pt idx="2612">
                  <c:v>80.803735675502338</c:v>
                </c:pt>
                <c:pt idx="2613">
                  <c:v>80.795681953145404</c:v>
                </c:pt>
                <c:pt idx="2614">
                  <c:v>80.788273623789379</c:v>
                </c:pt>
                <c:pt idx="2615">
                  <c:v>80.781475484179694</c:v>
                </c:pt>
                <c:pt idx="2616">
                  <c:v>80.773460876550089</c:v>
                </c:pt>
                <c:pt idx="2617">
                  <c:v>80.76605645866681</c:v>
                </c:pt>
                <c:pt idx="2618">
                  <c:v>80.758652040783517</c:v>
                </c:pt>
                <c:pt idx="2619">
                  <c:v>80.751243711427492</c:v>
                </c:pt>
                <c:pt idx="2620">
                  <c:v>80.744445571817806</c:v>
                </c:pt>
                <c:pt idx="2621">
                  <c:v>80.736430964188202</c:v>
                </c:pt>
                <c:pt idx="2622">
                  <c:v>80.728983520104862</c:v>
                </c:pt>
                <c:pt idx="2623">
                  <c:v>80.722224495222477</c:v>
                </c:pt>
                <c:pt idx="2624">
                  <c:v>80.714820077339212</c:v>
                </c:pt>
                <c:pt idx="2625">
                  <c:v>80.707368721783126</c:v>
                </c:pt>
                <c:pt idx="2626">
                  <c:v>80.699964303899847</c:v>
                </c:pt>
                <c:pt idx="2627">
                  <c:v>80.692559886016539</c:v>
                </c:pt>
                <c:pt idx="2628">
                  <c:v>80.685151556660529</c:v>
                </c:pt>
                <c:pt idx="2629">
                  <c:v>80.677747138777249</c:v>
                </c:pt>
                <c:pt idx="2630">
                  <c:v>80.670338809421224</c:v>
                </c:pt>
                <c:pt idx="2631">
                  <c:v>80.662934391537959</c:v>
                </c:pt>
                <c:pt idx="2632">
                  <c:v>80.65491978390834</c:v>
                </c:pt>
                <c:pt idx="2633">
                  <c:v>80.648121644298655</c:v>
                </c:pt>
                <c:pt idx="2634">
                  <c:v>80.641319593216238</c:v>
                </c:pt>
                <c:pt idx="2635">
                  <c:v>80.633308897059337</c:v>
                </c:pt>
                <c:pt idx="2636">
                  <c:v>80.626510757449637</c:v>
                </c:pt>
                <c:pt idx="2637">
                  <c:v>80.618453123619986</c:v>
                </c:pt>
                <c:pt idx="2638">
                  <c:v>80.611048705736707</c:v>
                </c:pt>
                <c:pt idx="2639">
                  <c:v>80.603640376380682</c:v>
                </c:pt>
                <c:pt idx="2640">
                  <c:v>80.596235958497402</c:v>
                </c:pt>
                <c:pt idx="2641">
                  <c:v>80.589433907414971</c:v>
                </c:pt>
                <c:pt idx="2642">
                  <c:v>80.582029489531692</c:v>
                </c:pt>
                <c:pt idx="2643">
                  <c:v>80.574621160175681</c:v>
                </c:pt>
                <c:pt idx="2644">
                  <c:v>80.567823020565982</c:v>
                </c:pt>
                <c:pt idx="2645">
                  <c:v>80.560418602682688</c:v>
                </c:pt>
                <c:pt idx="2646">
                  <c:v>80.553010273326677</c:v>
                </c:pt>
                <c:pt idx="2647">
                  <c:v>80.545605855443398</c:v>
                </c:pt>
                <c:pt idx="2648">
                  <c:v>80.538197526087373</c:v>
                </c:pt>
                <c:pt idx="2649">
                  <c:v>80.531399386477673</c:v>
                </c:pt>
                <c:pt idx="2650">
                  <c:v>80.523991057121663</c:v>
                </c:pt>
                <c:pt idx="2651">
                  <c:v>80.517192917511977</c:v>
                </c:pt>
                <c:pt idx="2652">
                  <c:v>80.509788499628669</c:v>
                </c:pt>
                <c:pt idx="2653">
                  <c:v>80.502380170272673</c:v>
                </c:pt>
                <c:pt idx="2654">
                  <c:v>80.495582030662973</c:v>
                </c:pt>
                <c:pt idx="2655">
                  <c:v>80.488173701306948</c:v>
                </c:pt>
                <c:pt idx="2656">
                  <c:v>80.481375561697263</c:v>
                </c:pt>
                <c:pt idx="2657">
                  <c:v>80.473967232341238</c:v>
                </c:pt>
                <c:pt idx="2658">
                  <c:v>80.466562814457959</c:v>
                </c:pt>
                <c:pt idx="2659">
                  <c:v>80.459760763375542</c:v>
                </c:pt>
                <c:pt idx="2660">
                  <c:v>80.453005649965903</c:v>
                </c:pt>
                <c:pt idx="2661">
                  <c:v>80.445558205882563</c:v>
                </c:pt>
                <c:pt idx="2662">
                  <c:v>80.438799181000206</c:v>
                </c:pt>
                <c:pt idx="2663">
                  <c:v>80.431394763116913</c:v>
                </c:pt>
                <c:pt idx="2664">
                  <c:v>80.424592712034482</c:v>
                </c:pt>
                <c:pt idx="2665">
                  <c:v>80.417794572424782</c:v>
                </c:pt>
                <c:pt idx="2666">
                  <c:v>80.410390154541503</c:v>
                </c:pt>
                <c:pt idx="2667">
                  <c:v>80.402981825185478</c:v>
                </c:pt>
                <c:pt idx="2668">
                  <c:v>80.396183685575778</c:v>
                </c:pt>
                <c:pt idx="2669">
                  <c:v>80.388775356219782</c:v>
                </c:pt>
                <c:pt idx="2670">
                  <c:v>80.381977216610082</c:v>
                </c:pt>
                <c:pt idx="2671">
                  <c:v>80.375175165527651</c:v>
                </c:pt>
                <c:pt idx="2672">
                  <c:v>80.367770747644386</c:v>
                </c:pt>
                <c:pt idx="2673">
                  <c:v>80.36162191250834</c:v>
                </c:pt>
                <c:pt idx="2674">
                  <c:v>80.353564278678661</c:v>
                </c:pt>
                <c:pt idx="2675">
                  <c:v>80.346159860795382</c:v>
                </c:pt>
                <c:pt idx="2676">
                  <c:v>80.339357809712965</c:v>
                </c:pt>
                <c:pt idx="2677">
                  <c:v>80.332559670103265</c:v>
                </c:pt>
                <c:pt idx="2678">
                  <c:v>80.32515134074724</c:v>
                </c:pt>
                <c:pt idx="2679">
                  <c:v>80.318396227337601</c:v>
                </c:pt>
                <c:pt idx="2680">
                  <c:v>80.310944871781544</c:v>
                </c:pt>
                <c:pt idx="2681">
                  <c:v>80.304189758371905</c:v>
                </c:pt>
                <c:pt idx="2682">
                  <c:v>80.296785340488626</c:v>
                </c:pt>
                <c:pt idx="2683">
                  <c:v>80.28998328940618</c:v>
                </c:pt>
                <c:pt idx="2684">
                  <c:v>80.283185149796495</c:v>
                </c:pt>
                <c:pt idx="2685">
                  <c:v>80.275776820440484</c:v>
                </c:pt>
                <c:pt idx="2686">
                  <c:v>80.268372402557191</c:v>
                </c:pt>
                <c:pt idx="2687">
                  <c:v>80.260964073201166</c:v>
                </c:pt>
                <c:pt idx="2688">
                  <c:v>80.254165933591494</c:v>
                </c:pt>
                <c:pt idx="2689">
                  <c:v>80.246761515708187</c:v>
                </c:pt>
                <c:pt idx="2690">
                  <c:v>80.23995946462577</c:v>
                </c:pt>
                <c:pt idx="2691">
                  <c:v>80.233767603289678</c:v>
                </c:pt>
                <c:pt idx="2692">
                  <c:v>80.226359273933667</c:v>
                </c:pt>
                <c:pt idx="2693">
                  <c:v>80.21895485605036</c:v>
                </c:pt>
                <c:pt idx="2694">
                  <c:v>80.212152804967943</c:v>
                </c:pt>
                <c:pt idx="2695">
                  <c:v>80.205397691558318</c:v>
                </c:pt>
                <c:pt idx="2696">
                  <c:v>80.197950247474964</c:v>
                </c:pt>
                <c:pt idx="2697">
                  <c:v>80.191191222592607</c:v>
                </c:pt>
                <c:pt idx="2698">
                  <c:v>80.184393082982922</c:v>
                </c:pt>
                <c:pt idx="2699">
                  <c:v>80.177591031900477</c:v>
                </c:pt>
                <c:pt idx="2700">
                  <c:v>80.170792892290791</c:v>
                </c:pt>
                <c:pt idx="2701">
                  <c:v>80.163994752681091</c:v>
                </c:pt>
                <c:pt idx="2702">
                  <c:v>80.157192701598674</c:v>
                </c:pt>
                <c:pt idx="2703">
                  <c:v>80.149788283715395</c:v>
                </c:pt>
                <c:pt idx="2704">
                  <c:v>80.143635537106618</c:v>
                </c:pt>
                <c:pt idx="2705">
                  <c:v>80.136837397496933</c:v>
                </c:pt>
                <c:pt idx="2706">
                  <c:v>80.130035346414502</c:v>
                </c:pt>
                <c:pt idx="2707">
                  <c:v>80.123237206804802</c:v>
                </c:pt>
                <c:pt idx="2708">
                  <c:v>80.116439067195103</c:v>
                </c:pt>
                <c:pt idx="2709">
                  <c:v>80.109680042312746</c:v>
                </c:pt>
                <c:pt idx="2710">
                  <c:v>80.102881902703061</c:v>
                </c:pt>
                <c:pt idx="2711">
                  <c:v>80.095473573347036</c:v>
                </c:pt>
                <c:pt idx="2712">
                  <c:v>80.08867543373735</c:v>
                </c:pt>
                <c:pt idx="2713">
                  <c:v>80.081877294127636</c:v>
                </c:pt>
                <c:pt idx="2714">
                  <c:v>80.074468964771626</c:v>
                </c:pt>
                <c:pt idx="2715">
                  <c:v>80.06767082516194</c:v>
                </c:pt>
                <c:pt idx="2716">
                  <c:v>80.060868774079523</c:v>
                </c:pt>
                <c:pt idx="2717">
                  <c:v>80.054113660669884</c:v>
                </c:pt>
                <c:pt idx="2718">
                  <c:v>80.047315521060185</c:v>
                </c:pt>
                <c:pt idx="2719">
                  <c:v>80.039907191704174</c:v>
                </c:pt>
                <c:pt idx="2720">
                  <c:v>80.033109052094488</c:v>
                </c:pt>
                <c:pt idx="2721">
                  <c:v>80.026307001012043</c:v>
                </c:pt>
                <c:pt idx="2722">
                  <c:v>80.019508861402358</c:v>
                </c:pt>
                <c:pt idx="2723">
                  <c:v>80.012706810319926</c:v>
                </c:pt>
                <c:pt idx="2724">
                  <c:v>80.005908670710241</c:v>
                </c:pt>
                <c:pt idx="2725">
                  <c:v>79.999153557300616</c:v>
                </c:pt>
                <c:pt idx="2726">
                  <c:v>79.992957784491779</c:v>
                </c:pt>
                <c:pt idx="2727">
                  <c:v>79.986159644882079</c:v>
                </c:pt>
                <c:pt idx="2728">
                  <c:v>79.980006898273317</c:v>
                </c:pt>
                <c:pt idx="2729">
                  <c:v>79.973208758663617</c:v>
                </c:pt>
                <c:pt idx="2730">
                  <c:v>79.966410619053931</c:v>
                </c:pt>
                <c:pt idx="2731">
                  <c:v>79.960214846245094</c:v>
                </c:pt>
                <c:pt idx="2732">
                  <c:v>79.954066011109049</c:v>
                </c:pt>
                <c:pt idx="2733">
                  <c:v>79.947870238300212</c:v>
                </c:pt>
                <c:pt idx="2734">
                  <c:v>79.941721403164181</c:v>
                </c:pt>
                <c:pt idx="2735">
                  <c:v>79.934316985280887</c:v>
                </c:pt>
                <c:pt idx="2736">
                  <c:v>79.92751493419847</c:v>
                </c:pt>
                <c:pt idx="2737">
                  <c:v>79.920110516315177</c:v>
                </c:pt>
                <c:pt idx="2738">
                  <c:v>79.91330846523276</c:v>
                </c:pt>
                <c:pt idx="2739">
                  <c:v>79.906510325623074</c:v>
                </c:pt>
                <c:pt idx="2740">
                  <c:v>79.899712186013375</c:v>
                </c:pt>
                <c:pt idx="2741">
                  <c:v>79.892910134930943</c:v>
                </c:pt>
                <c:pt idx="2742">
                  <c:v>79.885505717047664</c:v>
                </c:pt>
                <c:pt idx="2743">
                  <c:v>79.878746692165294</c:v>
                </c:pt>
                <c:pt idx="2744">
                  <c:v>79.871299248081954</c:v>
                </c:pt>
                <c:pt idx="2745">
                  <c:v>79.865146501473177</c:v>
                </c:pt>
                <c:pt idx="2746">
                  <c:v>79.858348361863492</c:v>
                </c:pt>
                <c:pt idx="2747">
                  <c:v>79.852156500527386</c:v>
                </c:pt>
                <c:pt idx="2748">
                  <c:v>79.846003753918609</c:v>
                </c:pt>
                <c:pt idx="2749">
                  <c:v>79.839205614308923</c:v>
                </c:pt>
                <c:pt idx="2750">
                  <c:v>79.833056779172864</c:v>
                </c:pt>
                <c:pt idx="2751">
                  <c:v>79.826861006364055</c:v>
                </c:pt>
                <c:pt idx="2752">
                  <c:v>79.820669145027949</c:v>
                </c:pt>
                <c:pt idx="2753">
                  <c:v>79.813910120145579</c:v>
                </c:pt>
                <c:pt idx="2754">
                  <c:v>79.807718258809473</c:v>
                </c:pt>
                <c:pt idx="2755">
                  <c:v>79.800920119199787</c:v>
                </c:pt>
                <c:pt idx="2756">
                  <c:v>79.794767372591011</c:v>
                </c:pt>
                <c:pt idx="2757">
                  <c:v>79.787969232981325</c:v>
                </c:pt>
                <c:pt idx="2758">
                  <c:v>79.781773460172488</c:v>
                </c:pt>
                <c:pt idx="2759">
                  <c:v>79.774975320562788</c:v>
                </c:pt>
                <c:pt idx="2760">
                  <c:v>79.768220207153163</c:v>
                </c:pt>
                <c:pt idx="2761">
                  <c:v>79.761418156070732</c:v>
                </c:pt>
                <c:pt idx="2762">
                  <c:v>79.754620016461047</c:v>
                </c:pt>
                <c:pt idx="2763">
                  <c:v>79.747817965378616</c:v>
                </c:pt>
                <c:pt idx="2764">
                  <c:v>79.74101982576893</c:v>
                </c:pt>
                <c:pt idx="2765">
                  <c:v>79.734870990632885</c:v>
                </c:pt>
                <c:pt idx="2766">
                  <c:v>79.728068939550454</c:v>
                </c:pt>
                <c:pt idx="2767">
                  <c:v>79.721270799940768</c:v>
                </c:pt>
                <c:pt idx="2768">
                  <c:v>79.714468748858337</c:v>
                </c:pt>
                <c:pt idx="2769">
                  <c:v>79.707670609248652</c:v>
                </c:pt>
                <c:pt idx="2770">
                  <c:v>79.700915495839013</c:v>
                </c:pt>
                <c:pt idx="2771">
                  <c:v>79.694113444756596</c:v>
                </c:pt>
                <c:pt idx="2772">
                  <c:v>79.68792158342049</c:v>
                </c:pt>
                <c:pt idx="2773">
                  <c:v>79.682375115085307</c:v>
                </c:pt>
                <c:pt idx="2774">
                  <c:v>79.676183253749215</c:v>
                </c:pt>
                <c:pt idx="2775">
                  <c:v>79.67003441861317</c:v>
                </c:pt>
                <c:pt idx="2776">
                  <c:v>79.663838645804333</c:v>
                </c:pt>
                <c:pt idx="2777">
                  <c:v>79.656434227921039</c:v>
                </c:pt>
                <c:pt idx="2778">
                  <c:v>79.650238455112216</c:v>
                </c:pt>
                <c:pt idx="2779">
                  <c:v>79.643483341702591</c:v>
                </c:pt>
                <c:pt idx="2780">
                  <c:v>79.636078923819298</c:v>
                </c:pt>
                <c:pt idx="2781">
                  <c:v>79.629883151010461</c:v>
                </c:pt>
                <c:pt idx="2782">
                  <c:v>79.623691289674369</c:v>
                </c:pt>
                <c:pt idx="2783">
                  <c:v>79.616932264791998</c:v>
                </c:pt>
                <c:pt idx="2784">
                  <c:v>79.610134125182313</c:v>
                </c:pt>
                <c:pt idx="2785">
                  <c:v>79.603335985572613</c:v>
                </c:pt>
                <c:pt idx="2786">
                  <c:v>79.596533934490196</c:v>
                </c:pt>
                <c:pt idx="2787">
                  <c:v>79.590385099354151</c:v>
                </c:pt>
                <c:pt idx="2788">
                  <c:v>79.584189326545314</c:v>
                </c:pt>
                <c:pt idx="2789">
                  <c:v>79.577997465209208</c:v>
                </c:pt>
                <c:pt idx="2790">
                  <c:v>79.571242351799583</c:v>
                </c:pt>
                <c:pt idx="2791">
                  <c:v>79.564440300717152</c:v>
                </c:pt>
                <c:pt idx="2792">
                  <c:v>79.557642161107466</c:v>
                </c:pt>
                <c:pt idx="2793">
                  <c:v>79.550840110025035</c:v>
                </c:pt>
                <c:pt idx="2794">
                  <c:v>79.544041970415336</c:v>
                </c:pt>
                <c:pt idx="2795">
                  <c:v>79.53724383080565</c:v>
                </c:pt>
                <c:pt idx="2796">
                  <c:v>79.529835501449625</c:v>
                </c:pt>
                <c:pt idx="2797">
                  <c:v>79.523686666313594</c:v>
                </c:pt>
                <c:pt idx="2798">
                  <c:v>79.516884615231177</c:v>
                </c:pt>
                <c:pt idx="2799">
                  <c:v>79.510692753895071</c:v>
                </c:pt>
                <c:pt idx="2800">
                  <c:v>79.504543918759026</c:v>
                </c:pt>
                <c:pt idx="2801">
                  <c:v>79.497741867676595</c:v>
                </c:pt>
                <c:pt idx="2802">
                  <c:v>79.49094372806691</c:v>
                </c:pt>
                <c:pt idx="2803">
                  <c:v>79.484790981458133</c:v>
                </c:pt>
                <c:pt idx="2804">
                  <c:v>79.477992841848447</c:v>
                </c:pt>
                <c:pt idx="2805">
                  <c:v>79.471194702238748</c:v>
                </c:pt>
                <c:pt idx="2806">
                  <c:v>79.46499892942991</c:v>
                </c:pt>
                <c:pt idx="2807">
                  <c:v>79.457594511546631</c:v>
                </c:pt>
                <c:pt idx="2808">
                  <c:v>79.451441764937869</c:v>
                </c:pt>
                <c:pt idx="2809">
                  <c:v>79.444643625328169</c:v>
                </c:pt>
                <c:pt idx="2810">
                  <c:v>79.437845485718469</c:v>
                </c:pt>
                <c:pt idx="2811">
                  <c:v>79.431043434636052</c:v>
                </c:pt>
                <c:pt idx="2812">
                  <c:v>79.424245295026353</c:v>
                </c:pt>
                <c:pt idx="2813">
                  <c:v>79.418092548417576</c:v>
                </c:pt>
                <c:pt idx="2814">
                  <c:v>79.41129440880789</c:v>
                </c:pt>
                <c:pt idx="2815">
                  <c:v>79.404496269198177</c:v>
                </c:pt>
                <c:pt idx="2816">
                  <c:v>79.398343522589428</c:v>
                </c:pt>
                <c:pt idx="2817">
                  <c:v>79.391545382979714</c:v>
                </c:pt>
                <c:pt idx="2818">
                  <c:v>79.385955888444485</c:v>
                </c:pt>
                <c:pt idx="2819">
                  <c:v>79.37920077503486</c:v>
                </c:pt>
                <c:pt idx="2820">
                  <c:v>79.372402635425161</c:v>
                </c:pt>
                <c:pt idx="2821">
                  <c:v>79.366206862616338</c:v>
                </c:pt>
                <c:pt idx="2822">
                  <c:v>79.360058027480292</c:v>
                </c:pt>
                <c:pt idx="2823">
                  <c:v>79.353255976397861</c:v>
                </c:pt>
                <c:pt idx="2824">
                  <c:v>79.346457836788161</c:v>
                </c:pt>
                <c:pt idx="2825">
                  <c:v>79.339659697178476</c:v>
                </c:pt>
                <c:pt idx="2826">
                  <c:v>79.333506950569699</c:v>
                </c:pt>
                <c:pt idx="2827">
                  <c:v>79.326102532686406</c:v>
                </c:pt>
                <c:pt idx="2828">
                  <c:v>79.319300481603989</c:v>
                </c:pt>
                <c:pt idx="2829">
                  <c:v>79.313108620267897</c:v>
                </c:pt>
                <c:pt idx="2830">
                  <c:v>79.306310480658212</c:v>
                </c:pt>
                <c:pt idx="2831">
                  <c:v>79.299508429575766</c:v>
                </c:pt>
                <c:pt idx="2832">
                  <c:v>79.292753316166142</c:v>
                </c:pt>
                <c:pt idx="2833">
                  <c:v>79.285951265083725</c:v>
                </c:pt>
                <c:pt idx="2834">
                  <c:v>79.279759403747619</c:v>
                </c:pt>
                <c:pt idx="2835">
                  <c:v>79.272961264137919</c:v>
                </c:pt>
                <c:pt idx="2836">
                  <c:v>79.266202239255563</c:v>
                </c:pt>
                <c:pt idx="2837">
                  <c:v>79.258797821372269</c:v>
                </c:pt>
                <c:pt idx="2838">
                  <c:v>79.25320832683704</c:v>
                </c:pt>
                <c:pt idx="2839">
                  <c:v>79.24641018722734</c:v>
                </c:pt>
                <c:pt idx="2840">
                  <c:v>79.239655073817701</c:v>
                </c:pt>
                <c:pt idx="2841">
                  <c:v>79.233459301008878</c:v>
                </c:pt>
                <c:pt idx="2842">
                  <c:v>79.226661161399164</c:v>
                </c:pt>
                <c:pt idx="2843">
                  <c:v>79.219859110316747</c:v>
                </c:pt>
                <c:pt idx="2844">
                  <c:v>79.213103996907122</c:v>
                </c:pt>
                <c:pt idx="2845">
                  <c:v>79.206912135571017</c:v>
                </c:pt>
                <c:pt idx="2846">
                  <c:v>79.2001100844886</c:v>
                </c:pt>
                <c:pt idx="2847">
                  <c:v>79.1933119448789</c:v>
                </c:pt>
                <c:pt idx="2848">
                  <c:v>79.187159198270137</c:v>
                </c:pt>
                <c:pt idx="2849">
                  <c:v>79.180361058660424</c:v>
                </c:pt>
                <c:pt idx="2850">
                  <c:v>79.173562919050738</c:v>
                </c:pt>
                <c:pt idx="2851">
                  <c:v>79.167367146241915</c:v>
                </c:pt>
                <c:pt idx="2852">
                  <c:v>79.160612032832276</c:v>
                </c:pt>
                <c:pt idx="2853">
                  <c:v>79.153809981749859</c:v>
                </c:pt>
                <c:pt idx="2854">
                  <c:v>79.147011842140145</c:v>
                </c:pt>
                <c:pt idx="2855">
                  <c:v>79.14021370253046</c:v>
                </c:pt>
                <c:pt idx="2856">
                  <c:v>79.134060955921683</c:v>
                </c:pt>
                <c:pt idx="2857">
                  <c:v>79.126656538038404</c:v>
                </c:pt>
                <c:pt idx="2858">
                  <c:v>79.120460765229566</c:v>
                </c:pt>
                <c:pt idx="2859">
                  <c:v>79.113662625619881</c:v>
                </c:pt>
                <c:pt idx="2860">
                  <c:v>79.107513790483836</c:v>
                </c:pt>
                <c:pt idx="2861">
                  <c:v>79.100711739401405</c:v>
                </c:pt>
                <c:pt idx="2862">
                  <c:v>79.093913599791719</c:v>
                </c:pt>
                <c:pt idx="2863">
                  <c:v>79.087717826982896</c:v>
                </c:pt>
                <c:pt idx="2864">
                  <c:v>79.080962713573257</c:v>
                </c:pt>
                <c:pt idx="2865">
                  <c:v>79.074164573963557</c:v>
                </c:pt>
                <c:pt idx="2866">
                  <c:v>79.06796880115472</c:v>
                </c:pt>
                <c:pt idx="2867">
                  <c:v>79.061170661545034</c:v>
                </c:pt>
                <c:pt idx="2868">
                  <c:v>79.055017914936258</c:v>
                </c:pt>
                <c:pt idx="2869">
                  <c:v>79.048219775326572</c:v>
                </c:pt>
                <c:pt idx="2870">
                  <c:v>79.041421635716873</c:v>
                </c:pt>
                <c:pt idx="2871">
                  <c:v>79.034619584634441</c:v>
                </c:pt>
                <c:pt idx="2872">
                  <c:v>79.02847074949841</c:v>
                </c:pt>
                <c:pt idx="2873">
                  <c:v>79.021668698415979</c:v>
                </c:pt>
                <c:pt idx="2874">
                  <c:v>79.015476837079888</c:v>
                </c:pt>
                <c:pt idx="2875">
                  <c:v>79.008678697470188</c:v>
                </c:pt>
                <c:pt idx="2876">
                  <c:v>79.001919672587817</c:v>
                </c:pt>
                <c:pt idx="2877">
                  <c:v>78.995727811251726</c:v>
                </c:pt>
                <c:pt idx="2878">
                  <c:v>78.988319481895701</c:v>
                </c:pt>
                <c:pt idx="2879">
                  <c:v>78.982127620559595</c:v>
                </c:pt>
                <c:pt idx="2880">
                  <c:v>78.97537250714997</c:v>
                </c:pt>
                <c:pt idx="2881">
                  <c:v>78.968570456067553</c:v>
                </c:pt>
                <c:pt idx="2882">
                  <c:v>78.961772316457854</c:v>
                </c:pt>
                <c:pt idx="2883">
                  <c:v>78.955576543649016</c:v>
                </c:pt>
                <c:pt idx="2884">
                  <c:v>78.948821430239391</c:v>
                </c:pt>
                <c:pt idx="2885">
                  <c:v>78.942023290629706</c:v>
                </c:pt>
                <c:pt idx="2886">
                  <c:v>78.935221239547275</c:v>
                </c:pt>
                <c:pt idx="2887">
                  <c:v>78.928423099937575</c:v>
                </c:pt>
                <c:pt idx="2888">
                  <c:v>78.922227327128738</c:v>
                </c:pt>
                <c:pt idx="2889">
                  <c:v>78.915472213719113</c:v>
                </c:pt>
                <c:pt idx="2890">
                  <c:v>78.908674074109427</c:v>
                </c:pt>
                <c:pt idx="2891">
                  <c:v>78.902478301300576</c:v>
                </c:pt>
                <c:pt idx="2892">
                  <c:v>78.89568016169089</c:v>
                </c:pt>
                <c:pt idx="2893">
                  <c:v>78.888921136808534</c:v>
                </c:pt>
                <c:pt idx="2894">
                  <c:v>78.882122997198834</c:v>
                </c:pt>
                <c:pt idx="2895">
                  <c:v>78.875931135862729</c:v>
                </c:pt>
                <c:pt idx="2896">
                  <c:v>78.868522806506718</c:v>
                </c:pt>
                <c:pt idx="2897">
                  <c:v>78.861724666897032</c:v>
                </c:pt>
                <c:pt idx="2898">
                  <c:v>78.854922615814601</c:v>
                </c:pt>
                <c:pt idx="2899">
                  <c:v>78.848167502404962</c:v>
                </c:pt>
                <c:pt idx="2900">
                  <c:v>78.841365451322545</c:v>
                </c:pt>
                <c:pt idx="2901">
                  <c:v>78.834567311712846</c:v>
                </c:pt>
                <c:pt idx="2902">
                  <c:v>78.82776917210316</c:v>
                </c:pt>
                <c:pt idx="2903">
                  <c:v>78.820967121020729</c:v>
                </c:pt>
                <c:pt idx="2904">
                  <c:v>78.814818285884698</c:v>
                </c:pt>
                <c:pt idx="2905">
                  <c:v>78.808016234802267</c:v>
                </c:pt>
                <c:pt idx="2906">
                  <c:v>78.800611816918988</c:v>
                </c:pt>
                <c:pt idx="2907">
                  <c:v>78.793813677309288</c:v>
                </c:pt>
                <c:pt idx="2908">
                  <c:v>78.787011626226857</c:v>
                </c:pt>
                <c:pt idx="2909">
                  <c:v>78.780213486617185</c:v>
                </c:pt>
                <c:pt idx="2910">
                  <c:v>78.773454461734815</c:v>
                </c:pt>
                <c:pt idx="2911">
                  <c:v>78.766656322125115</c:v>
                </c:pt>
                <c:pt idx="2912">
                  <c:v>78.759858182515416</c:v>
                </c:pt>
                <c:pt idx="2913">
                  <c:v>78.753056131432999</c:v>
                </c:pt>
                <c:pt idx="2914">
                  <c:v>78.746864270096893</c:v>
                </c:pt>
                <c:pt idx="2915">
                  <c:v>78.74131780176171</c:v>
                </c:pt>
                <c:pt idx="2916">
                  <c:v>78.735168966625679</c:v>
                </c:pt>
                <c:pt idx="2917">
                  <c:v>78.728370827015979</c:v>
                </c:pt>
                <c:pt idx="2918">
                  <c:v>78.721568775933548</c:v>
                </c:pt>
                <c:pt idx="2919">
                  <c:v>78.714164358050255</c:v>
                </c:pt>
                <c:pt idx="2920">
                  <c:v>78.707362306967838</c:v>
                </c:pt>
                <c:pt idx="2921">
                  <c:v>78.699957889084544</c:v>
                </c:pt>
                <c:pt idx="2922">
                  <c:v>78.693762116275721</c:v>
                </c:pt>
                <c:pt idx="2923">
                  <c:v>78.68761328113969</c:v>
                </c:pt>
                <c:pt idx="2924">
                  <c:v>78.68081514152999</c:v>
                </c:pt>
                <c:pt idx="2925">
                  <c:v>78.674013090447573</c:v>
                </c:pt>
                <c:pt idx="2926">
                  <c:v>78.66660867256428</c:v>
                </c:pt>
                <c:pt idx="2927">
                  <c:v>78.659806621481863</c:v>
                </c:pt>
                <c:pt idx="2928">
                  <c:v>78.653008481872149</c:v>
                </c:pt>
                <c:pt idx="2929">
                  <c:v>78.646253368462524</c:v>
                </c:pt>
                <c:pt idx="2930">
                  <c:v>78.638802012906439</c:v>
                </c:pt>
                <c:pt idx="2931">
                  <c:v>78.631397595023174</c:v>
                </c:pt>
                <c:pt idx="2932">
                  <c:v>78.625244848414397</c:v>
                </c:pt>
                <c:pt idx="2933">
                  <c:v>78.618446708804697</c:v>
                </c:pt>
                <c:pt idx="2934">
                  <c:v>78.611648569195012</c:v>
                </c:pt>
                <c:pt idx="2935">
                  <c:v>78.606102100859815</c:v>
                </c:pt>
                <c:pt idx="2936">
                  <c:v>78.59869768297655</c:v>
                </c:pt>
                <c:pt idx="2937">
                  <c:v>78.592501910167698</c:v>
                </c:pt>
                <c:pt idx="2938">
                  <c:v>78.586353075031667</c:v>
                </c:pt>
                <c:pt idx="2939">
                  <c:v>78.578948657148388</c:v>
                </c:pt>
                <c:pt idx="2940">
                  <c:v>78.572146606065957</c:v>
                </c:pt>
                <c:pt idx="2941">
                  <c:v>78.564742188182677</c:v>
                </c:pt>
                <c:pt idx="2942">
                  <c:v>78.55794013710026</c:v>
                </c:pt>
                <c:pt idx="2943">
                  <c:v>78.551748275764155</c:v>
                </c:pt>
                <c:pt idx="2944">
                  <c:v>78.544946224681709</c:v>
                </c:pt>
                <c:pt idx="2945">
                  <c:v>78.537541806798444</c:v>
                </c:pt>
                <c:pt idx="2946">
                  <c:v>78.530786693388819</c:v>
                </c:pt>
                <c:pt idx="2947">
                  <c:v>78.523984642306374</c:v>
                </c:pt>
                <c:pt idx="2948">
                  <c:v>78.51658022442308</c:v>
                </c:pt>
                <c:pt idx="2949">
                  <c:v>78.509778173340678</c:v>
                </c:pt>
                <c:pt idx="2950">
                  <c:v>78.502980033730964</c:v>
                </c:pt>
                <c:pt idx="2951">
                  <c:v>78.495571704374953</c:v>
                </c:pt>
                <c:pt idx="2952">
                  <c:v>78.488773564765268</c:v>
                </c:pt>
                <c:pt idx="2953">
                  <c:v>78.481975425155568</c:v>
                </c:pt>
                <c:pt idx="2954">
                  <c:v>78.475173374073137</c:v>
                </c:pt>
                <c:pt idx="2955">
                  <c:v>78.468418260663512</c:v>
                </c:pt>
                <c:pt idx="2956">
                  <c:v>78.460966905107426</c:v>
                </c:pt>
                <c:pt idx="2957">
                  <c:v>78.454818069971395</c:v>
                </c:pt>
                <c:pt idx="2958">
                  <c:v>78.44801993036171</c:v>
                </c:pt>
                <c:pt idx="2959">
                  <c:v>78.441217879279279</c:v>
                </c:pt>
                <c:pt idx="2960">
                  <c:v>78.434419739669579</c:v>
                </c:pt>
                <c:pt idx="2961">
                  <c:v>78.427660714787223</c:v>
                </c:pt>
                <c:pt idx="2962">
                  <c:v>78.420862575177537</c:v>
                </c:pt>
                <c:pt idx="2963">
                  <c:v>78.414064435567838</c:v>
                </c:pt>
                <c:pt idx="2964">
                  <c:v>78.406656106211827</c:v>
                </c:pt>
                <c:pt idx="2965">
                  <c:v>78.399857966602127</c:v>
                </c:pt>
                <c:pt idx="2966">
                  <c:v>78.393055915519696</c:v>
                </c:pt>
                <c:pt idx="2967">
                  <c:v>78.386257775910011</c:v>
                </c:pt>
                <c:pt idx="2968">
                  <c:v>78.37949875102764</c:v>
                </c:pt>
                <c:pt idx="2969">
                  <c:v>78.372700611417955</c:v>
                </c:pt>
                <c:pt idx="2970">
                  <c:v>78.365296193534661</c:v>
                </c:pt>
                <c:pt idx="2971">
                  <c:v>78.358494142452244</c:v>
                </c:pt>
                <c:pt idx="2972">
                  <c:v>78.351696002842544</c:v>
                </c:pt>
                <c:pt idx="2973">
                  <c:v>78.344893951760127</c:v>
                </c:pt>
                <c:pt idx="2974">
                  <c:v>78.338745116624068</c:v>
                </c:pt>
                <c:pt idx="2975">
                  <c:v>78.330687482794403</c:v>
                </c:pt>
                <c:pt idx="2976">
                  <c:v>78.324538647658358</c:v>
                </c:pt>
                <c:pt idx="2977">
                  <c:v>78.317740508048672</c:v>
                </c:pt>
                <c:pt idx="2978">
                  <c:v>78.311544735239849</c:v>
                </c:pt>
                <c:pt idx="2979">
                  <c:v>78.304746595630135</c:v>
                </c:pt>
                <c:pt idx="2980">
                  <c:v>78.29799148222051</c:v>
                </c:pt>
                <c:pt idx="2981">
                  <c:v>78.2905831528645</c:v>
                </c:pt>
                <c:pt idx="2982">
                  <c:v>78.2837850132548</c:v>
                </c:pt>
                <c:pt idx="2983">
                  <c:v>78.276982962172383</c:v>
                </c:pt>
                <c:pt idx="2984">
                  <c:v>78.270184822562683</c:v>
                </c:pt>
                <c:pt idx="2985">
                  <c:v>78.262776493206673</c:v>
                </c:pt>
                <c:pt idx="2986">
                  <c:v>78.255372075323393</c:v>
                </c:pt>
                <c:pt idx="2987">
                  <c:v>78.248573935713694</c:v>
                </c:pt>
                <c:pt idx="2988">
                  <c:v>78.241771884631277</c:v>
                </c:pt>
                <c:pt idx="2989">
                  <c:v>78.234367466747983</c:v>
                </c:pt>
                <c:pt idx="2990">
                  <c:v>78.227565415665566</c:v>
                </c:pt>
                <c:pt idx="2991">
                  <c:v>78.220810302255913</c:v>
                </c:pt>
                <c:pt idx="2992">
                  <c:v>78.21400825117351</c:v>
                </c:pt>
                <c:pt idx="2993">
                  <c:v>78.207210111563796</c:v>
                </c:pt>
                <c:pt idx="2994">
                  <c:v>78.200411971954111</c:v>
                </c:pt>
                <c:pt idx="2995">
                  <c:v>78.1930036425981</c:v>
                </c:pt>
                <c:pt idx="2996">
                  <c:v>78.1862055029884</c:v>
                </c:pt>
                <c:pt idx="2997">
                  <c:v>78.179403451905969</c:v>
                </c:pt>
                <c:pt idx="2998">
                  <c:v>78.172605312296284</c:v>
                </c:pt>
                <c:pt idx="2999">
                  <c:v>78.165850198886659</c:v>
                </c:pt>
                <c:pt idx="3000">
                  <c:v>78.159048147804214</c:v>
                </c:pt>
                <c:pt idx="3001">
                  <c:v>78.152250008194542</c:v>
                </c:pt>
                <c:pt idx="3002">
                  <c:v>78.144841678838517</c:v>
                </c:pt>
                <c:pt idx="3003">
                  <c:v>78.138043539228832</c:v>
                </c:pt>
                <c:pt idx="3004">
                  <c:v>78.131241488146401</c:v>
                </c:pt>
                <c:pt idx="3005">
                  <c:v>78.124443348536701</c:v>
                </c:pt>
                <c:pt idx="3006">
                  <c:v>78.117688235127076</c:v>
                </c:pt>
                <c:pt idx="3007">
                  <c:v>78.110886184044659</c:v>
                </c:pt>
                <c:pt idx="3008">
                  <c:v>78.10408804443496</c:v>
                </c:pt>
                <c:pt idx="3009">
                  <c:v>78.097285993352529</c:v>
                </c:pt>
                <c:pt idx="3010">
                  <c:v>78.089881575469249</c:v>
                </c:pt>
                <c:pt idx="3011">
                  <c:v>78.082473246113238</c:v>
                </c:pt>
                <c:pt idx="3012">
                  <c:v>78.075675106503539</c:v>
                </c:pt>
                <c:pt idx="3013">
                  <c:v>78.068876966893839</c:v>
                </c:pt>
                <c:pt idx="3014">
                  <c:v>78.062074915811422</c:v>
                </c:pt>
                <c:pt idx="3015">
                  <c:v>78.055319802401783</c:v>
                </c:pt>
                <c:pt idx="3016">
                  <c:v>78.048517751319352</c:v>
                </c:pt>
                <c:pt idx="3017">
                  <c:v>78.041113333436073</c:v>
                </c:pt>
                <c:pt idx="3018">
                  <c:v>78.034921472099967</c:v>
                </c:pt>
                <c:pt idx="3019">
                  <c:v>78.02811942101755</c:v>
                </c:pt>
                <c:pt idx="3020">
                  <c:v>78.02132128140785</c:v>
                </c:pt>
                <c:pt idx="3021">
                  <c:v>78.01456225652548</c:v>
                </c:pt>
                <c:pt idx="3022">
                  <c:v>78.007764116915794</c:v>
                </c:pt>
                <c:pt idx="3023">
                  <c:v>78.000965977306109</c:v>
                </c:pt>
                <c:pt idx="3024">
                  <c:v>77.994163926223678</c:v>
                </c:pt>
                <c:pt idx="3025">
                  <c:v>77.986759508340398</c:v>
                </c:pt>
                <c:pt idx="3026">
                  <c:v>77.980606761731622</c:v>
                </c:pt>
                <c:pt idx="3027">
                  <c:v>77.973808622121936</c:v>
                </c:pt>
                <c:pt idx="3028">
                  <c:v>77.967006571039505</c:v>
                </c:pt>
                <c:pt idx="3029">
                  <c:v>77.959602153156226</c:v>
                </c:pt>
                <c:pt idx="3030">
                  <c:v>77.952804013546526</c:v>
                </c:pt>
                <c:pt idx="3031">
                  <c:v>77.946001962464109</c:v>
                </c:pt>
                <c:pt idx="3032">
                  <c:v>77.938597544580816</c:v>
                </c:pt>
                <c:pt idx="3033">
                  <c:v>77.932401771771978</c:v>
                </c:pt>
                <c:pt idx="3034">
                  <c:v>77.924997353888699</c:v>
                </c:pt>
                <c:pt idx="3035">
                  <c:v>77.917589024532674</c:v>
                </c:pt>
                <c:pt idx="3036">
                  <c:v>77.910790884923003</c:v>
                </c:pt>
                <c:pt idx="3037">
                  <c:v>77.90403577151335</c:v>
                </c:pt>
                <c:pt idx="3038">
                  <c:v>77.897233720430933</c:v>
                </c:pt>
                <c:pt idx="3039">
                  <c:v>77.889829302547639</c:v>
                </c:pt>
                <c:pt idx="3040">
                  <c:v>77.882420973191628</c:v>
                </c:pt>
                <c:pt idx="3041">
                  <c:v>77.876229111855523</c:v>
                </c:pt>
                <c:pt idx="3042">
                  <c:v>77.868824693972243</c:v>
                </c:pt>
                <c:pt idx="3043">
                  <c:v>77.862022642889812</c:v>
                </c:pt>
                <c:pt idx="3044">
                  <c:v>77.855224503280112</c:v>
                </c:pt>
                <c:pt idx="3045">
                  <c:v>77.847816173924102</c:v>
                </c:pt>
                <c:pt idx="3046">
                  <c:v>77.840411756040822</c:v>
                </c:pt>
                <c:pt idx="3047">
                  <c:v>77.834259009432046</c:v>
                </c:pt>
                <c:pt idx="3048">
                  <c:v>77.826854591548766</c:v>
                </c:pt>
                <c:pt idx="3049">
                  <c:v>77.820056451939067</c:v>
                </c:pt>
                <c:pt idx="3050">
                  <c:v>77.812648122583042</c:v>
                </c:pt>
                <c:pt idx="3051">
                  <c:v>77.805849982973356</c:v>
                </c:pt>
                <c:pt idx="3052">
                  <c:v>77.797792349143677</c:v>
                </c:pt>
                <c:pt idx="3053">
                  <c:v>77.791037235734052</c:v>
                </c:pt>
                <c:pt idx="3054">
                  <c:v>77.783628906378041</c:v>
                </c:pt>
                <c:pt idx="3055">
                  <c:v>77.776830766768342</c:v>
                </c:pt>
                <c:pt idx="3056">
                  <c:v>77.770032627158656</c:v>
                </c:pt>
                <c:pt idx="3057">
                  <c:v>77.762624297802631</c:v>
                </c:pt>
                <c:pt idx="3058">
                  <c:v>77.755826158192946</c:v>
                </c:pt>
                <c:pt idx="3059">
                  <c:v>77.749024107110515</c:v>
                </c:pt>
                <c:pt idx="3060">
                  <c:v>77.741619689227235</c:v>
                </c:pt>
                <c:pt idx="3061">
                  <c:v>77.73421135987121</c:v>
                </c:pt>
                <c:pt idx="3062">
                  <c:v>77.727413220261525</c:v>
                </c:pt>
                <c:pt idx="3063">
                  <c:v>77.720004890905514</c:v>
                </c:pt>
                <c:pt idx="3064">
                  <c:v>77.7132067512958</c:v>
                </c:pt>
                <c:pt idx="3065">
                  <c:v>77.705802333412521</c:v>
                </c:pt>
                <c:pt idx="3066">
                  <c:v>77.69839400405651</c:v>
                </c:pt>
                <c:pt idx="3067">
                  <c:v>77.690989586173231</c:v>
                </c:pt>
                <c:pt idx="3068">
                  <c:v>77.6841875350908</c:v>
                </c:pt>
                <c:pt idx="3069">
                  <c:v>77.6773893954811</c:v>
                </c:pt>
                <c:pt idx="3070">
                  <c:v>77.670634282071475</c:v>
                </c:pt>
                <c:pt idx="3071">
                  <c:v>77.66318292651539</c:v>
                </c:pt>
                <c:pt idx="3072">
                  <c:v>77.655778508632125</c:v>
                </c:pt>
                <c:pt idx="3073">
                  <c:v>77.649019483749754</c:v>
                </c:pt>
                <c:pt idx="3074">
                  <c:v>77.642221344140054</c:v>
                </c:pt>
                <c:pt idx="3075">
                  <c:v>77.634813014784044</c:v>
                </c:pt>
                <c:pt idx="3076">
                  <c:v>77.62740859690075</c:v>
                </c:pt>
                <c:pt idx="3077">
                  <c:v>77.621216735564644</c:v>
                </c:pt>
                <c:pt idx="3078">
                  <c:v>77.614414684482213</c:v>
                </c:pt>
                <c:pt idx="3079">
                  <c:v>77.607010266598934</c:v>
                </c:pt>
                <c:pt idx="3080">
                  <c:v>77.600208215516503</c:v>
                </c:pt>
                <c:pt idx="3081">
                  <c:v>77.593410075906817</c:v>
                </c:pt>
                <c:pt idx="3082">
                  <c:v>77.586001746550792</c:v>
                </c:pt>
                <c:pt idx="3083">
                  <c:v>77.579203606941107</c:v>
                </c:pt>
                <c:pt idx="3084">
                  <c:v>77.571795277585096</c:v>
                </c:pt>
                <c:pt idx="3085">
                  <c:v>77.565040164175457</c:v>
                </c:pt>
                <c:pt idx="3086">
                  <c:v>77.558242024565772</c:v>
                </c:pt>
                <c:pt idx="3087">
                  <c:v>77.550833695209761</c:v>
                </c:pt>
                <c:pt idx="3088">
                  <c:v>77.543429277326453</c:v>
                </c:pt>
                <c:pt idx="3089">
                  <c:v>77.53662722624405</c:v>
                </c:pt>
                <c:pt idx="3090">
                  <c:v>77.529222808360757</c:v>
                </c:pt>
                <c:pt idx="3091">
                  <c:v>77.521818390477463</c:v>
                </c:pt>
                <c:pt idx="3092">
                  <c:v>77.514367034921392</c:v>
                </c:pt>
                <c:pt idx="3093">
                  <c:v>77.506962617038113</c:v>
                </c:pt>
                <c:pt idx="3094">
                  <c:v>77.500203592155742</c:v>
                </c:pt>
                <c:pt idx="3095">
                  <c:v>77.492756148072402</c:v>
                </c:pt>
                <c:pt idx="3096">
                  <c:v>77.485997123190032</c:v>
                </c:pt>
                <c:pt idx="3097">
                  <c:v>77.477943400833098</c:v>
                </c:pt>
                <c:pt idx="3098">
                  <c:v>77.471184375950742</c:v>
                </c:pt>
                <c:pt idx="3099">
                  <c:v>77.463736931867402</c:v>
                </c:pt>
                <c:pt idx="3100">
                  <c:v>77.455722324237769</c:v>
                </c:pt>
                <c:pt idx="3101">
                  <c:v>77.44831790635449</c:v>
                </c:pt>
                <c:pt idx="3102">
                  <c:v>77.44091348847121</c:v>
                </c:pt>
                <c:pt idx="3103">
                  <c:v>77.433505159115199</c:v>
                </c:pt>
                <c:pt idx="3104">
                  <c:v>77.426100741231906</c:v>
                </c:pt>
                <c:pt idx="3105">
                  <c:v>77.418692411875895</c:v>
                </c:pt>
                <c:pt idx="3106">
                  <c:v>77.411287993992602</c:v>
                </c:pt>
                <c:pt idx="3107">
                  <c:v>77.40383663843653</c:v>
                </c:pt>
                <c:pt idx="3108">
                  <c:v>77.396432220553237</c:v>
                </c:pt>
                <c:pt idx="3109">
                  <c:v>77.389023891197226</c:v>
                </c:pt>
                <c:pt idx="3110">
                  <c:v>77.381619473313933</c:v>
                </c:pt>
                <c:pt idx="3111">
                  <c:v>77.374215055430653</c:v>
                </c:pt>
                <c:pt idx="3112">
                  <c:v>77.366806726074628</c:v>
                </c:pt>
                <c:pt idx="3113">
                  <c:v>77.359402308191363</c:v>
                </c:pt>
                <c:pt idx="3114">
                  <c:v>77.351993978835338</c:v>
                </c:pt>
                <c:pt idx="3115">
                  <c:v>77.343983282678465</c:v>
                </c:pt>
                <c:pt idx="3116">
                  <c:v>77.33718123159602</c:v>
                </c:pt>
                <c:pt idx="3117">
                  <c:v>77.329776813712741</c:v>
                </c:pt>
                <c:pt idx="3118">
                  <c:v>77.32236848435673</c:v>
                </c:pt>
                <c:pt idx="3119">
                  <c:v>77.31492104027339</c:v>
                </c:pt>
                <c:pt idx="3120">
                  <c:v>77.307512710917365</c:v>
                </c:pt>
                <c:pt idx="3121">
                  <c:v>77.300108293034086</c:v>
                </c:pt>
                <c:pt idx="3122">
                  <c:v>77.292703875150792</c:v>
                </c:pt>
                <c:pt idx="3123">
                  <c:v>77.285901824068375</c:v>
                </c:pt>
                <c:pt idx="3124">
                  <c:v>77.277891127911488</c:v>
                </c:pt>
                <c:pt idx="3125">
                  <c:v>77.270482798555477</c:v>
                </c:pt>
                <c:pt idx="3126">
                  <c:v>77.263078380672184</c:v>
                </c:pt>
                <c:pt idx="3127">
                  <c:v>77.255063773042593</c:v>
                </c:pt>
                <c:pt idx="3128">
                  <c:v>77.247616328959239</c:v>
                </c:pt>
                <c:pt idx="3129">
                  <c:v>77.240207999603214</c:v>
                </c:pt>
                <c:pt idx="3130">
                  <c:v>77.232803581719921</c:v>
                </c:pt>
                <c:pt idx="3131">
                  <c:v>77.224792885563062</c:v>
                </c:pt>
                <c:pt idx="3132">
                  <c:v>77.217384556207051</c:v>
                </c:pt>
                <c:pt idx="3133">
                  <c:v>77.209980138323758</c:v>
                </c:pt>
                <c:pt idx="3134">
                  <c:v>77.202571808967747</c:v>
                </c:pt>
                <c:pt idx="3135">
                  <c:v>77.195167391084453</c:v>
                </c:pt>
                <c:pt idx="3136">
                  <c:v>77.187759061728443</c:v>
                </c:pt>
                <c:pt idx="3137">
                  <c:v>77.180311617645089</c:v>
                </c:pt>
                <c:pt idx="3138">
                  <c:v>77.172903288289064</c:v>
                </c:pt>
                <c:pt idx="3139">
                  <c:v>77.16489259213219</c:v>
                </c:pt>
                <c:pt idx="3140">
                  <c:v>77.15748426277618</c:v>
                </c:pt>
                <c:pt idx="3141">
                  <c:v>77.1500798448929</c:v>
                </c:pt>
                <c:pt idx="3142">
                  <c:v>77.142675427009607</c:v>
                </c:pt>
                <c:pt idx="3143">
                  <c:v>77.135267097653596</c:v>
                </c:pt>
                <c:pt idx="3144">
                  <c:v>77.127213375296648</c:v>
                </c:pt>
                <c:pt idx="3145">
                  <c:v>77.119805045940637</c:v>
                </c:pt>
                <c:pt idx="3146">
                  <c:v>77.111794349783764</c:v>
                </c:pt>
                <c:pt idx="3147">
                  <c:v>77.104992298701333</c:v>
                </c:pt>
                <c:pt idx="3148">
                  <c:v>77.09698160254446</c:v>
                </c:pt>
                <c:pt idx="3149">
                  <c:v>77.089573273188449</c:v>
                </c:pt>
                <c:pt idx="3150">
                  <c:v>77.082168855305156</c:v>
                </c:pt>
                <c:pt idx="3151">
                  <c:v>77.074111221475476</c:v>
                </c:pt>
                <c:pt idx="3152">
                  <c:v>77.066706803592197</c:v>
                </c:pt>
                <c:pt idx="3153">
                  <c:v>77.059298474236172</c:v>
                </c:pt>
                <c:pt idx="3154">
                  <c:v>77.051287778079313</c:v>
                </c:pt>
                <c:pt idx="3155">
                  <c:v>77.044489638469614</c:v>
                </c:pt>
                <c:pt idx="3156">
                  <c:v>77.035825726366355</c:v>
                </c:pt>
                <c:pt idx="3157">
                  <c:v>77.028421308483061</c:v>
                </c:pt>
                <c:pt idx="3158">
                  <c:v>77.02101297912705</c:v>
                </c:pt>
                <c:pt idx="3159">
                  <c:v>77.013002282970177</c:v>
                </c:pt>
                <c:pt idx="3160">
                  <c:v>77.004944649140512</c:v>
                </c:pt>
                <c:pt idx="3161">
                  <c:v>76.997540231257219</c:v>
                </c:pt>
                <c:pt idx="3162">
                  <c:v>76.9895256236276</c:v>
                </c:pt>
                <c:pt idx="3163">
                  <c:v>76.98212120574432</c:v>
                </c:pt>
                <c:pt idx="3164">
                  <c:v>76.974106598114716</c:v>
                </c:pt>
                <c:pt idx="3165">
                  <c:v>76.966052875757782</c:v>
                </c:pt>
                <c:pt idx="3166">
                  <c:v>76.959250824675351</c:v>
                </c:pt>
                <c:pt idx="3167">
                  <c:v>76.951240128518492</c:v>
                </c:pt>
                <c:pt idx="3168">
                  <c:v>76.943831799162467</c:v>
                </c:pt>
                <c:pt idx="3169">
                  <c:v>76.93582110300558</c:v>
                </c:pt>
                <c:pt idx="3170">
                  <c:v>76.928416685122301</c:v>
                </c:pt>
                <c:pt idx="3171">
                  <c:v>76.920359051292621</c:v>
                </c:pt>
                <c:pt idx="3172">
                  <c:v>76.912348355135762</c:v>
                </c:pt>
                <c:pt idx="3173">
                  <c:v>76.904940025779737</c:v>
                </c:pt>
                <c:pt idx="3174">
                  <c:v>76.896886303422789</c:v>
                </c:pt>
                <c:pt idx="3175">
                  <c:v>76.888871695793185</c:v>
                </c:pt>
                <c:pt idx="3176">
                  <c:v>76.880860999636312</c:v>
                </c:pt>
                <c:pt idx="3177">
                  <c:v>76.872803365806647</c:v>
                </c:pt>
                <c:pt idx="3178">
                  <c:v>76.865398947923367</c:v>
                </c:pt>
                <c:pt idx="3179">
                  <c:v>76.857384340293734</c:v>
                </c:pt>
                <c:pt idx="3180">
                  <c:v>76.849373644136875</c:v>
                </c:pt>
                <c:pt idx="3181">
                  <c:v>76.841316010307196</c:v>
                </c:pt>
                <c:pt idx="3182">
                  <c:v>76.833911592423917</c:v>
                </c:pt>
                <c:pt idx="3183">
                  <c:v>76.825896984794312</c:v>
                </c:pt>
                <c:pt idx="3184">
                  <c:v>76.818492566911019</c:v>
                </c:pt>
                <c:pt idx="3185">
                  <c:v>76.810477959281414</c:v>
                </c:pt>
                <c:pt idx="3186">
                  <c:v>76.80242423692448</c:v>
                </c:pt>
                <c:pt idx="3187">
                  <c:v>76.795015907568455</c:v>
                </c:pt>
                <c:pt idx="3188">
                  <c:v>76.786355906937942</c:v>
                </c:pt>
                <c:pt idx="3189">
                  <c:v>76.778947577581917</c:v>
                </c:pt>
                <c:pt idx="3190">
                  <c:v>76.771543159698624</c:v>
                </c:pt>
                <c:pt idx="3191">
                  <c:v>76.76353246354175</c:v>
                </c:pt>
                <c:pt idx="3192">
                  <c:v>76.755517855912146</c:v>
                </c:pt>
                <c:pt idx="3193">
                  <c:v>76.747464133555212</c:v>
                </c:pt>
                <c:pt idx="3194">
                  <c:v>76.739449525925579</c:v>
                </c:pt>
                <c:pt idx="3195">
                  <c:v>76.73143882976872</c:v>
                </c:pt>
                <c:pt idx="3196">
                  <c:v>76.723381195939055</c:v>
                </c:pt>
                <c:pt idx="3197">
                  <c:v>76.715370499782168</c:v>
                </c:pt>
                <c:pt idx="3198">
                  <c:v>76.707355892152563</c:v>
                </c:pt>
                <c:pt idx="3199">
                  <c:v>76.69995147426927</c:v>
                </c:pt>
                <c:pt idx="3200">
                  <c:v>76.691893840439604</c:v>
                </c:pt>
                <c:pt idx="3201">
                  <c:v>76.683883144282731</c:v>
                </c:pt>
                <c:pt idx="3202">
                  <c:v>76.676474814926721</c:v>
                </c:pt>
                <c:pt idx="3203">
                  <c:v>76.667814814296179</c:v>
                </c:pt>
                <c:pt idx="3204">
                  <c:v>76.659800206666574</c:v>
                </c:pt>
                <c:pt idx="3205">
                  <c:v>76.651746484309641</c:v>
                </c:pt>
                <c:pt idx="3206">
                  <c:v>76.644338154953616</c:v>
                </c:pt>
                <c:pt idx="3207">
                  <c:v>76.636327458796742</c:v>
                </c:pt>
                <c:pt idx="3208">
                  <c:v>76.627663546693483</c:v>
                </c:pt>
                <c:pt idx="3209">
                  <c:v>76.62025912881019</c:v>
                </c:pt>
                <c:pt idx="3210">
                  <c:v>76.611638242906992</c:v>
                </c:pt>
                <c:pt idx="3211">
                  <c:v>76.602978242276464</c:v>
                </c:pt>
                <c:pt idx="3212">
                  <c:v>76.595569912920453</c:v>
                </c:pt>
                <c:pt idx="3213">
                  <c:v>76.587559216763566</c:v>
                </c:pt>
                <c:pt idx="3214">
                  <c:v>76.579501582933901</c:v>
                </c:pt>
                <c:pt idx="3215">
                  <c:v>76.571490886777028</c:v>
                </c:pt>
                <c:pt idx="3216">
                  <c:v>76.563476279147423</c:v>
                </c:pt>
                <c:pt idx="3217">
                  <c:v>76.555422556790461</c:v>
                </c:pt>
                <c:pt idx="3218">
                  <c:v>76.54801422743445</c:v>
                </c:pt>
                <c:pt idx="3219">
                  <c:v>76.540003531277591</c:v>
                </c:pt>
                <c:pt idx="3220">
                  <c:v>76.531992835120704</c:v>
                </c:pt>
                <c:pt idx="3221">
                  <c:v>76.524584505764693</c:v>
                </c:pt>
                <c:pt idx="3222">
                  <c:v>76.516530783407745</c:v>
                </c:pt>
                <c:pt idx="3223">
                  <c:v>76.508516175778141</c:v>
                </c:pt>
                <c:pt idx="3224">
                  <c:v>76.499856175147613</c:v>
                </c:pt>
                <c:pt idx="3225">
                  <c:v>76.492447845791602</c:v>
                </c:pt>
                <c:pt idx="3226">
                  <c:v>76.483181566887467</c:v>
                </c:pt>
                <c:pt idx="3227">
                  <c:v>76.475166959257862</c:v>
                </c:pt>
                <c:pt idx="3228">
                  <c:v>76.466506958627335</c:v>
                </c:pt>
                <c:pt idx="3229">
                  <c:v>76.457886072724136</c:v>
                </c:pt>
                <c:pt idx="3230">
                  <c:v>76.449832350367188</c:v>
                </c:pt>
                <c:pt idx="3231">
                  <c:v>76.441817742737584</c:v>
                </c:pt>
                <c:pt idx="3232">
                  <c:v>76.433157742107056</c:v>
                </c:pt>
                <c:pt idx="3233">
                  <c:v>76.425143134477452</c:v>
                </c:pt>
                <c:pt idx="3234">
                  <c:v>76.417132438320564</c:v>
                </c:pt>
                <c:pt idx="3235">
                  <c:v>76.408468526217305</c:v>
                </c:pt>
                <c:pt idx="3236">
                  <c:v>76.399851551786853</c:v>
                </c:pt>
                <c:pt idx="3237">
                  <c:v>76.391793917957173</c:v>
                </c:pt>
                <c:pt idx="3238">
                  <c:v>76.383783221800286</c:v>
                </c:pt>
                <c:pt idx="3239">
                  <c:v>76.375119309697027</c:v>
                </c:pt>
                <c:pt idx="3240">
                  <c:v>76.367108613540154</c:v>
                </c:pt>
                <c:pt idx="3241">
                  <c:v>76.358444701436895</c:v>
                </c:pt>
                <c:pt idx="3242">
                  <c:v>76.350434005280022</c:v>
                </c:pt>
                <c:pt idx="3243">
                  <c:v>76.342419397650403</c:v>
                </c:pt>
                <c:pt idx="3244">
                  <c:v>76.33375939701989</c:v>
                </c:pt>
                <c:pt idx="3245">
                  <c:v>76.325138511116677</c:v>
                </c:pt>
                <c:pt idx="3246">
                  <c:v>76.316474599013418</c:v>
                </c:pt>
                <c:pt idx="3247">
                  <c:v>76.30781459838289</c:v>
                </c:pt>
                <c:pt idx="3248">
                  <c:v>76.299193712479692</c:v>
                </c:pt>
                <c:pt idx="3249">
                  <c:v>76.291139990122744</c:v>
                </c:pt>
                <c:pt idx="3250">
                  <c:v>76.282519104219546</c:v>
                </c:pt>
                <c:pt idx="3251">
                  <c:v>76.273859103589032</c:v>
                </c:pt>
                <c:pt idx="3252">
                  <c:v>76.265844495959399</c:v>
                </c:pt>
                <c:pt idx="3253">
                  <c:v>76.257790773602466</c:v>
                </c:pt>
                <c:pt idx="3254">
                  <c:v>76.249169887699267</c:v>
                </c:pt>
                <c:pt idx="3255">
                  <c:v>76.24115919154238</c:v>
                </c:pt>
                <c:pt idx="3256">
                  <c:v>76.233101557712729</c:v>
                </c:pt>
                <c:pt idx="3257">
                  <c:v>76.224484583282248</c:v>
                </c:pt>
                <c:pt idx="3258">
                  <c:v>76.216426949452583</c:v>
                </c:pt>
                <c:pt idx="3259">
                  <c:v>76.207809975022116</c:v>
                </c:pt>
                <c:pt idx="3260">
                  <c:v>76.199146062918857</c:v>
                </c:pt>
                <c:pt idx="3261">
                  <c:v>76.190486062288329</c:v>
                </c:pt>
                <c:pt idx="3262">
                  <c:v>76.181865176385131</c:v>
                </c:pt>
                <c:pt idx="3263">
                  <c:v>76.173205175754589</c:v>
                </c:pt>
                <c:pt idx="3264">
                  <c:v>76.165190568124984</c:v>
                </c:pt>
                <c:pt idx="3265">
                  <c:v>76.156530567494457</c:v>
                </c:pt>
                <c:pt idx="3266">
                  <c:v>76.147909681591244</c:v>
                </c:pt>
                <c:pt idx="3267">
                  <c:v>76.138643402687137</c:v>
                </c:pt>
                <c:pt idx="3268">
                  <c:v>76.129979490583878</c:v>
                </c:pt>
                <c:pt idx="3269">
                  <c:v>76.121362516153397</c:v>
                </c:pt>
                <c:pt idx="3270">
                  <c:v>76.112092325776544</c:v>
                </c:pt>
                <c:pt idx="3271">
                  <c:v>76.103432325146017</c:v>
                </c:pt>
                <c:pt idx="3272">
                  <c:v>76.095417717516412</c:v>
                </c:pt>
                <c:pt idx="3273">
                  <c:v>76.086757716885884</c:v>
                </c:pt>
                <c:pt idx="3274">
                  <c:v>76.078136830982686</c:v>
                </c:pt>
                <c:pt idx="3275">
                  <c:v>76.068866640605833</c:v>
                </c:pt>
                <c:pt idx="3276">
                  <c:v>76.060855944448946</c:v>
                </c:pt>
                <c:pt idx="3277">
                  <c:v>76.051585754072107</c:v>
                </c:pt>
                <c:pt idx="3278">
                  <c:v>76.042925753441565</c:v>
                </c:pt>
                <c:pt idx="3279">
                  <c:v>76.034261841338306</c:v>
                </c:pt>
                <c:pt idx="3280">
                  <c:v>76.02503858863426</c:v>
                </c:pt>
                <c:pt idx="3281">
                  <c:v>76.016374676530987</c:v>
                </c:pt>
                <c:pt idx="3282">
                  <c:v>76.008363980374099</c:v>
                </c:pt>
                <c:pt idx="3283">
                  <c:v>75.999093789997261</c:v>
                </c:pt>
                <c:pt idx="3284">
                  <c:v>75.990433789366719</c:v>
                </c:pt>
                <c:pt idx="3285">
                  <c:v>75.981812903463521</c:v>
                </c:pt>
                <c:pt idx="3286">
                  <c:v>75.973152902832993</c:v>
                </c:pt>
                <c:pt idx="3287">
                  <c:v>75.964488990729734</c:v>
                </c:pt>
                <c:pt idx="3288">
                  <c:v>75.955265738025673</c:v>
                </c:pt>
                <c:pt idx="3289">
                  <c:v>75.946601825922414</c:v>
                </c:pt>
                <c:pt idx="3290">
                  <c:v>75.937941825291873</c:v>
                </c:pt>
                <c:pt idx="3291">
                  <c:v>75.929320939388674</c:v>
                </c:pt>
                <c:pt idx="3292">
                  <c:v>75.920050749011821</c:v>
                </c:pt>
                <c:pt idx="3293">
                  <c:v>75.911390748381294</c:v>
                </c:pt>
                <c:pt idx="3294">
                  <c:v>75.902769862478095</c:v>
                </c:pt>
                <c:pt idx="3295">
                  <c:v>75.89289730530038</c:v>
                </c:pt>
                <c:pt idx="3296">
                  <c:v>75.884233393197107</c:v>
                </c:pt>
                <c:pt idx="3297">
                  <c:v>75.874967114293</c:v>
                </c:pt>
                <c:pt idx="3298">
                  <c:v>75.865696923916147</c:v>
                </c:pt>
                <c:pt idx="3299">
                  <c:v>75.857079949485666</c:v>
                </c:pt>
                <c:pt idx="3300">
                  <c:v>75.847809759108827</c:v>
                </c:pt>
                <c:pt idx="3301">
                  <c:v>75.838543480204692</c:v>
                </c:pt>
                <c:pt idx="3302">
                  <c:v>75.829273289827853</c:v>
                </c:pt>
                <c:pt idx="3303">
                  <c:v>75.820003099450986</c:v>
                </c:pt>
                <c:pt idx="3304">
                  <c:v>75.810736820546865</c:v>
                </c:pt>
                <c:pt idx="3305">
                  <c:v>75.802115934643666</c:v>
                </c:pt>
                <c:pt idx="3306">
                  <c:v>75.792849655739545</c:v>
                </c:pt>
                <c:pt idx="3307">
                  <c:v>75.784185743636286</c:v>
                </c:pt>
                <c:pt idx="3308">
                  <c:v>75.774962490932225</c:v>
                </c:pt>
                <c:pt idx="3309">
                  <c:v>75.765692300555372</c:v>
                </c:pt>
                <c:pt idx="3310">
                  <c:v>75.756426021651251</c:v>
                </c:pt>
                <c:pt idx="3311">
                  <c:v>75.747155831274384</c:v>
                </c:pt>
                <c:pt idx="3312">
                  <c:v>75.737279362623951</c:v>
                </c:pt>
                <c:pt idx="3313">
                  <c:v>75.728619361993424</c:v>
                </c:pt>
                <c:pt idx="3314">
                  <c:v>75.719349171616557</c:v>
                </c:pt>
                <c:pt idx="3315">
                  <c:v>75.71012591891251</c:v>
                </c:pt>
                <c:pt idx="3316">
                  <c:v>75.700206424061989</c:v>
                </c:pt>
                <c:pt idx="3317">
                  <c:v>75.690983171357942</c:v>
                </c:pt>
                <c:pt idx="3318">
                  <c:v>75.681712980981104</c:v>
                </c:pt>
                <c:pt idx="3319">
                  <c:v>75.672442790604237</c:v>
                </c:pt>
                <c:pt idx="3320">
                  <c:v>75.662570233426521</c:v>
                </c:pt>
                <c:pt idx="3321">
                  <c:v>75.653300043049654</c:v>
                </c:pt>
                <c:pt idx="3322">
                  <c:v>75.644033764145547</c:v>
                </c:pt>
                <c:pt idx="3323">
                  <c:v>75.6341572954951</c:v>
                </c:pt>
                <c:pt idx="3324">
                  <c:v>75.624891016590979</c:v>
                </c:pt>
                <c:pt idx="3325">
                  <c:v>75.615014547940532</c:v>
                </c:pt>
                <c:pt idx="3326">
                  <c:v>75.60574435756368</c:v>
                </c:pt>
                <c:pt idx="3327">
                  <c:v>75.596478078659572</c:v>
                </c:pt>
                <c:pt idx="3328">
                  <c:v>75.586601610009112</c:v>
                </c:pt>
                <c:pt idx="3329">
                  <c:v>75.57733533110499</c:v>
                </c:pt>
                <c:pt idx="3330">
                  <c:v>75.568065140728137</c:v>
                </c:pt>
                <c:pt idx="3331">
                  <c:v>75.558192583550436</c:v>
                </c:pt>
                <c:pt idx="3332">
                  <c:v>75.548316114899976</c:v>
                </c:pt>
                <c:pt idx="3333">
                  <c:v>75.539045924523123</c:v>
                </c:pt>
                <c:pt idx="3334">
                  <c:v>75.529779645619001</c:v>
                </c:pt>
                <c:pt idx="3335">
                  <c:v>75.519296898694975</c:v>
                </c:pt>
                <c:pt idx="3336">
                  <c:v>75.51003061979084</c:v>
                </c:pt>
                <c:pt idx="3337">
                  <c:v>75.500154151140393</c:v>
                </c:pt>
                <c:pt idx="3338">
                  <c:v>75.490883960763554</c:v>
                </c:pt>
                <c:pt idx="3339">
                  <c:v>75.480405125312245</c:v>
                </c:pt>
                <c:pt idx="3340">
                  <c:v>75.470528656661799</c:v>
                </c:pt>
                <c:pt idx="3341">
                  <c:v>75.468666795640956</c:v>
                </c:pt>
                <c:pt idx="3342">
                  <c:v>75.458794238463256</c:v>
                </c:pt>
                <c:pt idx="3343">
                  <c:v>75.448917769812795</c:v>
                </c:pt>
                <c:pt idx="3344">
                  <c:v>75.439041301162362</c:v>
                </c:pt>
                <c:pt idx="3345">
                  <c:v>75.429168743984647</c:v>
                </c:pt>
                <c:pt idx="3346">
                  <c:v>75.41924924913414</c:v>
                </c:pt>
                <c:pt idx="3347">
                  <c:v>75.409372780483693</c:v>
                </c:pt>
                <c:pt idx="3348">
                  <c:v>75.399500223305978</c:v>
                </c:pt>
                <c:pt idx="3349">
                  <c:v>75.389623754655531</c:v>
                </c:pt>
                <c:pt idx="3350">
                  <c:v>75.380357475751424</c:v>
                </c:pt>
                <c:pt idx="3351">
                  <c:v>75.369874728827369</c:v>
                </c:pt>
                <c:pt idx="3352">
                  <c:v>75.360002171649654</c:v>
                </c:pt>
                <c:pt idx="3353">
                  <c:v>75.350125702999222</c:v>
                </c:pt>
                <c:pt idx="3354">
                  <c:v>75.340249234348775</c:v>
                </c:pt>
                <c:pt idx="3355">
                  <c:v>75.33098295544464</c:v>
                </c:pt>
                <c:pt idx="3356">
                  <c:v>75.321106486794207</c:v>
                </c:pt>
                <c:pt idx="3357">
                  <c:v>75.311233929616492</c:v>
                </c:pt>
                <c:pt idx="3358">
                  <c:v>75.301314434765985</c:v>
                </c:pt>
                <c:pt idx="3359">
                  <c:v>75.291437966115538</c:v>
                </c:pt>
                <c:pt idx="3360">
                  <c:v>75.282171687211417</c:v>
                </c:pt>
                <c:pt idx="3361">
                  <c:v>75.272295218560956</c:v>
                </c:pt>
                <c:pt idx="3362">
                  <c:v>75.263028939656849</c:v>
                </c:pt>
                <c:pt idx="3363">
                  <c:v>75.253801775480042</c:v>
                </c:pt>
                <c:pt idx="3364">
                  <c:v>75.244535496575935</c:v>
                </c:pt>
                <c:pt idx="3365">
                  <c:v>75.235265306199096</c:v>
                </c:pt>
                <c:pt idx="3366">
                  <c:v>75.225995115822229</c:v>
                </c:pt>
                <c:pt idx="3367">
                  <c:v>75.217335115191702</c:v>
                </c:pt>
                <c:pt idx="3368">
                  <c:v>75.20810795101491</c:v>
                </c:pt>
                <c:pt idx="3369">
                  <c:v>75.199447950384382</c:v>
                </c:pt>
                <c:pt idx="3370">
                  <c:v>75.190784038281109</c:v>
                </c:pt>
                <c:pt idx="3371">
                  <c:v>75.181560785577048</c:v>
                </c:pt>
                <c:pt idx="3372">
                  <c:v>75.172896873473789</c:v>
                </c:pt>
                <c:pt idx="3373">
                  <c:v>75.164886177316916</c:v>
                </c:pt>
                <c:pt idx="3374">
                  <c:v>75.156828543487237</c:v>
                </c:pt>
                <c:pt idx="3375">
                  <c:v>75.148817847330363</c:v>
                </c:pt>
                <c:pt idx="3376">
                  <c:v>75.140153935227104</c:v>
                </c:pt>
                <c:pt idx="3377">
                  <c:v>75.132143239070231</c:v>
                </c:pt>
                <c:pt idx="3378">
                  <c:v>75.124128631440627</c:v>
                </c:pt>
                <c:pt idx="3379">
                  <c:v>75.116724213557347</c:v>
                </c:pt>
                <c:pt idx="3380">
                  <c:v>75.108666579727668</c:v>
                </c:pt>
                <c:pt idx="3381">
                  <c:v>75.101262161844375</c:v>
                </c:pt>
                <c:pt idx="3382">
                  <c:v>75.09324755421477</c:v>
                </c:pt>
                <c:pt idx="3383">
                  <c:v>75.085843136331491</c:v>
                </c:pt>
                <c:pt idx="3384">
                  <c:v>75.07843480697548</c:v>
                </c:pt>
                <c:pt idx="3385">
                  <c:v>75.07163666736578</c:v>
                </c:pt>
                <c:pt idx="3386">
                  <c:v>75.064838527756081</c:v>
                </c:pt>
                <c:pt idx="3387">
                  <c:v>75.05743019840007</c:v>
                </c:pt>
                <c:pt idx="3388">
                  <c:v>75.050632058790384</c:v>
                </c:pt>
                <c:pt idx="3389">
                  <c:v>75.043830007707953</c:v>
                </c:pt>
                <c:pt idx="3390">
                  <c:v>75.037031868098268</c:v>
                </c:pt>
                <c:pt idx="3391">
                  <c:v>75.030276754688614</c:v>
                </c:pt>
                <c:pt idx="3392">
                  <c:v>75.023474703606198</c:v>
                </c:pt>
                <c:pt idx="3393">
                  <c:v>75.017282842270106</c:v>
                </c:pt>
                <c:pt idx="3394">
                  <c:v>75.010480791187675</c:v>
                </c:pt>
                <c:pt idx="3395">
                  <c:v>75.004331956051644</c:v>
                </c:pt>
                <c:pt idx="3396">
                  <c:v>74.998140094715538</c:v>
                </c:pt>
                <c:pt idx="3397">
                  <c:v>74.991987348106761</c:v>
                </c:pt>
                <c:pt idx="3398">
                  <c:v>74.985795486770655</c:v>
                </c:pt>
                <c:pt idx="3399">
                  <c:v>74.979646651634624</c:v>
                </c:pt>
                <c:pt idx="3400">
                  <c:v>74.973450878825787</c:v>
                </c:pt>
                <c:pt idx="3401">
                  <c:v>74.967259017489681</c:v>
                </c:pt>
                <c:pt idx="3402">
                  <c:v>74.961712549154498</c:v>
                </c:pt>
                <c:pt idx="3403">
                  <c:v>74.955520687818392</c:v>
                </c:pt>
                <c:pt idx="3404">
                  <c:v>74.950584409229535</c:v>
                </c:pt>
                <c:pt idx="3405">
                  <c:v>74.944431662620772</c:v>
                </c:pt>
                <c:pt idx="3406">
                  <c:v>74.939495384031915</c:v>
                </c:pt>
                <c:pt idx="3407">
                  <c:v>74.933909800969403</c:v>
                </c:pt>
                <c:pt idx="3408">
                  <c:v>74.928969610907799</c:v>
                </c:pt>
                <c:pt idx="3409">
                  <c:v>74.923427054045362</c:v>
                </c:pt>
                <c:pt idx="3410">
                  <c:v>74.917884497182911</c:v>
                </c:pt>
                <c:pt idx="3411">
                  <c:v>74.912295002647681</c:v>
                </c:pt>
                <c:pt idx="3412">
                  <c:v>74.90675244578523</c:v>
                </c:pt>
                <c:pt idx="3413">
                  <c:v>74.901209888922779</c:v>
                </c:pt>
                <c:pt idx="3414">
                  <c:v>74.895663420587596</c:v>
                </c:pt>
                <c:pt idx="3415">
                  <c:v>74.890727141998738</c:v>
                </c:pt>
                <c:pt idx="3416">
                  <c:v>74.885141558936226</c:v>
                </c:pt>
                <c:pt idx="3417">
                  <c:v>74.880201368874651</c:v>
                </c:pt>
                <c:pt idx="3418">
                  <c:v>74.875265090285779</c:v>
                </c:pt>
                <c:pt idx="3419">
                  <c:v>74.869116255149748</c:v>
                </c:pt>
                <c:pt idx="3420">
                  <c:v>74.864133038888085</c:v>
                </c:pt>
                <c:pt idx="3421">
                  <c:v>74.859196760299241</c:v>
                </c:pt>
                <c:pt idx="3422">
                  <c:v>74.854260481710384</c:v>
                </c:pt>
                <c:pt idx="3423">
                  <c:v>74.84997350759518</c:v>
                </c:pt>
                <c:pt idx="3424">
                  <c:v>74.845639595807171</c:v>
                </c:pt>
                <c:pt idx="3425">
                  <c:v>74.840703317218328</c:v>
                </c:pt>
                <c:pt idx="3426">
                  <c:v>74.83576703862947</c:v>
                </c:pt>
                <c:pt idx="3427">
                  <c:v>74.831437038314206</c:v>
                </c:pt>
                <c:pt idx="3428">
                  <c:v>74.825890569979023</c:v>
                </c:pt>
                <c:pt idx="3429">
                  <c:v>74.82156056966376</c:v>
                </c:pt>
                <c:pt idx="3430">
                  <c:v>74.816624291074902</c:v>
                </c:pt>
                <c:pt idx="3431">
                  <c:v>74.811684101013313</c:v>
                </c:pt>
                <c:pt idx="3432">
                  <c:v>74.806747822424455</c:v>
                </c:pt>
                <c:pt idx="3433">
                  <c:v>74.802417822109192</c:v>
                </c:pt>
                <c:pt idx="3434">
                  <c:v>74.797477632047602</c:v>
                </c:pt>
                <c:pt idx="3435">
                  <c:v>74.793147631732339</c:v>
                </c:pt>
                <c:pt idx="3436">
                  <c:v>74.788211353143495</c:v>
                </c:pt>
                <c:pt idx="3437">
                  <c:v>74.783881352828217</c:v>
                </c:pt>
                <c:pt idx="3438">
                  <c:v>74.779547441040222</c:v>
                </c:pt>
                <c:pt idx="3439">
                  <c:v>74.774611162451365</c:v>
                </c:pt>
                <c:pt idx="3440">
                  <c:v>74.769674883862507</c:v>
                </c:pt>
                <c:pt idx="3441">
                  <c:v>74.765340972074497</c:v>
                </c:pt>
                <c:pt idx="3442">
                  <c:v>74.761053997959309</c:v>
                </c:pt>
                <c:pt idx="3443">
                  <c:v>74.75607469317039</c:v>
                </c:pt>
                <c:pt idx="3444">
                  <c:v>74.751787719055187</c:v>
                </c:pt>
                <c:pt idx="3445">
                  <c:v>74.747453807267192</c:v>
                </c:pt>
                <c:pt idx="3446">
                  <c:v>74.743123806951928</c:v>
                </c:pt>
                <c:pt idx="3447">
                  <c:v>74.738187528363071</c:v>
                </c:pt>
                <c:pt idx="3448">
                  <c:v>74.733857528047793</c:v>
                </c:pt>
                <c:pt idx="3449">
                  <c:v>74.729523616259812</c:v>
                </c:pt>
                <c:pt idx="3450">
                  <c:v>74.725236642144594</c:v>
                </c:pt>
                <c:pt idx="3451">
                  <c:v>74.720300363555737</c:v>
                </c:pt>
                <c:pt idx="3452">
                  <c:v>74.715970363240487</c:v>
                </c:pt>
                <c:pt idx="3453">
                  <c:v>74.711636451452478</c:v>
                </c:pt>
                <c:pt idx="3454">
                  <c:v>74.70670017286362</c:v>
                </c:pt>
                <c:pt idx="3455">
                  <c:v>74.70237017254837</c:v>
                </c:pt>
                <c:pt idx="3456">
                  <c:v>74.698685565234015</c:v>
                </c:pt>
                <c:pt idx="3457">
                  <c:v>74.694355564918737</c:v>
                </c:pt>
                <c:pt idx="3458">
                  <c:v>74.689419286329894</c:v>
                </c:pt>
                <c:pt idx="3459">
                  <c:v>74.685695564288224</c:v>
                </c:pt>
                <c:pt idx="3460">
                  <c:v>74.681361652500229</c:v>
                </c:pt>
                <c:pt idx="3461">
                  <c:v>74.676425373911371</c:v>
                </c:pt>
                <c:pt idx="3462">
                  <c:v>74.672138399796168</c:v>
                </c:pt>
                <c:pt idx="3463">
                  <c:v>74.66780839948089</c:v>
                </c:pt>
                <c:pt idx="3464">
                  <c:v>74.663474487692909</c:v>
                </c:pt>
                <c:pt idx="3465">
                  <c:v>74.659144487377631</c:v>
                </c:pt>
                <c:pt idx="3466">
                  <c:v>74.654814487062367</c:v>
                </c:pt>
                <c:pt idx="3467">
                  <c:v>74.651133791220772</c:v>
                </c:pt>
                <c:pt idx="3468">
                  <c:v>74.646799879432763</c:v>
                </c:pt>
                <c:pt idx="3469">
                  <c:v>74.643076157391093</c:v>
                </c:pt>
                <c:pt idx="3470">
                  <c:v>74.638139878802235</c:v>
                </c:pt>
                <c:pt idx="3471">
                  <c:v>74.634459182960626</c:v>
                </c:pt>
                <c:pt idx="3472">
                  <c:v>74.630125271172631</c:v>
                </c:pt>
                <c:pt idx="3473">
                  <c:v>74.625795270857367</c:v>
                </c:pt>
                <c:pt idx="3474">
                  <c:v>74.621465270542089</c:v>
                </c:pt>
                <c:pt idx="3475">
                  <c:v>74.61778457470048</c:v>
                </c:pt>
                <c:pt idx="3476">
                  <c:v>74.61284438463889</c:v>
                </c:pt>
                <c:pt idx="3477">
                  <c:v>74.608514384323627</c:v>
                </c:pt>
                <c:pt idx="3478">
                  <c:v>74.604184384008363</c:v>
                </c:pt>
                <c:pt idx="3479">
                  <c:v>74.599850472220368</c:v>
                </c:pt>
                <c:pt idx="3480">
                  <c:v>74.595563498105165</c:v>
                </c:pt>
                <c:pt idx="3481">
                  <c:v>74.591839776063495</c:v>
                </c:pt>
                <c:pt idx="3482">
                  <c:v>74.587509775748231</c:v>
                </c:pt>
                <c:pt idx="3483">
                  <c:v>74.583218890160296</c:v>
                </c:pt>
                <c:pt idx="3484">
                  <c:v>74.578888889845032</c:v>
                </c:pt>
                <c:pt idx="3485">
                  <c:v>74.574558889529769</c:v>
                </c:pt>
                <c:pt idx="3486">
                  <c:v>74.570835167488084</c:v>
                </c:pt>
                <c:pt idx="3487">
                  <c:v>74.567154471646475</c:v>
                </c:pt>
                <c:pt idx="3488">
                  <c:v>74.56282055985848</c:v>
                </c:pt>
                <c:pt idx="3489">
                  <c:v>74.55909683781681</c:v>
                </c:pt>
                <c:pt idx="3490">
                  <c:v>74.555416141975186</c:v>
                </c:pt>
                <c:pt idx="3491">
                  <c:v>74.550475951913612</c:v>
                </c:pt>
                <c:pt idx="3492">
                  <c:v>74.546752229871927</c:v>
                </c:pt>
                <c:pt idx="3493">
                  <c:v>74.542465255756724</c:v>
                </c:pt>
                <c:pt idx="3494">
                  <c:v>74.538741533715054</c:v>
                </c:pt>
                <c:pt idx="3495">
                  <c:v>74.534407621927059</c:v>
                </c:pt>
                <c:pt idx="3496">
                  <c:v>74.53072692608545</c:v>
                </c:pt>
                <c:pt idx="3497">
                  <c:v>74.526396925770186</c:v>
                </c:pt>
                <c:pt idx="3498">
                  <c:v>74.522066925454922</c:v>
                </c:pt>
                <c:pt idx="3499">
                  <c:v>74.518386229613299</c:v>
                </c:pt>
                <c:pt idx="3500">
                  <c:v>74.513403013351663</c:v>
                </c:pt>
                <c:pt idx="3501">
                  <c:v>74.50972231751004</c:v>
                </c:pt>
                <c:pt idx="3502">
                  <c:v>74.505392317194776</c:v>
                </c:pt>
                <c:pt idx="3503">
                  <c:v>74.501711621353166</c:v>
                </c:pt>
                <c:pt idx="3504">
                  <c:v>74.497983987838765</c:v>
                </c:pt>
                <c:pt idx="3505">
                  <c:v>74.493653987523501</c:v>
                </c:pt>
                <c:pt idx="3506">
                  <c:v>74.489973291681878</c:v>
                </c:pt>
                <c:pt idx="3507">
                  <c:v>74.485643291366628</c:v>
                </c:pt>
                <c:pt idx="3508">
                  <c:v>74.481915657852213</c:v>
                </c:pt>
                <c:pt idx="3509">
                  <c:v>74.478234962010617</c:v>
                </c:pt>
                <c:pt idx="3510">
                  <c:v>74.473298683421746</c:v>
                </c:pt>
                <c:pt idx="3511">
                  <c:v>74.469574961380061</c:v>
                </c:pt>
                <c:pt idx="3512">
                  <c:v>74.46524104959208</c:v>
                </c:pt>
                <c:pt idx="3513">
                  <c:v>74.461560353750457</c:v>
                </c:pt>
                <c:pt idx="3514">
                  <c:v>74.457836631708801</c:v>
                </c:pt>
                <c:pt idx="3515">
                  <c:v>74.453549657593598</c:v>
                </c:pt>
                <c:pt idx="3516">
                  <c:v>74.449822024079182</c:v>
                </c:pt>
                <c:pt idx="3517">
                  <c:v>74.446098302037512</c:v>
                </c:pt>
                <c:pt idx="3518">
                  <c:v>74.441811327922309</c:v>
                </c:pt>
                <c:pt idx="3519">
                  <c:v>74.438693884154233</c:v>
                </c:pt>
                <c:pt idx="3520">
                  <c:v>74.434402998566284</c:v>
                </c:pt>
                <c:pt idx="3521">
                  <c:v>74.430072998251021</c:v>
                </c:pt>
                <c:pt idx="3522">
                  <c:v>74.426349276209351</c:v>
                </c:pt>
                <c:pt idx="3523">
                  <c:v>74.422019275894087</c:v>
                </c:pt>
                <c:pt idx="3524">
                  <c:v>74.417728390306152</c:v>
                </c:pt>
                <c:pt idx="3525">
                  <c:v>74.413398389990888</c:v>
                </c:pt>
                <c:pt idx="3526">
                  <c:v>74.409674667949218</c:v>
                </c:pt>
                <c:pt idx="3527">
                  <c:v>74.405993972107595</c:v>
                </c:pt>
                <c:pt idx="3528">
                  <c:v>74.4016600603196</c:v>
                </c:pt>
                <c:pt idx="3529">
                  <c:v>74.397330060004336</c:v>
                </c:pt>
                <c:pt idx="3530">
                  <c:v>74.393649364162727</c:v>
                </c:pt>
                <c:pt idx="3531">
                  <c:v>74.389319363847463</c:v>
                </c:pt>
                <c:pt idx="3532">
                  <c:v>74.385591730333061</c:v>
                </c:pt>
                <c:pt idx="3533">
                  <c:v>74.381911034491438</c:v>
                </c:pt>
                <c:pt idx="3534">
                  <c:v>74.378187312449768</c:v>
                </c:pt>
                <c:pt idx="3535">
                  <c:v>74.373857312134504</c:v>
                </c:pt>
                <c:pt idx="3536">
                  <c:v>74.370176616292895</c:v>
                </c:pt>
                <c:pt idx="3537">
                  <c:v>74.366448982778493</c:v>
                </c:pt>
                <c:pt idx="3538">
                  <c:v>74.36216200866329</c:v>
                </c:pt>
                <c:pt idx="3539">
                  <c:v>74.358438286621606</c:v>
                </c:pt>
                <c:pt idx="3540">
                  <c:v>74.354108286306356</c:v>
                </c:pt>
                <c:pt idx="3541">
                  <c:v>74.350423678992001</c:v>
                </c:pt>
                <c:pt idx="3542">
                  <c:v>74.346093678676738</c:v>
                </c:pt>
                <c:pt idx="3543">
                  <c:v>74.342369956635068</c:v>
                </c:pt>
                <c:pt idx="3544">
                  <c:v>74.338039956319804</c:v>
                </c:pt>
                <c:pt idx="3545">
                  <c:v>74.334355349005449</c:v>
                </c:pt>
                <c:pt idx="3546">
                  <c:v>74.330025348690199</c:v>
                </c:pt>
                <c:pt idx="3547">
                  <c:v>74.325695348374921</c:v>
                </c:pt>
                <c:pt idx="3548">
                  <c:v>74.322620930806906</c:v>
                </c:pt>
                <c:pt idx="3549">
                  <c:v>74.317680740745317</c:v>
                </c:pt>
                <c:pt idx="3550">
                  <c:v>74.313957018703647</c:v>
                </c:pt>
                <c:pt idx="3551">
                  <c:v>74.310276322862023</c:v>
                </c:pt>
                <c:pt idx="3552">
                  <c:v>74.306552600820353</c:v>
                </c:pt>
                <c:pt idx="3553">
                  <c:v>74.302867993506013</c:v>
                </c:pt>
                <c:pt idx="3554">
                  <c:v>74.299144271464343</c:v>
                </c:pt>
                <c:pt idx="3555">
                  <c:v>74.295463575622733</c:v>
                </c:pt>
                <c:pt idx="3556">
                  <c:v>74.291739853581049</c:v>
                </c:pt>
                <c:pt idx="3557">
                  <c:v>74.28805915773944</c:v>
                </c:pt>
                <c:pt idx="3558">
                  <c:v>74.283725245951445</c:v>
                </c:pt>
                <c:pt idx="3559">
                  <c:v>74.280001523909789</c:v>
                </c:pt>
                <c:pt idx="3560">
                  <c:v>74.275714549794586</c:v>
                </c:pt>
                <c:pt idx="3561">
                  <c:v>74.271990827752902</c:v>
                </c:pt>
                <c:pt idx="3562">
                  <c:v>74.267656915964906</c:v>
                </c:pt>
                <c:pt idx="3563">
                  <c:v>74.263976220123297</c:v>
                </c:pt>
                <c:pt idx="3564">
                  <c:v>74.260252498081613</c:v>
                </c:pt>
                <c:pt idx="3565">
                  <c:v>74.256571802240003</c:v>
                </c:pt>
                <c:pt idx="3566">
                  <c:v>74.252844168725602</c:v>
                </c:pt>
                <c:pt idx="3567">
                  <c:v>74.248514168410338</c:v>
                </c:pt>
                <c:pt idx="3568">
                  <c:v>74.244184168095074</c:v>
                </c:pt>
                <c:pt idx="3569">
                  <c:v>74.240503472253451</c:v>
                </c:pt>
                <c:pt idx="3570">
                  <c:v>74.23742905468545</c:v>
                </c:pt>
                <c:pt idx="3571">
                  <c:v>74.23309514289744</c:v>
                </c:pt>
                <c:pt idx="3572">
                  <c:v>74.228765142582176</c:v>
                </c:pt>
                <c:pt idx="3573">
                  <c:v>74.225041420540506</c:v>
                </c:pt>
                <c:pt idx="3574">
                  <c:v>74.221360724698883</c:v>
                </c:pt>
                <c:pt idx="3575">
                  <c:v>74.217633091184481</c:v>
                </c:pt>
                <c:pt idx="3576">
                  <c:v>74.213952395342872</c:v>
                </c:pt>
                <c:pt idx="3577">
                  <c:v>74.210228673301202</c:v>
                </c:pt>
                <c:pt idx="3578">
                  <c:v>74.205898672985938</c:v>
                </c:pt>
                <c:pt idx="3579">
                  <c:v>74.201607787398004</c:v>
                </c:pt>
                <c:pt idx="3580">
                  <c:v>74.19788406535632</c:v>
                </c:pt>
                <c:pt idx="3581">
                  <c:v>74.194809647788304</c:v>
                </c:pt>
                <c:pt idx="3582">
                  <c:v>74.191085925746634</c:v>
                </c:pt>
                <c:pt idx="3583">
                  <c:v>74.187401318432293</c:v>
                </c:pt>
                <c:pt idx="3584">
                  <c:v>74.18307131811703</c:v>
                </c:pt>
                <c:pt idx="3585">
                  <c:v>74.178741317801766</c:v>
                </c:pt>
                <c:pt idx="3586">
                  <c:v>74.175666900233736</c:v>
                </c:pt>
                <c:pt idx="3587">
                  <c:v>74.171943178192066</c:v>
                </c:pt>
                <c:pt idx="3588">
                  <c:v>74.167652292604117</c:v>
                </c:pt>
                <c:pt idx="3589">
                  <c:v>74.163928570562462</c:v>
                </c:pt>
                <c:pt idx="3590">
                  <c:v>74.160204848520777</c:v>
                </c:pt>
                <c:pt idx="3591">
                  <c:v>74.157130430952776</c:v>
                </c:pt>
                <c:pt idx="3592">
                  <c:v>74.152796519164767</c:v>
                </c:pt>
                <c:pt idx="3593">
                  <c:v>74.149115823323157</c:v>
                </c:pt>
                <c:pt idx="3594">
                  <c:v>74.144785823007894</c:v>
                </c:pt>
                <c:pt idx="3595">
                  <c:v>74.141105127166284</c:v>
                </c:pt>
                <c:pt idx="3596">
                  <c:v>74.137377493651883</c:v>
                </c:pt>
                <c:pt idx="3597">
                  <c:v>74.133653771610199</c:v>
                </c:pt>
                <c:pt idx="3598">
                  <c:v>74.129366797494995</c:v>
                </c:pt>
                <c:pt idx="3599">
                  <c:v>74.125643075453326</c:v>
                </c:pt>
                <c:pt idx="3600">
                  <c:v>74.121962379611716</c:v>
                </c:pt>
                <c:pt idx="3601">
                  <c:v>74.117628467823721</c:v>
                </c:pt>
                <c:pt idx="3602">
                  <c:v>74.114511024055631</c:v>
                </c:pt>
                <c:pt idx="3603">
                  <c:v>74.110830328214035</c:v>
                </c:pt>
                <c:pt idx="3604">
                  <c:v>74.106500327898758</c:v>
                </c:pt>
                <c:pt idx="3605">
                  <c:v>74.103421998858011</c:v>
                </c:pt>
                <c:pt idx="3606">
                  <c:v>74.099698276816326</c:v>
                </c:pt>
                <c:pt idx="3607">
                  <c:v>74.095368276501063</c:v>
                </c:pt>
                <c:pt idx="3608">
                  <c:v>74.091687580659453</c:v>
                </c:pt>
                <c:pt idx="3609">
                  <c:v>74.087959947145038</c:v>
                </c:pt>
                <c:pt idx="3610">
                  <c:v>74.083672973029849</c:v>
                </c:pt>
                <c:pt idx="3611">
                  <c:v>74.079949250988179</c:v>
                </c:pt>
                <c:pt idx="3612">
                  <c:v>74.076268555146555</c:v>
                </c:pt>
                <c:pt idx="3613">
                  <c:v>74.072544833104899</c:v>
                </c:pt>
                <c:pt idx="3614">
                  <c:v>74.06821092131689</c:v>
                </c:pt>
                <c:pt idx="3615">
                  <c:v>74.06388092100164</c:v>
                </c:pt>
                <c:pt idx="3616">
                  <c:v>74.060806503433611</c:v>
                </c:pt>
                <c:pt idx="3617">
                  <c:v>74.057125807591987</c:v>
                </c:pt>
                <c:pt idx="3618">
                  <c:v>74.05400445235118</c:v>
                </c:pt>
                <c:pt idx="3619">
                  <c:v>74.05032375650957</c:v>
                </c:pt>
                <c:pt idx="3620">
                  <c:v>74.045993756194306</c:v>
                </c:pt>
                <c:pt idx="3621">
                  <c:v>74.042270034152637</c:v>
                </c:pt>
                <c:pt idx="3622">
                  <c:v>74.037979148564702</c:v>
                </c:pt>
                <c:pt idx="3623">
                  <c:v>74.034861704796612</c:v>
                </c:pt>
                <c:pt idx="3624">
                  <c:v>74.030574730681408</c:v>
                </c:pt>
                <c:pt idx="3625">
                  <c:v>74.026851008639738</c:v>
                </c:pt>
                <c:pt idx="3626">
                  <c:v>74.022517096851729</c:v>
                </c:pt>
                <c:pt idx="3627">
                  <c:v>74.019442679283728</c:v>
                </c:pt>
                <c:pt idx="3628">
                  <c:v>74.015718957242044</c:v>
                </c:pt>
                <c:pt idx="3629">
                  <c:v>74.012644539674028</c:v>
                </c:pt>
                <c:pt idx="3630">
                  <c:v>74.008963843832419</c:v>
                </c:pt>
                <c:pt idx="3631">
                  <c:v>74.004629932044423</c:v>
                </c:pt>
                <c:pt idx="3632">
                  <c:v>74.000906210002753</c:v>
                </c:pt>
                <c:pt idx="3633">
                  <c:v>73.99722551416113</c:v>
                </c:pt>
                <c:pt idx="3634">
                  <c:v>73.994108070393054</c:v>
                </c:pt>
                <c:pt idx="3635">
                  <c:v>73.99042737455143</c:v>
                </c:pt>
                <c:pt idx="3636">
                  <c:v>73.986699741037043</c:v>
                </c:pt>
                <c:pt idx="3637">
                  <c:v>73.983019045195419</c:v>
                </c:pt>
                <c:pt idx="3638">
                  <c:v>73.979901601427343</c:v>
                </c:pt>
                <c:pt idx="3639">
                  <c:v>73.97561462731214</c:v>
                </c:pt>
                <c:pt idx="3640">
                  <c:v>73.971886993797739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4-2713-49A8-840C-4B44505B7F3E}"/>
            </c:ext>
          </c:extLst>
        </c:ser>
        <c:ser>
          <c:idx val="5"/>
          <c:order val="5"/>
          <c:tx>
            <c:v>SS2</c:v>
          </c:tx>
          <c:spPr>
            <a:ln w="19050" cap="rnd">
              <a:solidFill>
                <a:srgbClr val="7030A0"/>
              </a:solidFill>
              <a:round/>
            </a:ln>
            <a:effectLst/>
          </c:spPr>
          <c:marker>
            <c:symbol val="none"/>
          </c:marker>
          <c:xVal>
            <c:numRef>
              <c:f>'TG (2)'!$AS$2:$AS$3642</c:f>
              <c:numCache>
                <c:formatCode>General</c:formatCode>
                <c:ptCount val="3641"/>
                <c:pt idx="0">
                  <c:v>30.677</c:v>
                </c:pt>
                <c:pt idx="1">
                  <c:v>30.827000000000002</c:v>
                </c:pt>
                <c:pt idx="2">
                  <c:v>30.960999999999999</c:v>
                </c:pt>
                <c:pt idx="3">
                  <c:v>31.088000000000001</c:v>
                </c:pt>
                <c:pt idx="4">
                  <c:v>31.215</c:v>
                </c:pt>
                <c:pt idx="5">
                  <c:v>31.338999999999999</c:v>
                </c:pt>
                <c:pt idx="6">
                  <c:v>31.472999999999999</c:v>
                </c:pt>
                <c:pt idx="7">
                  <c:v>31.606999999999999</c:v>
                </c:pt>
                <c:pt idx="8">
                  <c:v>31.736000000000001</c:v>
                </c:pt>
                <c:pt idx="9">
                  <c:v>31.870999999999999</c:v>
                </c:pt>
                <c:pt idx="10">
                  <c:v>32.012</c:v>
                </c:pt>
                <c:pt idx="11">
                  <c:v>32.152000000000001</c:v>
                </c:pt>
                <c:pt idx="12">
                  <c:v>32.290999999999997</c:v>
                </c:pt>
                <c:pt idx="13">
                  <c:v>32.421999999999997</c:v>
                </c:pt>
                <c:pt idx="14">
                  <c:v>32.555</c:v>
                </c:pt>
                <c:pt idx="15">
                  <c:v>32.680999999999997</c:v>
                </c:pt>
                <c:pt idx="16">
                  <c:v>32.790999999999997</c:v>
                </c:pt>
                <c:pt idx="17">
                  <c:v>32.893999999999998</c:v>
                </c:pt>
                <c:pt idx="18">
                  <c:v>32.991</c:v>
                </c:pt>
                <c:pt idx="19">
                  <c:v>33.100999999999999</c:v>
                </c:pt>
                <c:pt idx="20">
                  <c:v>33.213000000000001</c:v>
                </c:pt>
                <c:pt idx="21">
                  <c:v>33.317</c:v>
                </c:pt>
                <c:pt idx="22">
                  <c:v>33.408999999999999</c:v>
                </c:pt>
                <c:pt idx="23">
                  <c:v>33.5</c:v>
                </c:pt>
                <c:pt idx="24">
                  <c:v>33.588000000000001</c:v>
                </c:pt>
                <c:pt idx="25">
                  <c:v>33.689</c:v>
                </c:pt>
                <c:pt idx="26">
                  <c:v>33.792999999999999</c:v>
                </c:pt>
                <c:pt idx="27">
                  <c:v>33.889000000000003</c:v>
                </c:pt>
                <c:pt idx="28">
                  <c:v>33.991999999999997</c:v>
                </c:pt>
                <c:pt idx="29">
                  <c:v>34.103999999999999</c:v>
                </c:pt>
                <c:pt idx="30">
                  <c:v>34.213999999999999</c:v>
                </c:pt>
                <c:pt idx="31">
                  <c:v>34.308999999999997</c:v>
                </c:pt>
                <c:pt idx="32">
                  <c:v>34.401000000000003</c:v>
                </c:pt>
                <c:pt idx="33">
                  <c:v>34.496000000000002</c:v>
                </c:pt>
                <c:pt idx="34">
                  <c:v>34.603999999999999</c:v>
                </c:pt>
                <c:pt idx="35">
                  <c:v>34.698</c:v>
                </c:pt>
                <c:pt idx="36">
                  <c:v>34.786000000000001</c:v>
                </c:pt>
                <c:pt idx="37">
                  <c:v>34.884</c:v>
                </c:pt>
                <c:pt idx="38">
                  <c:v>34.968000000000004</c:v>
                </c:pt>
                <c:pt idx="39">
                  <c:v>35.063000000000002</c:v>
                </c:pt>
                <c:pt idx="40">
                  <c:v>35.162999999999997</c:v>
                </c:pt>
                <c:pt idx="41">
                  <c:v>35.258000000000003</c:v>
                </c:pt>
                <c:pt idx="42">
                  <c:v>35.344000000000001</c:v>
                </c:pt>
                <c:pt idx="43">
                  <c:v>35.417000000000002</c:v>
                </c:pt>
                <c:pt idx="44">
                  <c:v>35.479999999999997</c:v>
                </c:pt>
                <c:pt idx="45">
                  <c:v>35.551000000000002</c:v>
                </c:pt>
                <c:pt idx="46">
                  <c:v>35.627000000000002</c:v>
                </c:pt>
                <c:pt idx="47">
                  <c:v>35.704000000000001</c:v>
                </c:pt>
                <c:pt idx="48">
                  <c:v>35.776000000000003</c:v>
                </c:pt>
                <c:pt idx="49">
                  <c:v>35.838000000000001</c:v>
                </c:pt>
                <c:pt idx="50">
                  <c:v>35.917000000000002</c:v>
                </c:pt>
                <c:pt idx="51">
                  <c:v>35.997999999999998</c:v>
                </c:pt>
                <c:pt idx="52">
                  <c:v>36.055999999999997</c:v>
                </c:pt>
                <c:pt idx="53">
                  <c:v>36.113</c:v>
                </c:pt>
                <c:pt idx="54">
                  <c:v>36.168999999999997</c:v>
                </c:pt>
                <c:pt idx="55">
                  <c:v>36.219000000000001</c:v>
                </c:pt>
                <c:pt idx="56">
                  <c:v>36.265999999999998</c:v>
                </c:pt>
                <c:pt idx="57">
                  <c:v>36.314</c:v>
                </c:pt>
                <c:pt idx="58">
                  <c:v>36.375999999999998</c:v>
                </c:pt>
                <c:pt idx="59">
                  <c:v>36.426000000000002</c:v>
                </c:pt>
                <c:pt idx="60">
                  <c:v>36.485999999999997</c:v>
                </c:pt>
                <c:pt idx="61">
                  <c:v>36.555</c:v>
                </c:pt>
                <c:pt idx="62">
                  <c:v>36.628</c:v>
                </c:pt>
                <c:pt idx="63">
                  <c:v>36.682000000000002</c:v>
                </c:pt>
                <c:pt idx="64">
                  <c:v>36.731000000000002</c:v>
                </c:pt>
                <c:pt idx="65">
                  <c:v>36.784999999999997</c:v>
                </c:pt>
                <c:pt idx="66">
                  <c:v>36.835999999999999</c:v>
                </c:pt>
                <c:pt idx="67">
                  <c:v>36.881999999999998</c:v>
                </c:pt>
                <c:pt idx="68">
                  <c:v>36.923000000000002</c:v>
                </c:pt>
                <c:pt idx="69">
                  <c:v>36.960999999999999</c:v>
                </c:pt>
                <c:pt idx="70">
                  <c:v>37.009</c:v>
                </c:pt>
                <c:pt idx="71">
                  <c:v>37.054000000000002</c:v>
                </c:pt>
                <c:pt idx="72">
                  <c:v>37.084000000000003</c:v>
                </c:pt>
                <c:pt idx="73">
                  <c:v>37.133000000000003</c:v>
                </c:pt>
                <c:pt idx="74">
                  <c:v>37.186999999999998</c:v>
                </c:pt>
                <c:pt idx="75">
                  <c:v>37.235999999999997</c:v>
                </c:pt>
                <c:pt idx="76">
                  <c:v>37.28</c:v>
                </c:pt>
                <c:pt idx="77">
                  <c:v>37.329000000000001</c:v>
                </c:pt>
                <c:pt idx="78">
                  <c:v>37.378</c:v>
                </c:pt>
                <c:pt idx="79">
                  <c:v>37.414999999999999</c:v>
                </c:pt>
                <c:pt idx="80">
                  <c:v>37.447000000000003</c:v>
                </c:pt>
                <c:pt idx="81">
                  <c:v>37.482999999999997</c:v>
                </c:pt>
                <c:pt idx="82">
                  <c:v>37.514000000000003</c:v>
                </c:pt>
                <c:pt idx="83">
                  <c:v>37.552</c:v>
                </c:pt>
                <c:pt idx="84">
                  <c:v>37.597999999999999</c:v>
                </c:pt>
                <c:pt idx="85">
                  <c:v>37.633000000000003</c:v>
                </c:pt>
                <c:pt idx="86">
                  <c:v>37.673999999999999</c:v>
                </c:pt>
                <c:pt idx="87">
                  <c:v>37.720999999999997</c:v>
                </c:pt>
                <c:pt idx="88">
                  <c:v>37.774999999999999</c:v>
                </c:pt>
                <c:pt idx="89">
                  <c:v>37.829000000000001</c:v>
                </c:pt>
                <c:pt idx="90">
                  <c:v>37.871000000000002</c:v>
                </c:pt>
                <c:pt idx="91">
                  <c:v>37.901000000000003</c:v>
                </c:pt>
                <c:pt idx="92">
                  <c:v>37.921999999999997</c:v>
                </c:pt>
                <c:pt idx="93">
                  <c:v>37.957000000000001</c:v>
                </c:pt>
                <c:pt idx="94">
                  <c:v>37.994999999999997</c:v>
                </c:pt>
                <c:pt idx="95">
                  <c:v>38.034999999999997</c:v>
                </c:pt>
                <c:pt idx="96">
                  <c:v>38.075000000000003</c:v>
                </c:pt>
                <c:pt idx="97">
                  <c:v>38.115000000000002</c:v>
                </c:pt>
                <c:pt idx="98">
                  <c:v>38.143000000000001</c:v>
                </c:pt>
                <c:pt idx="99">
                  <c:v>38.164000000000001</c:v>
                </c:pt>
                <c:pt idx="100">
                  <c:v>38.198</c:v>
                </c:pt>
                <c:pt idx="101">
                  <c:v>38.234999999999999</c:v>
                </c:pt>
                <c:pt idx="102">
                  <c:v>38.264000000000003</c:v>
                </c:pt>
                <c:pt idx="103">
                  <c:v>38.29</c:v>
                </c:pt>
                <c:pt idx="104">
                  <c:v>38.32</c:v>
                </c:pt>
                <c:pt idx="105">
                  <c:v>38.353999999999999</c:v>
                </c:pt>
                <c:pt idx="106">
                  <c:v>38.39</c:v>
                </c:pt>
                <c:pt idx="107">
                  <c:v>38.430999999999997</c:v>
                </c:pt>
                <c:pt idx="108">
                  <c:v>38.457000000000001</c:v>
                </c:pt>
                <c:pt idx="109">
                  <c:v>38.478999999999999</c:v>
                </c:pt>
                <c:pt idx="110">
                  <c:v>38.506</c:v>
                </c:pt>
                <c:pt idx="111">
                  <c:v>38.534999999999997</c:v>
                </c:pt>
                <c:pt idx="112">
                  <c:v>38.570999999999998</c:v>
                </c:pt>
                <c:pt idx="113">
                  <c:v>38.607999999999997</c:v>
                </c:pt>
                <c:pt idx="114">
                  <c:v>38.643000000000001</c:v>
                </c:pt>
                <c:pt idx="115">
                  <c:v>38.656999999999996</c:v>
                </c:pt>
                <c:pt idx="116">
                  <c:v>38.667000000000002</c:v>
                </c:pt>
                <c:pt idx="117">
                  <c:v>38.674999999999997</c:v>
                </c:pt>
                <c:pt idx="118">
                  <c:v>38.695999999999998</c:v>
                </c:pt>
                <c:pt idx="119">
                  <c:v>38.725999999999999</c:v>
                </c:pt>
                <c:pt idx="120">
                  <c:v>38.735999999999997</c:v>
                </c:pt>
                <c:pt idx="121">
                  <c:v>38.734999999999999</c:v>
                </c:pt>
                <c:pt idx="122">
                  <c:v>38.744</c:v>
                </c:pt>
                <c:pt idx="123">
                  <c:v>38.770000000000003</c:v>
                </c:pt>
                <c:pt idx="124">
                  <c:v>38.787999999999997</c:v>
                </c:pt>
                <c:pt idx="125">
                  <c:v>38.799999999999997</c:v>
                </c:pt>
                <c:pt idx="126">
                  <c:v>38.811999999999998</c:v>
                </c:pt>
                <c:pt idx="127">
                  <c:v>38.83</c:v>
                </c:pt>
                <c:pt idx="128">
                  <c:v>38.844999999999999</c:v>
                </c:pt>
                <c:pt idx="129">
                  <c:v>38.850999999999999</c:v>
                </c:pt>
                <c:pt idx="130">
                  <c:v>38.859000000000002</c:v>
                </c:pt>
                <c:pt idx="131">
                  <c:v>38.869999999999997</c:v>
                </c:pt>
                <c:pt idx="132">
                  <c:v>38.896999999999998</c:v>
                </c:pt>
                <c:pt idx="133">
                  <c:v>38.929000000000002</c:v>
                </c:pt>
                <c:pt idx="134">
                  <c:v>38.942</c:v>
                </c:pt>
                <c:pt idx="135">
                  <c:v>38.959000000000003</c:v>
                </c:pt>
                <c:pt idx="136">
                  <c:v>38.968000000000004</c:v>
                </c:pt>
                <c:pt idx="137">
                  <c:v>38.97</c:v>
                </c:pt>
                <c:pt idx="138">
                  <c:v>38.965000000000003</c:v>
                </c:pt>
                <c:pt idx="139">
                  <c:v>38.954999999999998</c:v>
                </c:pt>
                <c:pt idx="140">
                  <c:v>38.942</c:v>
                </c:pt>
                <c:pt idx="141">
                  <c:v>38.936</c:v>
                </c:pt>
                <c:pt idx="142">
                  <c:v>38.938000000000002</c:v>
                </c:pt>
                <c:pt idx="143">
                  <c:v>38.938000000000002</c:v>
                </c:pt>
                <c:pt idx="144">
                  <c:v>38.923000000000002</c:v>
                </c:pt>
                <c:pt idx="145">
                  <c:v>38.920999999999999</c:v>
                </c:pt>
                <c:pt idx="146">
                  <c:v>38.929000000000002</c:v>
                </c:pt>
                <c:pt idx="147">
                  <c:v>38.956000000000003</c:v>
                </c:pt>
                <c:pt idx="148">
                  <c:v>38.978000000000002</c:v>
                </c:pt>
                <c:pt idx="149">
                  <c:v>38.988</c:v>
                </c:pt>
                <c:pt idx="150">
                  <c:v>38.997999999999998</c:v>
                </c:pt>
                <c:pt idx="151">
                  <c:v>39.017000000000003</c:v>
                </c:pt>
                <c:pt idx="152">
                  <c:v>39.03</c:v>
                </c:pt>
                <c:pt idx="153">
                  <c:v>39.061999999999998</c:v>
                </c:pt>
                <c:pt idx="154">
                  <c:v>39.131</c:v>
                </c:pt>
                <c:pt idx="155">
                  <c:v>39.253</c:v>
                </c:pt>
                <c:pt idx="156">
                  <c:v>39.415999999999997</c:v>
                </c:pt>
                <c:pt idx="157">
                  <c:v>39.564999999999998</c:v>
                </c:pt>
                <c:pt idx="158">
                  <c:v>39.725000000000001</c:v>
                </c:pt>
                <c:pt idx="159">
                  <c:v>39.893000000000001</c:v>
                </c:pt>
                <c:pt idx="160">
                  <c:v>40.031999999999996</c:v>
                </c:pt>
                <c:pt idx="161">
                  <c:v>40.249000000000002</c:v>
                </c:pt>
                <c:pt idx="162">
                  <c:v>40.436</c:v>
                </c:pt>
                <c:pt idx="163">
                  <c:v>40.652999999999999</c:v>
                </c:pt>
                <c:pt idx="164">
                  <c:v>40.81</c:v>
                </c:pt>
                <c:pt idx="165">
                  <c:v>40.954999999999998</c:v>
                </c:pt>
                <c:pt idx="166">
                  <c:v>41.134999999999998</c:v>
                </c:pt>
                <c:pt idx="167">
                  <c:v>41.35</c:v>
                </c:pt>
                <c:pt idx="168">
                  <c:v>41.49</c:v>
                </c:pt>
                <c:pt idx="169">
                  <c:v>41.798999999999999</c:v>
                </c:pt>
                <c:pt idx="170">
                  <c:v>41.895000000000003</c:v>
                </c:pt>
                <c:pt idx="171">
                  <c:v>41.991</c:v>
                </c:pt>
                <c:pt idx="172">
                  <c:v>42.09</c:v>
                </c:pt>
                <c:pt idx="173">
                  <c:v>42.087000000000003</c:v>
                </c:pt>
                <c:pt idx="174">
                  <c:v>42.136000000000003</c:v>
                </c:pt>
                <c:pt idx="175">
                  <c:v>42.250999999999998</c:v>
                </c:pt>
                <c:pt idx="176">
                  <c:v>42.26</c:v>
                </c:pt>
                <c:pt idx="177">
                  <c:v>42.463000000000001</c:v>
                </c:pt>
                <c:pt idx="178">
                  <c:v>42.539000000000001</c:v>
                </c:pt>
                <c:pt idx="179">
                  <c:v>42.529000000000003</c:v>
                </c:pt>
                <c:pt idx="180">
                  <c:v>42.503</c:v>
                </c:pt>
                <c:pt idx="181">
                  <c:v>42.405999999999999</c:v>
                </c:pt>
                <c:pt idx="182">
                  <c:v>42.72</c:v>
                </c:pt>
                <c:pt idx="183">
                  <c:v>42.600999999999999</c:v>
                </c:pt>
                <c:pt idx="184">
                  <c:v>42.735999999999997</c:v>
                </c:pt>
                <c:pt idx="185">
                  <c:v>42.79</c:v>
                </c:pt>
                <c:pt idx="186">
                  <c:v>42.747999999999998</c:v>
                </c:pt>
                <c:pt idx="187">
                  <c:v>42.783000000000001</c:v>
                </c:pt>
                <c:pt idx="188">
                  <c:v>42.737000000000002</c:v>
                </c:pt>
                <c:pt idx="189">
                  <c:v>42.72</c:v>
                </c:pt>
                <c:pt idx="190">
                  <c:v>42.704000000000001</c:v>
                </c:pt>
                <c:pt idx="191">
                  <c:v>42.652999999999999</c:v>
                </c:pt>
                <c:pt idx="192">
                  <c:v>42.573</c:v>
                </c:pt>
                <c:pt idx="193">
                  <c:v>42.651000000000003</c:v>
                </c:pt>
                <c:pt idx="194">
                  <c:v>42.636000000000003</c:v>
                </c:pt>
                <c:pt idx="195">
                  <c:v>42.817</c:v>
                </c:pt>
                <c:pt idx="196">
                  <c:v>42.671999999999997</c:v>
                </c:pt>
                <c:pt idx="197">
                  <c:v>42.667999999999999</c:v>
                </c:pt>
                <c:pt idx="198">
                  <c:v>42.741</c:v>
                </c:pt>
                <c:pt idx="199">
                  <c:v>42.686</c:v>
                </c:pt>
                <c:pt idx="200">
                  <c:v>42.6</c:v>
                </c:pt>
                <c:pt idx="201">
                  <c:v>42.709000000000003</c:v>
                </c:pt>
                <c:pt idx="202">
                  <c:v>42.747999999999998</c:v>
                </c:pt>
                <c:pt idx="203">
                  <c:v>42.707000000000001</c:v>
                </c:pt>
                <c:pt idx="204">
                  <c:v>42.712000000000003</c:v>
                </c:pt>
                <c:pt idx="205">
                  <c:v>42.634999999999998</c:v>
                </c:pt>
                <c:pt idx="206">
                  <c:v>42.621000000000002</c:v>
                </c:pt>
                <c:pt idx="207">
                  <c:v>42.661999999999999</c:v>
                </c:pt>
                <c:pt idx="208">
                  <c:v>42.652000000000001</c:v>
                </c:pt>
                <c:pt idx="209">
                  <c:v>42.683999999999997</c:v>
                </c:pt>
                <c:pt idx="210">
                  <c:v>42.798000000000002</c:v>
                </c:pt>
                <c:pt idx="211">
                  <c:v>42.814999999999998</c:v>
                </c:pt>
                <c:pt idx="212">
                  <c:v>42.899000000000001</c:v>
                </c:pt>
                <c:pt idx="213">
                  <c:v>42.804000000000002</c:v>
                </c:pt>
                <c:pt idx="214">
                  <c:v>42.927999999999997</c:v>
                </c:pt>
                <c:pt idx="215">
                  <c:v>42.878999999999998</c:v>
                </c:pt>
                <c:pt idx="216">
                  <c:v>42.9</c:v>
                </c:pt>
                <c:pt idx="217">
                  <c:v>42.920999999999999</c:v>
                </c:pt>
                <c:pt idx="218">
                  <c:v>43.005000000000003</c:v>
                </c:pt>
                <c:pt idx="219">
                  <c:v>42.942</c:v>
                </c:pt>
                <c:pt idx="220">
                  <c:v>43.04</c:v>
                </c:pt>
                <c:pt idx="221">
                  <c:v>43.104999999999997</c:v>
                </c:pt>
                <c:pt idx="222">
                  <c:v>43.142000000000003</c:v>
                </c:pt>
                <c:pt idx="223">
                  <c:v>43.185000000000002</c:v>
                </c:pt>
                <c:pt idx="224">
                  <c:v>43.347000000000001</c:v>
                </c:pt>
                <c:pt idx="225">
                  <c:v>43.433999999999997</c:v>
                </c:pt>
                <c:pt idx="226">
                  <c:v>43.52</c:v>
                </c:pt>
                <c:pt idx="227">
                  <c:v>43.600999999999999</c:v>
                </c:pt>
                <c:pt idx="228">
                  <c:v>43.572000000000003</c:v>
                </c:pt>
                <c:pt idx="229">
                  <c:v>43.741</c:v>
                </c:pt>
                <c:pt idx="230">
                  <c:v>43.756999999999998</c:v>
                </c:pt>
                <c:pt idx="231">
                  <c:v>43.829000000000001</c:v>
                </c:pt>
                <c:pt idx="232">
                  <c:v>43.932000000000002</c:v>
                </c:pt>
                <c:pt idx="233">
                  <c:v>43.99</c:v>
                </c:pt>
                <c:pt idx="234">
                  <c:v>44.076999999999998</c:v>
                </c:pt>
                <c:pt idx="235">
                  <c:v>44.158000000000001</c:v>
                </c:pt>
                <c:pt idx="236">
                  <c:v>44.222999999999999</c:v>
                </c:pt>
                <c:pt idx="237">
                  <c:v>44.393999999999998</c:v>
                </c:pt>
                <c:pt idx="238">
                  <c:v>44.427999999999997</c:v>
                </c:pt>
                <c:pt idx="239">
                  <c:v>44.536999999999999</c:v>
                </c:pt>
                <c:pt idx="240">
                  <c:v>44.561999999999998</c:v>
                </c:pt>
                <c:pt idx="241">
                  <c:v>44.652999999999999</c:v>
                </c:pt>
                <c:pt idx="242">
                  <c:v>44.698999999999998</c:v>
                </c:pt>
                <c:pt idx="243">
                  <c:v>44.834000000000003</c:v>
                </c:pt>
                <c:pt idx="244">
                  <c:v>44.945</c:v>
                </c:pt>
                <c:pt idx="245">
                  <c:v>45.097000000000001</c:v>
                </c:pt>
                <c:pt idx="246">
                  <c:v>45.225999999999999</c:v>
                </c:pt>
                <c:pt idx="247">
                  <c:v>45.405000000000001</c:v>
                </c:pt>
                <c:pt idx="248">
                  <c:v>45.48</c:v>
                </c:pt>
                <c:pt idx="249">
                  <c:v>45.564</c:v>
                </c:pt>
                <c:pt idx="250">
                  <c:v>45.686</c:v>
                </c:pt>
                <c:pt idx="251">
                  <c:v>45.834000000000003</c:v>
                </c:pt>
                <c:pt idx="252">
                  <c:v>45.923000000000002</c:v>
                </c:pt>
                <c:pt idx="253">
                  <c:v>45.991</c:v>
                </c:pt>
                <c:pt idx="254">
                  <c:v>46.11</c:v>
                </c:pt>
                <c:pt idx="255">
                  <c:v>46.243000000000002</c:v>
                </c:pt>
                <c:pt idx="256">
                  <c:v>46.348999999999997</c:v>
                </c:pt>
                <c:pt idx="257">
                  <c:v>46.491</c:v>
                </c:pt>
                <c:pt idx="258">
                  <c:v>46.564999999999998</c:v>
                </c:pt>
                <c:pt idx="259">
                  <c:v>46.656999999999996</c:v>
                </c:pt>
                <c:pt idx="260">
                  <c:v>46.723999999999997</c:v>
                </c:pt>
                <c:pt idx="261">
                  <c:v>46.871000000000002</c:v>
                </c:pt>
                <c:pt idx="262">
                  <c:v>47.042000000000002</c:v>
                </c:pt>
                <c:pt idx="263">
                  <c:v>47.125</c:v>
                </c:pt>
                <c:pt idx="264">
                  <c:v>47.274999999999999</c:v>
                </c:pt>
                <c:pt idx="265">
                  <c:v>47.43</c:v>
                </c:pt>
                <c:pt idx="266">
                  <c:v>47.548999999999999</c:v>
                </c:pt>
                <c:pt idx="267">
                  <c:v>47.652999999999999</c:v>
                </c:pt>
                <c:pt idx="268">
                  <c:v>47.774999999999999</c:v>
                </c:pt>
                <c:pt idx="269">
                  <c:v>47.965000000000003</c:v>
                </c:pt>
                <c:pt idx="270">
                  <c:v>48.085999999999999</c:v>
                </c:pt>
                <c:pt idx="271">
                  <c:v>48.219000000000001</c:v>
                </c:pt>
                <c:pt idx="272">
                  <c:v>48.334000000000003</c:v>
                </c:pt>
                <c:pt idx="273">
                  <c:v>48.530999999999999</c:v>
                </c:pt>
                <c:pt idx="274">
                  <c:v>48.619</c:v>
                </c:pt>
                <c:pt idx="275">
                  <c:v>48.735999999999997</c:v>
                </c:pt>
                <c:pt idx="276">
                  <c:v>48.868000000000002</c:v>
                </c:pt>
                <c:pt idx="277">
                  <c:v>49.017000000000003</c:v>
                </c:pt>
                <c:pt idx="278">
                  <c:v>49.137999999999998</c:v>
                </c:pt>
                <c:pt idx="279">
                  <c:v>49.302999999999997</c:v>
                </c:pt>
                <c:pt idx="280">
                  <c:v>49.496000000000002</c:v>
                </c:pt>
                <c:pt idx="281">
                  <c:v>49.667999999999999</c:v>
                </c:pt>
                <c:pt idx="282">
                  <c:v>49.875</c:v>
                </c:pt>
                <c:pt idx="283">
                  <c:v>50.01</c:v>
                </c:pt>
                <c:pt idx="284">
                  <c:v>50.148000000000003</c:v>
                </c:pt>
                <c:pt idx="285">
                  <c:v>50.404000000000003</c:v>
                </c:pt>
                <c:pt idx="286">
                  <c:v>50.581000000000003</c:v>
                </c:pt>
                <c:pt idx="287">
                  <c:v>50.716000000000001</c:v>
                </c:pt>
                <c:pt idx="288">
                  <c:v>50.82</c:v>
                </c:pt>
                <c:pt idx="289">
                  <c:v>51</c:v>
                </c:pt>
                <c:pt idx="290">
                  <c:v>51.197000000000003</c:v>
                </c:pt>
                <c:pt idx="291">
                  <c:v>51.378</c:v>
                </c:pt>
                <c:pt idx="292">
                  <c:v>51.576000000000001</c:v>
                </c:pt>
                <c:pt idx="293">
                  <c:v>51.759</c:v>
                </c:pt>
                <c:pt idx="294">
                  <c:v>51.905000000000001</c:v>
                </c:pt>
                <c:pt idx="295">
                  <c:v>52.116999999999997</c:v>
                </c:pt>
                <c:pt idx="296">
                  <c:v>52.268000000000001</c:v>
                </c:pt>
                <c:pt idx="297">
                  <c:v>52.366</c:v>
                </c:pt>
                <c:pt idx="298">
                  <c:v>52.597000000000001</c:v>
                </c:pt>
                <c:pt idx="299">
                  <c:v>52.877000000000002</c:v>
                </c:pt>
                <c:pt idx="300">
                  <c:v>53.05</c:v>
                </c:pt>
                <c:pt idx="301">
                  <c:v>53.179000000000002</c:v>
                </c:pt>
                <c:pt idx="302">
                  <c:v>53.366</c:v>
                </c:pt>
                <c:pt idx="303">
                  <c:v>53.545999999999999</c:v>
                </c:pt>
                <c:pt idx="304">
                  <c:v>53.746000000000002</c:v>
                </c:pt>
                <c:pt idx="305">
                  <c:v>53.902000000000001</c:v>
                </c:pt>
                <c:pt idx="306">
                  <c:v>54.048999999999999</c:v>
                </c:pt>
                <c:pt idx="307">
                  <c:v>54.164000000000001</c:v>
                </c:pt>
                <c:pt idx="308">
                  <c:v>54.351999999999997</c:v>
                </c:pt>
                <c:pt idx="309">
                  <c:v>54.637</c:v>
                </c:pt>
                <c:pt idx="310">
                  <c:v>54.869</c:v>
                </c:pt>
                <c:pt idx="311">
                  <c:v>55.103000000000002</c:v>
                </c:pt>
                <c:pt idx="312">
                  <c:v>55.256999999999998</c:v>
                </c:pt>
                <c:pt idx="313">
                  <c:v>55.524999999999999</c:v>
                </c:pt>
                <c:pt idx="314">
                  <c:v>55.704000000000001</c:v>
                </c:pt>
                <c:pt idx="315">
                  <c:v>55.908000000000001</c:v>
                </c:pt>
                <c:pt idx="316">
                  <c:v>56.113999999999997</c:v>
                </c:pt>
                <c:pt idx="317">
                  <c:v>56.323</c:v>
                </c:pt>
                <c:pt idx="318">
                  <c:v>56.496000000000002</c:v>
                </c:pt>
                <c:pt idx="319">
                  <c:v>56.662999999999997</c:v>
                </c:pt>
                <c:pt idx="320">
                  <c:v>56.893000000000001</c:v>
                </c:pt>
                <c:pt idx="321">
                  <c:v>57.015999999999998</c:v>
                </c:pt>
                <c:pt idx="322">
                  <c:v>57.119</c:v>
                </c:pt>
                <c:pt idx="323">
                  <c:v>57.436</c:v>
                </c:pt>
                <c:pt idx="324">
                  <c:v>57.610999999999997</c:v>
                </c:pt>
                <c:pt idx="325">
                  <c:v>57.802999999999997</c:v>
                </c:pt>
                <c:pt idx="326">
                  <c:v>57.96</c:v>
                </c:pt>
                <c:pt idx="327">
                  <c:v>58.186999999999998</c:v>
                </c:pt>
                <c:pt idx="328">
                  <c:v>58.378</c:v>
                </c:pt>
                <c:pt idx="329">
                  <c:v>58.548999999999999</c:v>
                </c:pt>
                <c:pt idx="330">
                  <c:v>58.749000000000002</c:v>
                </c:pt>
                <c:pt idx="331">
                  <c:v>58.984999999999999</c:v>
                </c:pt>
                <c:pt idx="332">
                  <c:v>59.219000000000001</c:v>
                </c:pt>
                <c:pt idx="333">
                  <c:v>59.356999999999999</c:v>
                </c:pt>
                <c:pt idx="334">
                  <c:v>59.616999999999997</c:v>
                </c:pt>
                <c:pt idx="335">
                  <c:v>59.851999999999997</c:v>
                </c:pt>
                <c:pt idx="336">
                  <c:v>59.963000000000001</c:v>
                </c:pt>
                <c:pt idx="337">
                  <c:v>60.206000000000003</c:v>
                </c:pt>
                <c:pt idx="338">
                  <c:v>60.372</c:v>
                </c:pt>
                <c:pt idx="339">
                  <c:v>60.613</c:v>
                </c:pt>
                <c:pt idx="340">
                  <c:v>60.747999999999998</c:v>
                </c:pt>
                <c:pt idx="341">
                  <c:v>60.94</c:v>
                </c:pt>
                <c:pt idx="342">
                  <c:v>61.186999999999998</c:v>
                </c:pt>
                <c:pt idx="343">
                  <c:v>61.348999999999997</c:v>
                </c:pt>
                <c:pt idx="344">
                  <c:v>61.555999999999997</c:v>
                </c:pt>
                <c:pt idx="345">
                  <c:v>61.76</c:v>
                </c:pt>
                <c:pt idx="346">
                  <c:v>61.975000000000001</c:v>
                </c:pt>
                <c:pt idx="347">
                  <c:v>62.179000000000002</c:v>
                </c:pt>
                <c:pt idx="348">
                  <c:v>62.383000000000003</c:v>
                </c:pt>
                <c:pt idx="349">
                  <c:v>62.591999999999999</c:v>
                </c:pt>
                <c:pt idx="350">
                  <c:v>62.865000000000002</c:v>
                </c:pt>
                <c:pt idx="351">
                  <c:v>63.04</c:v>
                </c:pt>
                <c:pt idx="352">
                  <c:v>63.271000000000001</c:v>
                </c:pt>
                <c:pt idx="353">
                  <c:v>63.53</c:v>
                </c:pt>
                <c:pt idx="354">
                  <c:v>63.722000000000001</c:v>
                </c:pt>
                <c:pt idx="355">
                  <c:v>64.012</c:v>
                </c:pt>
                <c:pt idx="356">
                  <c:v>64.292000000000002</c:v>
                </c:pt>
                <c:pt idx="357">
                  <c:v>64.483999999999995</c:v>
                </c:pt>
                <c:pt idx="358">
                  <c:v>64.685000000000002</c:v>
                </c:pt>
                <c:pt idx="359">
                  <c:v>64.863</c:v>
                </c:pt>
                <c:pt idx="360">
                  <c:v>65.108999999999995</c:v>
                </c:pt>
                <c:pt idx="361">
                  <c:v>65.350999999999999</c:v>
                </c:pt>
                <c:pt idx="362">
                  <c:v>65.614999999999995</c:v>
                </c:pt>
                <c:pt idx="363">
                  <c:v>65.783000000000001</c:v>
                </c:pt>
                <c:pt idx="364">
                  <c:v>65.963999999999999</c:v>
                </c:pt>
                <c:pt idx="365">
                  <c:v>66.131</c:v>
                </c:pt>
                <c:pt idx="366">
                  <c:v>66.340999999999994</c:v>
                </c:pt>
                <c:pt idx="367">
                  <c:v>66.614000000000004</c:v>
                </c:pt>
                <c:pt idx="368">
                  <c:v>66.897999999999996</c:v>
                </c:pt>
                <c:pt idx="369">
                  <c:v>67.158000000000001</c:v>
                </c:pt>
                <c:pt idx="370">
                  <c:v>67.331999999999994</c:v>
                </c:pt>
                <c:pt idx="371">
                  <c:v>67.584000000000003</c:v>
                </c:pt>
                <c:pt idx="372">
                  <c:v>67.825000000000003</c:v>
                </c:pt>
                <c:pt idx="373">
                  <c:v>68.137</c:v>
                </c:pt>
                <c:pt idx="374">
                  <c:v>68.409000000000006</c:v>
                </c:pt>
                <c:pt idx="375">
                  <c:v>68.631</c:v>
                </c:pt>
                <c:pt idx="376">
                  <c:v>68.900000000000006</c:v>
                </c:pt>
                <c:pt idx="377">
                  <c:v>69.114999999999995</c:v>
                </c:pt>
                <c:pt idx="378">
                  <c:v>69.284999999999997</c:v>
                </c:pt>
                <c:pt idx="379">
                  <c:v>69.548000000000002</c:v>
                </c:pt>
                <c:pt idx="380">
                  <c:v>69.712000000000003</c:v>
                </c:pt>
                <c:pt idx="381">
                  <c:v>69.91</c:v>
                </c:pt>
                <c:pt idx="382">
                  <c:v>70.239000000000004</c:v>
                </c:pt>
                <c:pt idx="383">
                  <c:v>70.501999999999995</c:v>
                </c:pt>
                <c:pt idx="384">
                  <c:v>70.754000000000005</c:v>
                </c:pt>
                <c:pt idx="385">
                  <c:v>70.959999999999994</c:v>
                </c:pt>
                <c:pt idx="386">
                  <c:v>71.168999999999997</c:v>
                </c:pt>
                <c:pt idx="387">
                  <c:v>71.484999999999999</c:v>
                </c:pt>
                <c:pt idx="388">
                  <c:v>71.757000000000005</c:v>
                </c:pt>
                <c:pt idx="389">
                  <c:v>71.935000000000002</c:v>
                </c:pt>
                <c:pt idx="390">
                  <c:v>72.147999999999996</c:v>
                </c:pt>
                <c:pt idx="391">
                  <c:v>72.399000000000001</c:v>
                </c:pt>
                <c:pt idx="392">
                  <c:v>72.704999999999998</c:v>
                </c:pt>
                <c:pt idx="393">
                  <c:v>72.861000000000004</c:v>
                </c:pt>
                <c:pt idx="394">
                  <c:v>73.165999999999997</c:v>
                </c:pt>
                <c:pt idx="395">
                  <c:v>73.457999999999998</c:v>
                </c:pt>
                <c:pt idx="396">
                  <c:v>73.72</c:v>
                </c:pt>
                <c:pt idx="397">
                  <c:v>74.046000000000006</c:v>
                </c:pt>
                <c:pt idx="398">
                  <c:v>74.373000000000005</c:v>
                </c:pt>
                <c:pt idx="399">
                  <c:v>74.616</c:v>
                </c:pt>
                <c:pt idx="400">
                  <c:v>74.870999999999995</c:v>
                </c:pt>
                <c:pt idx="401">
                  <c:v>75.114999999999995</c:v>
                </c:pt>
                <c:pt idx="402">
                  <c:v>75.313999999999993</c:v>
                </c:pt>
                <c:pt idx="403">
                  <c:v>75.599000000000004</c:v>
                </c:pt>
                <c:pt idx="404">
                  <c:v>75.819999999999993</c:v>
                </c:pt>
                <c:pt idx="405">
                  <c:v>76.078000000000003</c:v>
                </c:pt>
                <c:pt idx="406">
                  <c:v>76.406999999999996</c:v>
                </c:pt>
                <c:pt idx="407">
                  <c:v>76.638000000000005</c:v>
                </c:pt>
                <c:pt idx="408">
                  <c:v>76.873000000000005</c:v>
                </c:pt>
                <c:pt idx="409">
                  <c:v>77.054000000000002</c:v>
                </c:pt>
                <c:pt idx="410">
                  <c:v>77.209000000000003</c:v>
                </c:pt>
                <c:pt idx="411">
                  <c:v>77.516000000000005</c:v>
                </c:pt>
                <c:pt idx="412">
                  <c:v>77.83</c:v>
                </c:pt>
                <c:pt idx="413">
                  <c:v>78.075000000000003</c:v>
                </c:pt>
                <c:pt idx="414">
                  <c:v>78.480999999999995</c:v>
                </c:pt>
                <c:pt idx="415">
                  <c:v>78.783000000000001</c:v>
                </c:pt>
                <c:pt idx="416">
                  <c:v>78.991</c:v>
                </c:pt>
                <c:pt idx="417">
                  <c:v>79.182000000000002</c:v>
                </c:pt>
                <c:pt idx="418">
                  <c:v>79.444000000000003</c:v>
                </c:pt>
                <c:pt idx="419">
                  <c:v>79.816000000000003</c:v>
                </c:pt>
                <c:pt idx="420">
                  <c:v>80.025999999999996</c:v>
                </c:pt>
                <c:pt idx="421">
                  <c:v>80.364000000000004</c:v>
                </c:pt>
                <c:pt idx="422">
                  <c:v>80.605999999999995</c:v>
                </c:pt>
                <c:pt idx="423">
                  <c:v>80.953000000000003</c:v>
                </c:pt>
                <c:pt idx="424">
                  <c:v>81.131</c:v>
                </c:pt>
                <c:pt idx="425">
                  <c:v>81.364000000000004</c:v>
                </c:pt>
                <c:pt idx="426">
                  <c:v>81.662000000000006</c:v>
                </c:pt>
                <c:pt idx="427">
                  <c:v>81.819000000000003</c:v>
                </c:pt>
                <c:pt idx="428">
                  <c:v>82.18</c:v>
                </c:pt>
                <c:pt idx="429">
                  <c:v>82.525000000000006</c:v>
                </c:pt>
                <c:pt idx="430">
                  <c:v>82.695999999999998</c:v>
                </c:pt>
                <c:pt idx="431">
                  <c:v>82.968000000000004</c:v>
                </c:pt>
                <c:pt idx="432">
                  <c:v>83.275000000000006</c:v>
                </c:pt>
                <c:pt idx="433">
                  <c:v>83.463999999999999</c:v>
                </c:pt>
                <c:pt idx="434">
                  <c:v>83.68</c:v>
                </c:pt>
                <c:pt idx="435">
                  <c:v>83.843000000000004</c:v>
                </c:pt>
                <c:pt idx="436">
                  <c:v>84.146000000000001</c:v>
                </c:pt>
                <c:pt idx="437">
                  <c:v>84.391999999999996</c:v>
                </c:pt>
                <c:pt idx="438">
                  <c:v>84.653999999999996</c:v>
                </c:pt>
                <c:pt idx="439">
                  <c:v>84.994</c:v>
                </c:pt>
                <c:pt idx="440">
                  <c:v>85.290999999999997</c:v>
                </c:pt>
                <c:pt idx="441">
                  <c:v>85.534999999999997</c:v>
                </c:pt>
                <c:pt idx="442">
                  <c:v>85.686999999999998</c:v>
                </c:pt>
                <c:pt idx="443">
                  <c:v>85.873999999999995</c:v>
                </c:pt>
                <c:pt idx="444">
                  <c:v>86.236999999999995</c:v>
                </c:pt>
                <c:pt idx="445">
                  <c:v>86.507999999999996</c:v>
                </c:pt>
                <c:pt idx="446">
                  <c:v>86.793000000000006</c:v>
                </c:pt>
                <c:pt idx="447">
                  <c:v>87.04</c:v>
                </c:pt>
                <c:pt idx="448">
                  <c:v>87.441000000000003</c:v>
                </c:pt>
                <c:pt idx="449">
                  <c:v>87.73</c:v>
                </c:pt>
                <c:pt idx="450">
                  <c:v>87.906000000000006</c:v>
                </c:pt>
                <c:pt idx="451">
                  <c:v>88.197000000000003</c:v>
                </c:pt>
                <c:pt idx="452">
                  <c:v>88.481999999999999</c:v>
                </c:pt>
                <c:pt idx="453">
                  <c:v>88.825999999999993</c:v>
                </c:pt>
                <c:pt idx="454">
                  <c:v>89.171999999999997</c:v>
                </c:pt>
                <c:pt idx="455">
                  <c:v>89.39</c:v>
                </c:pt>
                <c:pt idx="456">
                  <c:v>89.608999999999995</c:v>
                </c:pt>
                <c:pt idx="457">
                  <c:v>89.756</c:v>
                </c:pt>
                <c:pt idx="458">
                  <c:v>89.991</c:v>
                </c:pt>
                <c:pt idx="459">
                  <c:v>90.376999999999995</c:v>
                </c:pt>
                <c:pt idx="460">
                  <c:v>90.656999999999996</c:v>
                </c:pt>
                <c:pt idx="461">
                  <c:v>90.950999999999993</c:v>
                </c:pt>
                <c:pt idx="462">
                  <c:v>91.26</c:v>
                </c:pt>
                <c:pt idx="463">
                  <c:v>91.483000000000004</c:v>
                </c:pt>
                <c:pt idx="464">
                  <c:v>91.715999999999994</c:v>
                </c:pt>
                <c:pt idx="465">
                  <c:v>91.891000000000005</c:v>
                </c:pt>
                <c:pt idx="466">
                  <c:v>92.247</c:v>
                </c:pt>
                <c:pt idx="467">
                  <c:v>92.566000000000003</c:v>
                </c:pt>
                <c:pt idx="468">
                  <c:v>92.837999999999994</c:v>
                </c:pt>
                <c:pt idx="469">
                  <c:v>93.16</c:v>
                </c:pt>
                <c:pt idx="470">
                  <c:v>93.409000000000006</c:v>
                </c:pt>
                <c:pt idx="471">
                  <c:v>93.664000000000001</c:v>
                </c:pt>
                <c:pt idx="472">
                  <c:v>93.962999999999994</c:v>
                </c:pt>
                <c:pt idx="473">
                  <c:v>94.233999999999995</c:v>
                </c:pt>
                <c:pt idx="474">
                  <c:v>94.378</c:v>
                </c:pt>
                <c:pt idx="475">
                  <c:v>94.498999999999995</c:v>
                </c:pt>
                <c:pt idx="476">
                  <c:v>94.846999999999994</c:v>
                </c:pt>
                <c:pt idx="477">
                  <c:v>95.186000000000007</c:v>
                </c:pt>
                <c:pt idx="478">
                  <c:v>95.55</c:v>
                </c:pt>
                <c:pt idx="479">
                  <c:v>95.853999999999999</c:v>
                </c:pt>
                <c:pt idx="480">
                  <c:v>96.215999999999994</c:v>
                </c:pt>
                <c:pt idx="481">
                  <c:v>96.521000000000001</c:v>
                </c:pt>
                <c:pt idx="482">
                  <c:v>96.679000000000002</c:v>
                </c:pt>
                <c:pt idx="483">
                  <c:v>97.010999999999996</c:v>
                </c:pt>
                <c:pt idx="484">
                  <c:v>97.287000000000006</c:v>
                </c:pt>
                <c:pt idx="485">
                  <c:v>97.552000000000007</c:v>
                </c:pt>
                <c:pt idx="486">
                  <c:v>97.820999999999998</c:v>
                </c:pt>
                <c:pt idx="487">
                  <c:v>98.106999999999999</c:v>
                </c:pt>
                <c:pt idx="488">
                  <c:v>98.441000000000003</c:v>
                </c:pt>
                <c:pt idx="489">
                  <c:v>98.722999999999999</c:v>
                </c:pt>
                <c:pt idx="490">
                  <c:v>98.975999999999999</c:v>
                </c:pt>
                <c:pt idx="491">
                  <c:v>99.183000000000007</c:v>
                </c:pt>
                <c:pt idx="492">
                  <c:v>99.382999999999996</c:v>
                </c:pt>
                <c:pt idx="493">
                  <c:v>99.649000000000001</c:v>
                </c:pt>
                <c:pt idx="494">
                  <c:v>99.991</c:v>
                </c:pt>
                <c:pt idx="495">
                  <c:v>100.343</c:v>
                </c:pt>
                <c:pt idx="496">
                  <c:v>100.67700000000001</c:v>
                </c:pt>
                <c:pt idx="497">
                  <c:v>100.953</c:v>
                </c:pt>
                <c:pt idx="498">
                  <c:v>101.417</c:v>
                </c:pt>
                <c:pt idx="499">
                  <c:v>101.74299999999999</c:v>
                </c:pt>
                <c:pt idx="500">
                  <c:v>101.92400000000001</c:v>
                </c:pt>
                <c:pt idx="501">
                  <c:v>102.188</c:v>
                </c:pt>
                <c:pt idx="502">
                  <c:v>102.483</c:v>
                </c:pt>
                <c:pt idx="503">
                  <c:v>102.776</c:v>
                </c:pt>
                <c:pt idx="504">
                  <c:v>103.015</c:v>
                </c:pt>
                <c:pt idx="505">
                  <c:v>103.283</c:v>
                </c:pt>
                <c:pt idx="506">
                  <c:v>103.547</c:v>
                </c:pt>
                <c:pt idx="507">
                  <c:v>103.67700000000001</c:v>
                </c:pt>
                <c:pt idx="508">
                  <c:v>103.941</c:v>
                </c:pt>
                <c:pt idx="509">
                  <c:v>104.21899999999999</c:v>
                </c:pt>
                <c:pt idx="510">
                  <c:v>104.52</c:v>
                </c:pt>
                <c:pt idx="511">
                  <c:v>104.773</c:v>
                </c:pt>
                <c:pt idx="512">
                  <c:v>105.185</c:v>
                </c:pt>
                <c:pt idx="513">
                  <c:v>105.374</c:v>
                </c:pt>
                <c:pt idx="514">
                  <c:v>105.598</c:v>
                </c:pt>
                <c:pt idx="515">
                  <c:v>105.88200000000001</c:v>
                </c:pt>
                <c:pt idx="516">
                  <c:v>106.185</c:v>
                </c:pt>
                <c:pt idx="517">
                  <c:v>106.49</c:v>
                </c:pt>
                <c:pt idx="518">
                  <c:v>106.827</c:v>
                </c:pt>
                <c:pt idx="519">
                  <c:v>107.008</c:v>
                </c:pt>
                <c:pt idx="520">
                  <c:v>107.358</c:v>
                </c:pt>
                <c:pt idx="521">
                  <c:v>107.595</c:v>
                </c:pt>
                <c:pt idx="522">
                  <c:v>107.994</c:v>
                </c:pt>
                <c:pt idx="523">
                  <c:v>108.19499999999999</c:v>
                </c:pt>
                <c:pt idx="524">
                  <c:v>108.438</c:v>
                </c:pt>
                <c:pt idx="525">
                  <c:v>108.83799999999999</c:v>
                </c:pt>
                <c:pt idx="526">
                  <c:v>109.151</c:v>
                </c:pt>
                <c:pt idx="527">
                  <c:v>109.26900000000001</c:v>
                </c:pt>
                <c:pt idx="528">
                  <c:v>109.43899999999999</c:v>
                </c:pt>
                <c:pt idx="529">
                  <c:v>109.78</c:v>
                </c:pt>
                <c:pt idx="530">
                  <c:v>110.14700000000001</c:v>
                </c:pt>
                <c:pt idx="531">
                  <c:v>110.294</c:v>
                </c:pt>
                <c:pt idx="532">
                  <c:v>110.529</c:v>
                </c:pt>
                <c:pt idx="533">
                  <c:v>110.89</c:v>
                </c:pt>
                <c:pt idx="534">
                  <c:v>111.328</c:v>
                </c:pt>
                <c:pt idx="535">
                  <c:v>111.547</c:v>
                </c:pt>
                <c:pt idx="536">
                  <c:v>111.837</c:v>
                </c:pt>
                <c:pt idx="537">
                  <c:v>112.176</c:v>
                </c:pt>
                <c:pt idx="538">
                  <c:v>112.36499999999999</c:v>
                </c:pt>
                <c:pt idx="539">
                  <c:v>112.60599999999999</c:v>
                </c:pt>
                <c:pt idx="540">
                  <c:v>112.887</c:v>
                </c:pt>
                <c:pt idx="541">
                  <c:v>113.158</c:v>
                </c:pt>
                <c:pt idx="542">
                  <c:v>113.58</c:v>
                </c:pt>
                <c:pt idx="543">
                  <c:v>113.86799999999999</c:v>
                </c:pt>
                <c:pt idx="544">
                  <c:v>114.23</c:v>
                </c:pt>
                <c:pt idx="545">
                  <c:v>114.438</c:v>
                </c:pt>
                <c:pt idx="546">
                  <c:v>114.709</c:v>
                </c:pt>
                <c:pt idx="547">
                  <c:v>114.974</c:v>
                </c:pt>
                <c:pt idx="548">
                  <c:v>115.149</c:v>
                </c:pt>
                <c:pt idx="549">
                  <c:v>115.64700000000001</c:v>
                </c:pt>
                <c:pt idx="550">
                  <c:v>116.027</c:v>
                </c:pt>
                <c:pt idx="551">
                  <c:v>116.12</c:v>
                </c:pt>
                <c:pt idx="552">
                  <c:v>116.504</c:v>
                </c:pt>
                <c:pt idx="553">
                  <c:v>116.545</c:v>
                </c:pt>
                <c:pt idx="554">
                  <c:v>116.874</c:v>
                </c:pt>
                <c:pt idx="555">
                  <c:v>117.081</c:v>
                </c:pt>
                <c:pt idx="556">
                  <c:v>117.423</c:v>
                </c:pt>
                <c:pt idx="557">
                  <c:v>117.617</c:v>
                </c:pt>
                <c:pt idx="558">
                  <c:v>117.925</c:v>
                </c:pt>
                <c:pt idx="559">
                  <c:v>118.236</c:v>
                </c:pt>
                <c:pt idx="560">
                  <c:v>118.46599999999999</c:v>
                </c:pt>
                <c:pt idx="561">
                  <c:v>118.706</c:v>
                </c:pt>
                <c:pt idx="562">
                  <c:v>119.02200000000001</c:v>
                </c:pt>
                <c:pt idx="563">
                  <c:v>119.185</c:v>
                </c:pt>
                <c:pt idx="564">
                  <c:v>119.441</c:v>
                </c:pt>
                <c:pt idx="565">
                  <c:v>119.723</c:v>
                </c:pt>
                <c:pt idx="566">
                  <c:v>120.024</c:v>
                </c:pt>
                <c:pt idx="567">
                  <c:v>120.181</c:v>
                </c:pt>
                <c:pt idx="568">
                  <c:v>120.517</c:v>
                </c:pt>
                <c:pt idx="569">
                  <c:v>120.955</c:v>
                </c:pt>
                <c:pt idx="570">
                  <c:v>121.176</c:v>
                </c:pt>
                <c:pt idx="571">
                  <c:v>121.41</c:v>
                </c:pt>
                <c:pt idx="572">
                  <c:v>121.687</c:v>
                </c:pt>
                <c:pt idx="573">
                  <c:v>122.023</c:v>
                </c:pt>
                <c:pt idx="574">
                  <c:v>122.313</c:v>
                </c:pt>
                <c:pt idx="575">
                  <c:v>122.601</c:v>
                </c:pt>
                <c:pt idx="576">
                  <c:v>122.747</c:v>
                </c:pt>
                <c:pt idx="577">
                  <c:v>123.074</c:v>
                </c:pt>
                <c:pt idx="578">
                  <c:v>123.35599999999999</c:v>
                </c:pt>
                <c:pt idx="579">
                  <c:v>123.73</c:v>
                </c:pt>
                <c:pt idx="580">
                  <c:v>124.02200000000001</c:v>
                </c:pt>
                <c:pt idx="581">
                  <c:v>124.312</c:v>
                </c:pt>
                <c:pt idx="582">
                  <c:v>124.633</c:v>
                </c:pt>
                <c:pt idx="583">
                  <c:v>124.90900000000001</c:v>
                </c:pt>
                <c:pt idx="584">
                  <c:v>125.069</c:v>
                </c:pt>
                <c:pt idx="585">
                  <c:v>125.367</c:v>
                </c:pt>
                <c:pt idx="586">
                  <c:v>125.807</c:v>
                </c:pt>
                <c:pt idx="587">
                  <c:v>125.937</c:v>
                </c:pt>
                <c:pt idx="588">
                  <c:v>126.407</c:v>
                </c:pt>
                <c:pt idx="589">
                  <c:v>126.58</c:v>
                </c:pt>
                <c:pt idx="590">
                  <c:v>127.021</c:v>
                </c:pt>
                <c:pt idx="591">
                  <c:v>127.09399999999999</c:v>
                </c:pt>
                <c:pt idx="592">
                  <c:v>127.372</c:v>
                </c:pt>
                <c:pt idx="593">
                  <c:v>127.584</c:v>
                </c:pt>
                <c:pt idx="594">
                  <c:v>127.91500000000001</c:v>
                </c:pt>
                <c:pt idx="595">
                  <c:v>128.11000000000001</c:v>
                </c:pt>
                <c:pt idx="596">
                  <c:v>128.45099999999999</c:v>
                </c:pt>
                <c:pt idx="597">
                  <c:v>128.72399999999999</c:v>
                </c:pt>
                <c:pt idx="598">
                  <c:v>129.08500000000001</c:v>
                </c:pt>
                <c:pt idx="599">
                  <c:v>129.39099999999999</c:v>
                </c:pt>
                <c:pt idx="600">
                  <c:v>129.739</c:v>
                </c:pt>
                <c:pt idx="601">
                  <c:v>130.13</c:v>
                </c:pt>
                <c:pt idx="602">
                  <c:v>130.42099999999999</c:v>
                </c:pt>
                <c:pt idx="603">
                  <c:v>130.67099999999999</c:v>
                </c:pt>
                <c:pt idx="604">
                  <c:v>131.00299999999999</c:v>
                </c:pt>
                <c:pt idx="605">
                  <c:v>131.15799999999999</c:v>
                </c:pt>
                <c:pt idx="606">
                  <c:v>131.47</c:v>
                </c:pt>
                <c:pt idx="607">
                  <c:v>131.78899999999999</c:v>
                </c:pt>
                <c:pt idx="608">
                  <c:v>132.03200000000001</c:v>
                </c:pt>
                <c:pt idx="609">
                  <c:v>132.43899999999999</c:v>
                </c:pt>
                <c:pt idx="610">
                  <c:v>132.471</c:v>
                </c:pt>
                <c:pt idx="611">
                  <c:v>132.697</c:v>
                </c:pt>
                <c:pt idx="612">
                  <c:v>132.988</c:v>
                </c:pt>
                <c:pt idx="613">
                  <c:v>133.422</c:v>
                </c:pt>
                <c:pt idx="614">
                  <c:v>133.77000000000001</c:v>
                </c:pt>
                <c:pt idx="615">
                  <c:v>134.03200000000001</c:v>
                </c:pt>
                <c:pt idx="616">
                  <c:v>134.40199999999999</c:v>
                </c:pt>
                <c:pt idx="617">
                  <c:v>134.584</c:v>
                </c:pt>
                <c:pt idx="618">
                  <c:v>134.83099999999999</c:v>
                </c:pt>
                <c:pt idx="619">
                  <c:v>135.15600000000001</c:v>
                </c:pt>
                <c:pt idx="620">
                  <c:v>135.417</c:v>
                </c:pt>
                <c:pt idx="621">
                  <c:v>135.77000000000001</c:v>
                </c:pt>
                <c:pt idx="622">
                  <c:v>135.96600000000001</c:v>
                </c:pt>
                <c:pt idx="623">
                  <c:v>136.17500000000001</c:v>
                </c:pt>
                <c:pt idx="624">
                  <c:v>136.52699999999999</c:v>
                </c:pt>
                <c:pt idx="625">
                  <c:v>136.93199999999999</c:v>
                </c:pt>
                <c:pt idx="626">
                  <c:v>137.18199999999999</c:v>
                </c:pt>
                <c:pt idx="627">
                  <c:v>137.39599999999999</c:v>
                </c:pt>
                <c:pt idx="628">
                  <c:v>137.63800000000001</c:v>
                </c:pt>
                <c:pt idx="629">
                  <c:v>137.88800000000001</c:v>
                </c:pt>
                <c:pt idx="630">
                  <c:v>138.22499999999999</c:v>
                </c:pt>
                <c:pt idx="631">
                  <c:v>138.66800000000001</c:v>
                </c:pt>
                <c:pt idx="632">
                  <c:v>138.898</c:v>
                </c:pt>
                <c:pt idx="633">
                  <c:v>139.166</c:v>
                </c:pt>
                <c:pt idx="634">
                  <c:v>139.511</c:v>
                </c:pt>
                <c:pt idx="635">
                  <c:v>139.893</c:v>
                </c:pt>
                <c:pt idx="636">
                  <c:v>140.32</c:v>
                </c:pt>
                <c:pt idx="637">
                  <c:v>140.614</c:v>
                </c:pt>
                <c:pt idx="638">
                  <c:v>140.768</c:v>
                </c:pt>
                <c:pt idx="639">
                  <c:v>140.96799999999999</c:v>
                </c:pt>
                <c:pt idx="640">
                  <c:v>141.26499999999999</c:v>
                </c:pt>
                <c:pt idx="641">
                  <c:v>141.59100000000001</c:v>
                </c:pt>
                <c:pt idx="642">
                  <c:v>141.91399999999999</c:v>
                </c:pt>
                <c:pt idx="643">
                  <c:v>142.10900000000001</c:v>
                </c:pt>
                <c:pt idx="644">
                  <c:v>142.44399999999999</c:v>
                </c:pt>
                <c:pt idx="645">
                  <c:v>142.572</c:v>
                </c:pt>
                <c:pt idx="646">
                  <c:v>142.90199999999999</c:v>
                </c:pt>
                <c:pt idx="647">
                  <c:v>143.21600000000001</c:v>
                </c:pt>
                <c:pt idx="648">
                  <c:v>143.54499999999999</c:v>
                </c:pt>
                <c:pt idx="649">
                  <c:v>143.82900000000001</c:v>
                </c:pt>
                <c:pt idx="650">
                  <c:v>143.959</c:v>
                </c:pt>
                <c:pt idx="651">
                  <c:v>144.208</c:v>
                </c:pt>
                <c:pt idx="652">
                  <c:v>144.56100000000001</c:v>
                </c:pt>
                <c:pt idx="653">
                  <c:v>144.76499999999999</c:v>
                </c:pt>
                <c:pt idx="654">
                  <c:v>145.08000000000001</c:v>
                </c:pt>
                <c:pt idx="655">
                  <c:v>145.38300000000001</c:v>
                </c:pt>
                <c:pt idx="656">
                  <c:v>145.72200000000001</c:v>
                </c:pt>
                <c:pt idx="657">
                  <c:v>146.047</c:v>
                </c:pt>
                <c:pt idx="658">
                  <c:v>146.31800000000001</c:v>
                </c:pt>
                <c:pt idx="659">
                  <c:v>146.566</c:v>
                </c:pt>
                <c:pt idx="660">
                  <c:v>146.84299999999999</c:v>
                </c:pt>
                <c:pt idx="661">
                  <c:v>147.17500000000001</c:v>
                </c:pt>
                <c:pt idx="662">
                  <c:v>147.494</c:v>
                </c:pt>
                <c:pt idx="663">
                  <c:v>147.864</c:v>
                </c:pt>
                <c:pt idx="664">
                  <c:v>148.08500000000001</c:v>
                </c:pt>
                <c:pt idx="665">
                  <c:v>148.38200000000001</c:v>
                </c:pt>
                <c:pt idx="666">
                  <c:v>148.74199999999999</c:v>
                </c:pt>
                <c:pt idx="667">
                  <c:v>149.05000000000001</c:v>
                </c:pt>
                <c:pt idx="668">
                  <c:v>149.18299999999999</c:v>
                </c:pt>
                <c:pt idx="669">
                  <c:v>149.47399999999999</c:v>
                </c:pt>
                <c:pt idx="670">
                  <c:v>149.86500000000001</c:v>
                </c:pt>
                <c:pt idx="671">
                  <c:v>150.267</c:v>
                </c:pt>
                <c:pt idx="672">
                  <c:v>150.53200000000001</c:v>
                </c:pt>
                <c:pt idx="673">
                  <c:v>150.93700000000001</c:v>
                </c:pt>
                <c:pt idx="674">
                  <c:v>151.34399999999999</c:v>
                </c:pt>
                <c:pt idx="675">
                  <c:v>151.577</c:v>
                </c:pt>
                <c:pt idx="676">
                  <c:v>151.92599999999999</c:v>
                </c:pt>
                <c:pt idx="677">
                  <c:v>152.113</c:v>
                </c:pt>
                <c:pt idx="678">
                  <c:v>152.334</c:v>
                </c:pt>
                <c:pt idx="679">
                  <c:v>152.702</c:v>
                </c:pt>
                <c:pt idx="680">
                  <c:v>152.916</c:v>
                </c:pt>
                <c:pt idx="681">
                  <c:v>153.18299999999999</c:v>
                </c:pt>
                <c:pt idx="682">
                  <c:v>153.42699999999999</c:v>
                </c:pt>
                <c:pt idx="683">
                  <c:v>153.65899999999999</c:v>
                </c:pt>
                <c:pt idx="684">
                  <c:v>154.09299999999999</c:v>
                </c:pt>
                <c:pt idx="685">
                  <c:v>154.47</c:v>
                </c:pt>
                <c:pt idx="686">
                  <c:v>154.666</c:v>
                </c:pt>
                <c:pt idx="687">
                  <c:v>154.87899999999999</c:v>
                </c:pt>
                <c:pt idx="688">
                  <c:v>155.18799999999999</c:v>
                </c:pt>
                <c:pt idx="689">
                  <c:v>155.62700000000001</c:v>
                </c:pt>
                <c:pt idx="690">
                  <c:v>155.815</c:v>
                </c:pt>
                <c:pt idx="691">
                  <c:v>156.01</c:v>
                </c:pt>
                <c:pt idx="692">
                  <c:v>156.61199999999999</c:v>
                </c:pt>
                <c:pt idx="693">
                  <c:v>156.65799999999999</c:v>
                </c:pt>
                <c:pt idx="694">
                  <c:v>156.935</c:v>
                </c:pt>
                <c:pt idx="695">
                  <c:v>157.18100000000001</c:v>
                </c:pt>
                <c:pt idx="696">
                  <c:v>157.494</c:v>
                </c:pt>
                <c:pt idx="697">
                  <c:v>157.82400000000001</c:v>
                </c:pt>
                <c:pt idx="698">
                  <c:v>158.15100000000001</c:v>
                </c:pt>
                <c:pt idx="699">
                  <c:v>158.19200000000001</c:v>
                </c:pt>
                <c:pt idx="700">
                  <c:v>158.49100000000001</c:v>
                </c:pt>
                <c:pt idx="701">
                  <c:v>158.81399999999999</c:v>
                </c:pt>
                <c:pt idx="702">
                  <c:v>159.15600000000001</c:v>
                </c:pt>
                <c:pt idx="703">
                  <c:v>159.429</c:v>
                </c:pt>
                <c:pt idx="704">
                  <c:v>159.63999999999999</c:v>
                </c:pt>
                <c:pt idx="705">
                  <c:v>160.017</c:v>
                </c:pt>
                <c:pt idx="706">
                  <c:v>160.29900000000001</c:v>
                </c:pt>
                <c:pt idx="707">
                  <c:v>160.58099999999999</c:v>
                </c:pt>
                <c:pt idx="708">
                  <c:v>160.90299999999999</c:v>
                </c:pt>
                <c:pt idx="709">
                  <c:v>161.13800000000001</c:v>
                </c:pt>
                <c:pt idx="710">
                  <c:v>161.529</c:v>
                </c:pt>
                <c:pt idx="711">
                  <c:v>161.78399999999999</c:v>
                </c:pt>
                <c:pt idx="712">
                  <c:v>161.982</c:v>
                </c:pt>
                <c:pt idx="713">
                  <c:v>162.185</c:v>
                </c:pt>
                <c:pt idx="714">
                  <c:v>162.464</c:v>
                </c:pt>
                <c:pt idx="715">
                  <c:v>162.68899999999999</c:v>
                </c:pt>
                <c:pt idx="716">
                  <c:v>163.06800000000001</c:v>
                </c:pt>
                <c:pt idx="717">
                  <c:v>163.309</c:v>
                </c:pt>
                <c:pt idx="718">
                  <c:v>163.636</c:v>
                </c:pt>
                <c:pt idx="719">
                  <c:v>163.93899999999999</c:v>
                </c:pt>
                <c:pt idx="720">
                  <c:v>164.32</c:v>
                </c:pt>
                <c:pt idx="721">
                  <c:v>164.49799999999999</c:v>
                </c:pt>
                <c:pt idx="722">
                  <c:v>164.84100000000001</c:v>
                </c:pt>
                <c:pt idx="723">
                  <c:v>165.286</c:v>
                </c:pt>
                <c:pt idx="724">
                  <c:v>165.52500000000001</c:v>
                </c:pt>
                <c:pt idx="725">
                  <c:v>165.81299999999999</c:v>
                </c:pt>
                <c:pt idx="726">
                  <c:v>166.16</c:v>
                </c:pt>
                <c:pt idx="727">
                  <c:v>166.39500000000001</c:v>
                </c:pt>
                <c:pt idx="728">
                  <c:v>166.80099999999999</c:v>
                </c:pt>
                <c:pt idx="729">
                  <c:v>167.08699999999999</c:v>
                </c:pt>
                <c:pt idx="730">
                  <c:v>167.38499999999999</c:v>
                </c:pt>
                <c:pt idx="731">
                  <c:v>167.58</c:v>
                </c:pt>
                <c:pt idx="732">
                  <c:v>167.80600000000001</c:v>
                </c:pt>
                <c:pt idx="733">
                  <c:v>168.10300000000001</c:v>
                </c:pt>
                <c:pt idx="734">
                  <c:v>168.554</c:v>
                </c:pt>
                <c:pt idx="735">
                  <c:v>168.952</c:v>
                </c:pt>
                <c:pt idx="736">
                  <c:v>169.178</c:v>
                </c:pt>
                <c:pt idx="737">
                  <c:v>169.381</c:v>
                </c:pt>
                <c:pt idx="738">
                  <c:v>169.63800000000001</c:v>
                </c:pt>
                <c:pt idx="739">
                  <c:v>169.89599999999999</c:v>
                </c:pt>
                <c:pt idx="740">
                  <c:v>170.155</c:v>
                </c:pt>
                <c:pt idx="741">
                  <c:v>170.46700000000001</c:v>
                </c:pt>
                <c:pt idx="742">
                  <c:v>170.80799999999999</c:v>
                </c:pt>
                <c:pt idx="743">
                  <c:v>171.018</c:v>
                </c:pt>
                <c:pt idx="744">
                  <c:v>171.297</c:v>
                </c:pt>
                <c:pt idx="745">
                  <c:v>171.697</c:v>
                </c:pt>
                <c:pt idx="746">
                  <c:v>171.92</c:v>
                </c:pt>
                <c:pt idx="747">
                  <c:v>172.39599999999999</c:v>
                </c:pt>
                <c:pt idx="748">
                  <c:v>172.71199999999999</c:v>
                </c:pt>
                <c:pt idx="749">
                  <c:v>172.91300000000001</c:v>
                </c:pt>
                <c:pt idx="750">
                  <c:v>173.233</c:v>
                </c:pt>
                <c:pt idx="751">
                  <c:v>173.48699999999999</c:v>
                </c:pt>
                <c:pt idx="752">
                  <c:v>173.637</c:v>
                </c:pt>
                <c:pt idx="753">
                  <c:v>174.06800000000001</c:v>
                </c:pt>
                <c:pt idx="754">
                  <c:v>174.45699999999999</c:v>
                </c:pt>
                <c:pt idx="755">
                  <c:v>174.76900000000001</c:v>
                </c:pt>
                <c:pt idx="756">
                  <c:v>175.03</c:v>
                </c:pt>
                <c:pt idx="757">
                  <c:v>175.21799999999999</c:v>
                </c:pt>
                <c:pt idx="758">
                  <c:v>175.529</c:v>
                </c:pt>
                <c:pt idx="759">
                  <c:v>175.74799999999999</c:v>
                </c:pt>
                <c:pt idx="760">
                  <c:v>176.18</c:v>
                </c:pt>
                <c:pt idx="761">
                  <c:v>176.46199999999999</c:v>
                </c:pt>
                <c:pt idx="762">
                  <c:v>176.63200000000001</c:v>
                </c:pt>
                <c:pt idx="763">
                  <c:v>177.05</c:v>
                </c:pt>
                <c:pt idx="764">
                  <c:v>177.40799999999999</c:v>
                </c:pt>
                <c:pt idx="765">
                  <c:v>177.572</c:v>
                </c:pt>
                <c:pt idx="766">
                  <c:v>177.74700000000001</c:v>
                </c:pt>
                <c:pt idx="767">
                  <c:v>178.05099999999999</c:v>
                </c:pt>
                <c:pt idx="768">
                  <c:v>178.48699999999999</c:v>
                </c:pt>
                <c:pt idx="769">
                  <c:v>178.67400000000001</c:v>
                </c:pt>
                <c:pt idx="770">
                  <c:v>178.96299999999999</c:v>
                </c:pt>
                <c:pt idx="771">
                  <c:v>179.26599999999999</c:v>
                </c:pt>
                <c:pt idx="772">
                  <c:v>179.464</c:v>
                </c:pt>
                <c:pt idx="773">
                  <c:v>179.79599999999999</c:v>
                </c:pt>
                <c:pt idx="774">
                  <c:v>180.12899999999999</c:v>
                </c:pt>
                <c:pt idx="775">
                  <c:v>180.416</c:v>
                </c:pt>
                <c:pt idx="776">
                  <c:v>180.791</c:v>
                </c:pt>
                <c:pt idx="777">
                  <c:v>181.13</c:v>
                </c:pt>
                <c:pt idx="778">
                  <c:v>181.28399999999999</c:v>
                </c:pt>
                <c:pt idx="779">
                  <c:v>181.48500000000001</c:v>
                </c:pt>
                <c:pt idx="780">
                  <c:v>181.798</c:v>
                </c:pt>
                <c:pt idx="781">
                  <c:v>182.12299999999999</c:v>
                </c:pt>
                <c:pt idx="782">
                  <c:v>182.40899999999999</c:v>
                </c:pt>
                <c:pt idx="783">
                  <c:v>182.53200000000001</c:v>
                </c:pt>
                <c:pt idx="784">
                  <c:v>183.22300000000001</c:v>
                </c:pt>
                <c:pt idx="785">
                  <c:v>183.589</c:v>
                </c:pt>
                <c:pt idx="786">
                  <c:v>183.845</c:v>
                </c:pt>
                <c:pt idx="787">
                  <c:v>184.036</c:v>
                </c:pt>
                <c:pt idx="788">
                  <c:v>184.274</c:v>
                </c:pt>
                <c:pt idx="789">
                  <c:v>184.55199999999999</c:v>
                </c:pt>
                <c:pt idx="790">
                  <c:v>184.887</c:v>
                </c:pt>
                <c:pt idx="791">
                  <c:v>185.291</c:v>
                </c:pt>
                <c:pt idx="792">
                  <c:v>185.56200000000001</c:v>
                </c:pt>
                <c:pt idx="793">
                  <c:v>185.738</c:v>
                </c:pt>
                <c:pt idx="794">
                  <c:v>185.93</c:v>
                </c:pt>
                <c:pt idx="795">
                  <c:v>186.13399999999999</c:v>
                </c:pt>
                <c:pt idx="796">
                  <c:v>186.50299999999999</c:v>
                </c:pt>
                <c:pt idx="797">
                  <c:v>186.874</c:v>
                </c:pt>
                <c:pt idx="798">
                  <c:v>187.143</c:v>
                </c:pt>
                <c:pt idx="799">
                  <c:v>187.60499999999999</c:v>
                </c:pt>
                <c:pt idx="800">
                  <c:v>187.93600000000001</c:v>
                </c:pt>
                <c:pt idx="801">
                  <c:v>188.31</c:v>
                </c:pt>
                <c:pt idx="802">
                  <c:v>188.636</c:v>
                </c:pt>
                <c:pt idx="803">
                  <c:v>188.7</c:v>
                </c:pt>
                <c:pt idx="804">
                  <c:v>188.90299999999999</c:v>
                </c:pt>
                <c:pt idx="805">
                  <c:v>189.01</c:v>
                </c:pt>
                <c:pt idx="806">
                  <c:v>189.261</c:v>
                </c:pt>
                <c:pt idx="807">
                  <c:v>189.542</c:v>
                </c:pt>
                <c:pt idx="808">
                  <c:v>189.833</c:v>
                </c:pt>
                <c:pt idx="809">
                  <c:v>190.11099999999999</c:v>
                </c:pt>
                <c:pt idx="810">
                  <c:v>190.43</c:v>
                </c:pt>
                <c:pt idx="811">
                  <c:v>190.726</c:v>
                </c:pt>
                <c:pt idx="812">
                  <c:v>191.04599999999999</c:v>
                </c:pt>
                <c:pt idx="813">
                  <c:v>191.23400000000001</c:v>
                </c:pt>
                <c:pt idx="814">
                  <c:v>191.524</c:v>
                </c:pt>
                <c:pt idx="815">
                  <c:v>191.69800000000001</c:v>
                </c:pt>
                <c:pt idx="816">
                  <c:v>192.05500000000001</c:v>
                </c:pt>
                <c:pt idx="817">
                  <c:v>192.517</c:v>
                </c:pt>
                <c:pt idx="818">
                  <c:v>192.76499999999999</c:v>
                </c:pt>
                <c:pt idx="819">
                  <c:v>192.98699999999999</c:v>
                </c:pt>
                <c:pt idx="820">
                  <c:v>193.29499999999999</c:v>
                </c:pt>
                <c:pt idx="821">
                  <c:v>193.465</c:v>
                </c:pt>
                <c:pt idx="822">
                  <c:v>193.76900000000001</c:v>
                </c:pt>
                <c:pt idx="823">
                  <c:v>193.97900000000001</c:v>
                </c:pt>
                <c:pt idx="824">
                  <c:v>194.34700000000001</c:v>
                </c:pt>
                <c:pt idx="825">
                  <c:v>194.773</c:v>
                </c:pt>
                <c:pt idx="826">
                  <c:v>195.101</c:v>
                </c:pt>
                <c:pt idx="827">
                  <c:v>195.43700000000001</c:v>
                </c:pt>
                <c:pt idx="828">
                  <c:v>195.70400000000001</c:v>
                </c:pt>
                <c:pt idx="829">
                  <c:v>195.95500000000001</c:v>
                </c:pt>
                <c:pt idx="830">
                  <c:v>196.25</c:v>
                </c:pt>
                <c:pt idx="831">
                  <c:v>196.328</c:v>
                </c:pt>
                <c:pt idx="832">
                  <c:v>196.535</c:v>
                </c:pt>
                <c:pt idx="833">
                  <c:v>196.76400000000001</c:v>
                </c:pt>
                <c:pt idx="834">
                  <c:v>197.03399999999999</c:v>
                </c:pt>
                <c:pt idx="835">
                  <c:v>197.37799999999999</c:v>
                </c:pt>
                <c:pt idx="836">
                  <c:v>197.58</c:v>
                </c:pt>
                <c:pt idx="837">
                  <c:v>197.94499999999999</c:v>
                </c:pt>
                <c:pt idx="838">
                  <c:v>198.28299999999999</c:v>
                </c:pt>
                <c:pt idx="839">
                  <c:v>198.47399999999999</c:v>
                </c:pt>
                <c:pt idx="840">
                  <c:v>198.59899999999999</c:v>
                </c:pt>
                <c:pt idx="841">
                  <c:v>198.92400000000001</c:v>
                </c:pt>
                <c:pt idx="842">
                  <c:v>199.31700000000001</c:v>
                </c:pt>
                <c:pt idx="843">
                  <c:v>199.626</c:v>
                </c:pt>
                <c:pt idx="844">
                  <c:v>199.87</c:v>
                </c:pt>
                <c:pt idx="845">
                  <c:v>200.11099999999999</c:v>
                </c:pt>
                <c:pt idx="846">
                  <c:v>200.47499999999999</c:v>
                </c:pt>
                <c:pt idx="847">
                  <c:v>200.66300000000001</c:v>
                </c:pt>
                <c:pt idx="848">
                  <c:v>200.95599999999999</c:v>
                </c:pt>
                <c:pt idx="849">
                  <c:v>201.214</c:v>
                </c:pt>
                <c:pt idx="850">
                  <c:v>201.51300000000001</c:v>
                </c:pt>
                <c:pt idx="851">
                  <c:v>201.86799999999999</c:v>
                </c:pt>
                <c:pt idx="852">
                  <c:v>202.018</c:v>
                </c:pt>
                <c:pt idx="853">
                  <c:v>202.19900000000001</c:v>
                </c:pt>
                <c:pt idx="854">
                  <c:v>202.50200000000001</c:v>
                </c:pt>
                <c:pt idx="855">
                  <c:v>202.87799999999999</c:v>
                </c:pt>
                <c:pt idx="856">
                  <c:v>203.12799999999999</c:v>
                </c:pt>
                <c:pt idx="857">
                  <c:v>203.286</c:v>
                </c:pt>
                <c:pt idx="858">
                  <c:v>203.59200000000001</c:v>
                </c:pt>
                <c:pt idx="859">
                  <c:v>203.81800000000001</c:v>
                </c:pt>
                <c:pt idx="860">
                  <c:v>204.22200000000001</c:v>
                </c:pt>
                <c:pt idx="861">
                  <c:v>204.512</c:v>
                </c:pt>
                <c:pt idx="862">
                  <c:v>204.82</c:v>
                </c:pt>
                <c:pt idx="863">
                  <c:v>204.98</c:v>
                </c:pt>
                <c:pt idx="864">
                  <c:v>205.251</c:v>
                </c:pt>
                <c:pt idx="865">
                  <c:v>205.678</c:v>
                </c:pt>
                <c:pt idx="866">
                  <c:v>206.18</c:v>
                </c:pt>
                <c:pt idx="867">
                  <c:v>206.52600000000001</c:v>
                </c:pt>
                <c:pt idx="868">
                  <c:v>206.73599999999999</c:v>
                </c:pt>
                <c:pt idx="869">
                  <c:v>206.886</c:v>
                </c:pt>
                <c:pt idx="870">
                  <c:v>206.88300000000001</c:v>
                </c:pt>
                <c:pt idx="871">
                  <c:v>207.12200000000001</c:v>
                </c:pt>
                <c:pt idx="872">
                  <c:v>207.417</c:v>
                </c:pt>
                <c:pt idx="873">
                  <c:v>207.70099999999999</c:v>
                </c:pt>
                <c:pt idx="874">
                  <c:v>208.21700000000001</c:v>
                </c:pt>
                <c:pt idx="875">
                  <c:v>208.6</c:v>
                </c:pt>
                <c:pt idx="876">
                  <c:v>209.119</c:v>
                </c:pt>
                <c:pt idx="877">
                  <c:v>209.083</c:v>
                </c:pt>
                <c:pt idx="878">
                  <c:v>209.321</c:v>
                </c:pt>
                <c:pt idx="879">
                  <c:v>209.43700000000001</c:v>
                </c:pt>
                <c:pt idx="880">
                  <c:v>209.56</c:v>
                </c:pt>
                <c:pt idx="881">
                  <c:v>209.792</c:v>
                </c:pt>
                <c:pt idx="882">
                  <c:v>210.136</c:v>
                </c:pt>
                <c:pt idx="883">
                  <c:v>210.47800000000001</c:v>
                </c:pt>
                <c:pt idx="884">
                  <c:v>210.798</c:v>
                </c:pt>
                <c:pt idx="885">
                  <c:v>210.99199999999999</c:v>
                </c:pt>
                <c:pt idx="886">
                  <c:v>211.31200000000001</c:v>
                </c:pt>
                <c:pt idx="887">
                  <c:v>211.37</c:v>
                </c:pt>
                <c:pt idx="888">
                  <c:v>211.67500000000001</c:v>
                </c:pt>
                <c:pt idx="889">
                  <c:v>211.77799999999999</c:v>
                </c:pt>
                <c:pt idx="890">
                  <c:v>211.965</c:v>
                </c:pt>
                <c:pt idx="891">
                  <c:v>212.172</c:v>
                </c:pt>
                <c:pt idx="892">
                  <c:v>212.44</c:v>
                </c:pt>
                <c:pt idx="893">
                  <c:v>212.89099999999999</c:v>
                </c:pt>
                <c:pt idx="894">
                  <c:v>213.20099999999999</c:v>
                </c:pt>
                <c:pt idx="895">
                  <c:v>213.374</c:v>
                </c:pt>
                <c:pt idx="896">
                  <c:v>213.601</c:v>
                </c:pt>
                <c:pt idx="897">
                  <c:v>213.81100000000001</c:v>
                </c:pt>
                <c:pt idx="898">
                  <c:v>213.95099999999999</c:v>
                </c:pt>
                <c:pt idx="899">
                  <c:v>214.35499999999999</c:v>
                </c:pt>
                <c:pt idx="900">
                  <c:v>214.71</c:v>
                </c:pt>
                <c:pt idx="901">
                  <c:v>215.08099999999999</c:v>
                </c:pt>
                <c:pt idx="902">
                  <c:v>215.154</c:v>
                </c:pt>
                <c:pt idx="903">
                  <c:v>215.28700000000001</c:v>
                </c:pt>
                <c:pt idx="904">
                  <c:v>215.46299999999999</c:v>
                </c:pt>
                <c:pt idx="905">
                  <c:v>215.72200000000001</c:v>
                </c:pt>
                <c:pt idx="906">
                  <c:v>216.11</c:v>
                </c:pt>
                <c:pt idx="907">
                  <c:v>216.34800000000001</c:v>
                </c:pt>
                <c:pt idx="908">
                  <c:v>216.596</c:v>
                </c:pt>
                <c:pt idx="909">
                  <c:v>217.02099999999999</c:v>
                </c:pt>
                <c:pt idx="910">
                  <c:v>217.35300000000001</c:v>
                </c:pt>
                <c:pt idx="911">
                  <c:v>217.702</c:v>
                </c:pt>
                <c:pt idx="912">
                  <c:v>218.089</c:v>
                </c:pt>
                <c:pt idx="913">
                  <c:v>218.50299999999999</c:v>
                </c:pt>
                <c:pt idx="914">
                  <c:v>218.816</c:v>
                </c:pt>
                <c:pt idx="915">
                  <c:v>218.898</c:v>
                </c:pt>
                <c:pt idx="916">
                  <c:v>219.07400000000001</c:v>
                </c:pt>
                <c:pt idx="917">
                  <c:v>219.39699999999999</c:v>
                </c:pt>
                <c:pt idx="918">
                  <c:v>219.608</c:v>
                </c:pt>
                <c:pt idx="919">
                  <c:v>219.935</c:v>
                </c:pt>
                <c:pt idx="920">
                  <c:v>220.14699999999999</c:v>
                </c:pt>
                <c:pt idx="921">
                  <c:v>220.51400000000001</c:v>
                </c:pt>
                <c:pt idx="922">
                  <c:v>220.70599999999999</c:v>
                </c:pt>
                <c:pt idx="923">
                  <c:v>220.773</c:v>
                </c:pt>
                <c:pt idx="924">
                  <c:v>221.12100000000001</c:v>
                </c:pt>
                <c:pt idx="925">
                  <c:v>221.37100000000001</c:v>
                </c:pt>
                <c:pt idx="926">
                  <c:v>221.50200000000001</c:v>
                </c:pt>
                <c:pt idx="927">
                  <c:v>221.905</c:v>
                </c:pt>
                <c:pt idx="928">
                  <c:v>222.25800000000001</c:v>
                </c:pt>
                <c:pt idx="929">
                  <c:v>222.09800000000001</c:v>
                </c:pt>
                <c:pt idx="930">
                  <c:v>222.5</c:v>
                </c:pt>
                <c:pt idx="931">
                  <c:v>222.88800000000001</c:v>
                </c:pt>
                <c:pt idx="932">
                  <c:v>222.99199999999999</c:v>
                </c:pt>
                <c:pt idx="933">
                  <c:v>223.18600000000001</c:v>
                </c:pt>
                <c:pt idx="934">
                  <c:v>223.59100000000001</c:v>
                </c:pt>
                <c:pt idx="935">
                  <c:v>223.98099999999999</c:v>
                </c:pt>
                <c:pt idx="936">
                  <c:v>224.46799999999999</c:v>
                </c:pt>
                <c:pt idx="937">
                  <c:v>224.666</c:v>
                </c:pt>
                <c:pt idx="938">
                  <c:v>224.64099999999999</c:v>
                </c:pt>
                <c:pt idx="939">
                  <c:v>224.88499999999999</c:v>
                </c:pt>
                <c:pt idx="940">
                  <c:v>224.982</c:v>
                </c:pt>
                <c:pt idx="941">
                  <c:v>225.268</c:v>
                </c:pt>
                <c:pt idx="942">
                  <c:v>225.71799999999999</c:v>
                </c:pt>
                <c:pt idx="943">
                  <c:v>226.11699999999999</c:v>
                </c:pt>
                <c:pt idx="944">
                  <c:v>226.358</c:v>
                </c:pt>
                <c:pt idx="945">
                  <c:v>226.71</c:v>
                </c:pt>
                <c:pt idx="946">
                  <c:v>227.053</c:v>
                </c:pt>
                <c:pt idx="947">
                  <c:v>227.32900000000001</c:v>
                </c:pt>
                <c:pt idx="948">
                  <c:v>227.42599999999999</c:v>
                </c:pt>
                <c:pt idx="949">
                  <c:v>227.78100000000001</c:v>
                </c:pt>
                <c:pt idx="950">
                  <c:v>227.876</c:v>
                </c:pt>
                <c:pt idx="951">
                  <c:v>228.33099999999999</c:v>
                </c:pt>
                <c:pt idx="952">
                  <c:v>228.45500000000001</c:v>
                </c:pt>
                <c:pt idx="953">
                  <c:v>228.55799999999999</c:v>
                </c:pt>
                <c:pt idx="954">
                  <c:v>228.90299999999999</c:v>
                </c:pt>
                <c:pt idx="955">
                  <c:v>229.12</c:v>
                </c:pt>
                <c:pt idx="956">
                  <c:v>229.49799999999999</c:v>
                </c:pt>
                <c:pt idx="957">
                  <c:v>229.739</c:v>
                </c:pt>
                <c:pt idx="958">
                  <c:v>229.90299999999999</c:v>
                </c:pt>
                <c:pt idx="959">
                  <c:v>229.97499999999999</c:v>
                </c:pt>
                <c:pt idx="960">
                  <c:v>230.43799999999999</c:v>
                </c:pt>
                <c:pt idx="961">
                  <c:v>230.88300000000001</c:v>
                </c:pt>
                <c:pt idx="962">
                  <c:v>230.846</c:v>
                </c:pt>
                <c:pt idx="963">
                  <c:v>230.98400000000001</c:v>
                </c:pt>
                <c:pt idx="964">
                  <c:v>231.244</c:v>
                </c:pt>
                <c:pt idx="965">
                  <c:v>231.52099999999999</c:v>
                </c:pt>
                <c:pt idx="966">
                  <c:v>232.07900000000001</c:v>
                </c:pt>
                <c:pt idx="967">
                  <c:v>232.28899999999999</c:v>
                </c:pt>
                <c:pt idx="968">
                  <c:v>232.42699999999999</c:v>
                </c:pt>
                <c:pt idx="969">
                  <c:v>232.542</c:v>
                </c:pt>
                <c:pt idx="970">
                  <c:v>233.001</c:v>
                </c:pt>
                <c:pt idx="971">
                  <c:v>233.256</c:v>
                </c:pt>
                <c:pt idx="972">
                  <c:v>233.31399999999999</c:v>
                </c:pt>
                <c:pt idx="973">
                  <c:v>233.298</c:v>
                </c:pt>
                <c:pt idx="974">
                  <c:v>233.584</c:v>
                </c:pt>
                <c:pt idx="975">
                  <c:v>233.76499999999999</c:v>
                </c:pt>
                <c:pt idx="976">
                  <c:v>234.00200000000001</c:v>
                </c:pt>
                <c:pt idx="977">
                  <c:v>234.22</c:v>
                </c:pt>
                <c:pt idx="978">
                  <c:v>234.501</c:v>
                </c:pt>
                <c:pt idx="979">
                  <c:v>235.20099999999999</c:v>
                </c:pt>
                <c:pt idx="980">
                  <c:v>235.61199999999999</c:v>
                </c:pt>
                <c:pt idx="981">
                  <c:v>235.89</c:v>
                </c:pt>
                <c:pt idx="982">
                  <c:v>236.131</c:v>
                </c:pt>
                <c:pt idx="983">
                  <c:v>236.58500000000001</c:v>
                </c:pt>
                <c:pt idx="984">
                  <c:v>236.798</c:v>
                </c:pt>
                <c:pt idx="985">
                  <c:v>237.095</c:v>
                </c:pt>
                <c:pt idx="986">
                  <c:v>237.422</c:v>
                </c:pt>
                <c:pt idx="987">
                  <c:v>237.89699999999999</c:v>
                </c:pt>
                <c:pt idx="988">
                  <c:v>237.94</c:v>
                </c:pt>
                <c:pt idx="989">
                  <c:v>238.345</c:v>
                </c:pt>
                <c:pt idx="990">
                  <c:v>238.56399999999999</c:v>
                </c:pt>
                <c:pt idx="991">
                  <c:v>238.649</c:v>
                </c:pt>
                <c:pt idx="992">
                  <c:v>238.804</c:v>
                </c:pt>
                <c:pt idx="993">
                  <c:v>239.02099999999999</c:v>
                </c:pt>
                <c:pt idx="994">
                  <c:v>239.11099999999999</c:v>
                </c:pt>
                <c:pt idx="995">
                  <c:v>239.339</c:v>
                </c:pt>
                <c:pt idx="996">
                  <c:v>240.001</c:v>
                </c:pt>
                <c:pt idx="997">
                  <c:v>240.40199999999999</c:v>
                </c:pt>
                <c:pt idx="998">
                  <c:v>240.70500000000001</c:v>
                </c:pt>
                <c:pt idx="999">
                  <c:v>240.94</c:v>
                </c:pt>
                <c:pt idx="1000">
                  <c:v>241.00399999999999</c:v>
                </c:pt>
                <c:pt idx="1001">
                  <c:v>241.21700000000001</c:v>
                </c:pt>
                <c:pt idx="1002">
                  <c:v>241.49199999999999</c:v>
                </c:pt>
                <c:pt idx="1003">
                  <c:v>241.875</c:v>
                </c:pt>
                <c:pt idx="1004">
                  <c:v>242.06299999999999</c:v>
                </c:pt>
                <c:pt idx="1005">
                  <c:v>242.35900000000001</c:v>
                </c:pt>
                <c:pt idx="1006">
                  <c:v>242.41800000000001</c:v>
                </c:pt>
                <c:pt idx="1007">
                  <c:v>242.911</c:v>
                </c:pt>
                <c:pt idx="1008">
                  <c:v>243.03200000000001</c:v>
                </c:pt>
                <c:pt idx="1009">
                  <c:v>243.17500000000001</c:v>
                </c:pt>
                <c:pt idx="1010">
                  <c:v>243.667</c:v>
                </c:pt>
                <c:pt idx="1011">
                  <c:v>244.155</c:v>
                </c:pt>
                <c:pt idx="1012">
                  <c:v>244.37100000000001</c:v>
                </c:pt>
                <c:pt idx="1013">
                  <c:v>244.55500000000001</c:v>
                </c:pt>
                <c:pt idx="1014">
                  <c:v>244.845</c:v>
                </c:pt>
                <c:pt idx="1015">
                  <c:v>244.81200000000001</c:v>
                </c:pt>
                <c:pt idx="1016">
                  <c:v>245.053</c:v>
                </c:pt>
                <c:pt idx="1017">
                  <c:v>245.25</c:v>
                </c:pt>
                <c:pt idx="1018">
                  <c:v>245.81200000000001</c:v>
                </c:pt>
                <c:pt idx="1019">
                  <c:v>246.21</c:v>
                </c:pt>
                <c:pt idx="1020">
                  <c:v>246.35300000000001</c:v>
                </c:pt>
                <c:pt idx="1021">
                  <c:v>246.41300000000001</c:v>
                </c:pt>
                <c:pt idx="1022">
                  <c:v>246.679</c:v>
                </c:pt>
                <c:pt idx="1023">
                  <c:v>246.988</c:v>
                </c:pt>
                <c:pt idx="1024">
                  <c:v>247.24</c:v>
                </c:pt>
                <c:pt idx="1025">
                  <c:v>247.447</c:v>
                </c:pt>
                <c:pt idx="1026">
                  <c:v>247.809</c:v>
                </c:pt>
                <c:pt idx="1027">
                  <c:v>247.792</c:v>
                </c:pt>
                <c:pt idx="1028">
                  <c:v>248.09100000000001</c:v>
                </c:pt>
                <c:pt idx="1029">
                  <c:v>248.30099999999999</c:v>
                </c:pt>
                <c:pt idx="1030">
                  <c:v>248.69</c:v>
                </c:pt>
                <c:pt idx="1031">
                  <c:v>248.97</c:v>
                </c:pt>
                <c:pt idx="1032">
                  <c:v>249.25899999999999</c:v>
                </c:pt>
                <c:pt idx="1033">
                  <c:v>249.459</c:v>
                </c:pt>
                <c:pt idx="1034">
                  <c:v>249.81899999999999</c:v>
                </c:pt>
                <c:pt idx="1035">
                  <c:v>250.304</c:v>
                </c:pt>
                <c:pt idx="1036">
                  <c:v>250.57499999999999</c:v>
                </c:pt>
                <c:pt idx="1037">
                  <c:v>250.929</c:v>
                </c:pt>
                <c:pt idx="1038">
                  <c:v>251.196</c:v>
                </c:pt>
                <c:pt idx="1039">
                  <c:v>251.41300000000001</c:v>
                </c:pt>
                <c:pt idx="1040">
                  <c:v>251.346</c:v>
                </c:pt>
                <c:pt idx="1041">
                  <c:v>251.33699999999999</c:v>
                </c:pt>
                <c:pt idx="1042">
                  <c:v>251.405</c:v>
                </c:pt>
                <c:pt idx="1043">
                  <c:v>251.63</c:v>
                </c:pt>
                <c:pt idx="1044">
                  <c:v>252.00700000000001</c:v>
                </c:pt>
                <c:pt idx="1045">
                  <c:v>252.26</c:v>
                </c:pt>
                <c:pt idx="1046">
                  <c:v>252.36799999999999</c:v>
                </c:pt>
                <c:pt idx="1047">
                  <c:v>252.89699999999999</c:v>
                </c:pt>
                <c:pt idx="1048">
                  <c:v>253.30699999999999</c:v>
                </c:pt>
                <c:pt idx="1049">
                  <c:v>253.726</c:v>
                </c:pt>
                <c:pt idx="1050">
                  <c:v>254.148</c:v>
                </c:pt>
                <c:pt idx="1051">
                  <c:v>254.488</c:v>
                </c:pt>
                <c:pt idx="1052">
                  <c:v>254.59299999999999</c:v>
                </c:pt>
                <c:pt idx="1053">
                  <c:v>254.95099999999999</c:v>
                </c:pt>
                <c:pt idx="1054">
                  <c:v>254.98699999999999</c:v>
                </c:pt>
                <c:pt idx="1055">
                  <c:v>255.16900000000001</c:v>
                </c:pt>
                <c:pt idx="1056">
                  <c:v>255.506</c:v>
                </c:pt>
                <c:pt idx="1057">
                  <c:v>256.04399999999998</c:v>
                </c:pt>
                <c:pt idx="1058">
                  <c:v>256.423</c:v>
                </c:pt>
                <c:pt idx="1059">
                  <c:v>256.73700000000002</c:v>
                </c:pt>
                <c:pt idx="1060">
                  <c:v>256.82600000000002</c:v>
                </c:pt>
                <c:pt idx="1061">
                  <c:v>256.84500000000003</c:v>
                </c:pt>
                <c:pt idx="1062">
                  <c:v>257.303</c:v>
                </c:pt>
                <c:pt idx="1063">
                  <c:v>257.637</c:v>
                </c:pt>
                <c:pt idx="1064">
                  <c:v>257.726</c:v>
                </c:pt>
                <c:pt idx="1065">
                  <c:v>258.09300000000002</c:v>
                </c:pt>
                <c:pt idx="1066">
                  <c:v>258.28399999999999</c:v>
                </c:pt>
                <c:pt idx="1067">
                  <c:v>258.63499999999999</c:v>
                </c:pt>
                <c:pt idx="1068">
                  <c:v>258.65100000000001</c:v>
                </c:pt>
                <c:pt idx="1069">
                  <c:v>259.00599999999997</c:v>
                </c:pt>
                <c:pt idx="1070">
                  <c:v>259.44600000000003</c:v>
                </c:pt>
                <c:pt idx="1071">
                  <c:v>259.85899999999998</c:v>
                </c:pt>
                <c:pt idx="1072">
                  <c:v>260.19600000000003</c:v>
                </c:pt>
                <c:pt idx="1073">
                  <c:v>260.06</c:v>
                </c:pt>
                <c:pt idx="1074">
                  <c:v>260.483</c:v>
                </c:pt>
                <c:pt idx="1075">
                  <c:v>260.74400000000003</c:v>
                </c:pt>
                <c:pt idx="1076">
                  <c:v>260.887</c:v>
                </c:pt>
                <c:pt idx="1077">
                  <c:v>261.06599999999997</c:v>
                </c:pt>
                <c:pt idx="1078">
                  <c:v>261.351</c:v>
                </c:pt>
                <c:pt idx="1079">
                  <c:v>261.23399999999998</c:v>
                </c:pt>
                <c:pt idx="1080">
                  <c:v>261.50900000000001</c:v>
                </c:pt>
                <c:pt idx="1081">
                  <c:v>262.08499999999998</c:v>
                </c:pt>
                <c:pt idx="1082">
                  <c:v>262.32600000000002</c:v>
                </c:pt>
                <c:pt idx="1083">
                  <c:v>262.42</c:v>
                </c:pt>
                <c:pt idx="1084">
                  <c:v>262.72899999999998</c:v>
                </c:pt>
                <c:pt idx="1085">
                  <c:v>263.05700000000002</c:v>
                </c:pt>
                <c:pt idx="1086">
                  <c:v>263.25900000000001</c:v>
                </c:pt>
                <c:pt idx="1087">
                  <c:v>263.44200000000001</c:v>
                </c:pt>
                <c:pt idx="1088">
                  <c:v>263.80900000000003</c:v>
                </c:pt>
                <c:pt idx="1089">
                  <c:v>264.04500000000002</c:v>
                </c:pt>
                <c:pt idx="1090">
                  <c:v>264.42700000000002</c:v>
                </c:pt>
                <c:pt idx="1091">
                  <c:v>264.72399999999999</c:v>
                </c:pt>
                <c:pt idx="1092">
                  <c:v>264.97899999999998</c:v>
                </c:pt>
                <c:pt idx="1093">
                  <c:v>265.04599999999999</c:v>
                </c:pt>
                <c:pt idx="1094">
                  <c:v>265.125</c:v>
                </c:pt>
                <c:pt idx="1095">
                  <c:v>265.69200000000001</c:v>
                </c:pt>
                <c:pt idx="1096">
                  <c:v>266.05900000000003</c:v>
                </c:pt>
                <c:pt idx="1097">
                  <c:v>266.28899999999999</c:v>
                </c:pt>
                <c:pt idx="1098">
                  <c:v>266.59699999999998</c:v>
                </c:pt>
                <c:pt idx="1099">
                  <c:v>266.86799999999999</c:v>
                </c:pt>
                <c:pt idx="1100">
                  <c:v>266.87700000000001</c:v>
                </c:pt>
                <c:pt idx="1101">
                  <c:v>266.96699999999998</c:v>
                </c:pt>
                <c:pt idx="1102">
                  <c:v>267.53699999999998</c:v>
                </c:pt>
                <c:pt idx="1103">
                  <c:v>267.70699999999999</c:v>
                </c:pt>
                <c:pt idx="1104">
                  <c:v>268.22000000000003</c:v>
                </c:pt>
                <c:pt idx="1105">
                  <c:v>268.48500000000001</c:v>
                </c:pt>
                <c:pt idx="1106">
                  <c:v>268.68900000000002</c:v>
                </c:pt>
                <c:pt idx="1107">
                  <c:v>268.84500000000003</c:v>
                </c:pt>
                <c:pt idx="1108">
                  <c:v>268.99099999999999</c:v>
                </c:pt>
                <c:pt idx="1109">
                  <c:v>269.42200000000003</c:v>
                </c:pt>
                <c:pt idx="1110">
                  <c:v>269.61</c:v>
                </c:pt>
                <c:pt idx="1111">
                  <c:v>269.90300000000002</c:v>
                </c:pt>
                <c:pt idx="1112">
                  <c:v>269.99099999999999</c:v>
                </c:pt>
                <c:pt idx="1113">
                  <c:v>270.16500000000002</c:v>
                </c:pt>
                <c:pt idx="1114">
                  <c:v>270.35199999999998</c:v>
                </c:pt>
                <c:pt idx="1115">
                  <c:v>270.536</c:v>
                </c:pt>
                <c:pt idx="1116">
                  <c:v>270.82600000000002</c:v>
                </c:pt>
                <c:pt idx="1117">
                  <c:v>271.42700000000002</c:v>
                </c:pt>
                <c:pt idx="1118">
                  <c:v>272.029</c:v>
                </c:pt>
                <c:pt idx="1119">
                  <c:v>272.47199999999998</c:v>
                </c:pt>
                <c:pt idx="1120">
                  <c:v>272.48599999999999</c:v>
                </c:pt>
                <c:pt idx="1121">
                  <c:v>272.899</c:v>
                </c:pt>
                <c:pt idx="1122">
                  <c:v>273.09199999999998</c:v>
                </c:pt>
                <c:pt idx="1123">
                  <c:v>273.08199999999999</c:v>
                </c:pt>
                <c:pt idx="1124">
                  <c:v>273.57600000000002</c:v>
                </c:pt>
                <c:pt idx="1125">
                  <c:v>273.899</c:v>
                </c:pt>
                <c:pt idx="1126">
                  <c:v>274.15300000000002</c:v>
                </c:pt>
                <c:pt idx="1127">
                  <c:v>274.53199999999998</c:v>
                </c:pt>
                <c:pt idx="1128">
                  <c:v>274.81</c:v>
                </c:pt>
                <c:pt idx="1129">
                  <c:v>275.03100000000001</c:v>
                </c:pt>
                <c:pt idx="1130">
                  <c:v>275.35199999999998</c:v>
                </c:pt>
                <c:pt idx="1131">
                  <c:v>275.63200000000001</c:v>
                </c:pt>
                <c:pt idx="1132">
                  <c:v>275.685</c:v>
                </c:pt>
                <c:pt idx="1133">
                  <c:v>275.70600000000002</c:v>
                </c:pt>
                <c:pt idx="1134">
                  <c:v>276.07600000000002</c:v>
                </c:pt>
                <c:pt idx="1135">
                  <c:v>276.20800000000003</c:v>
                </c:pt>
                <c:pt idx="1136">
                  <c:v>276.49</c:v>
                </c:pt>
                <c:pt idx="1137">
                  <c:v>276.56299999999999</c:v>
                </c:pt>
                <c:pt idx="1138">
                  <c:v>276.66699999999997</c:v>
                </c:pt>
                <c:pt idx="1139">
                  <c:v>277.00700000000001</c:v>
                </c:pt>
                <c:pt idx="1140">
                  <c:v>277.61799999999999</c:v>
                </c:pt>
                <c:pt idx="1141">
                  <c:v>277.98399999999998</c:v>
                </c:pt>
                <c:pt idx="1142">
                  <c:v>278.267</c:v>
                </c:pt>
                <c:pt idx="1143">
                  <c:v>278.529</c:v>
                </c:pt>
                <c:pt idx="1144">
                  <c:v>278.89699999999999</c:v>
                </c:pt>
                <c:pt idx="1145">
                  <c:v>279.017</c:v>
                </c:pt>
                <c:pt idx="1146">
                  <c:v>279.15199999999999</c:v>
                </c:pt>
                <c:pt idx="1147">
                  <c:v>279.16000000000003</c:v>
                </c:pt>
                <c:pt idx="1148">
                  <c:v>279.66899999999998</c:v>
                </c:pt>
                <c:pt idx="1149">
                  <c:v>279.767</c:v>
                </c:pt>
                <c:pt idx="1150">
                  <c:v>280.202</c:v>
                </c:pt>
                <c:pt idx="1151">
                  <c:v>280.51900000000001</c:v>
                </c:pt>
                <c:pt idx="1152">
                  <c:v>280.69900000000001</c:v>
                </c:pt>
                <c:pt idx="1153">
                  <c:v>280.55700000000002</c:v>
                </c:pt>
                <c:pt idx="1154">
                  <c:v>281.072</c:v>
                </c:pt>
                <c:pt idx="1155">
                  <c:v>281.322</c:v>
                </c:pt>
                <c:pt idx="1156">
                  <c:v>281.56700000000001</c:v>
                </c:pt>
                <c:pt idx="1157">
                  <c:v>282.01499999999999</c:v>
                </c:pt>
                <c:pt idx="1158">
                  <c:v>282.21899999999999</c:v>
                </c:pt>
                <c:pt idx="1159">
                  <c:v>282.32799999999997</c:v>
                </c:pt>
                <c:pt idx="1160">
                  <c:v>282.303</c:v>
                </c:pt>
                <c:pt idx="1161">
                  <c:v>282.63499999999999</c:v>
                </c:pt>
                <c:pt idx="1162">
                  <c:v>283.17500000000001</c:v>
                </c:pt>
                <c:pt idx="1163">
                  <c:v>283.48099999999999</c:v>
                </c:pt>
                <c:pt idx="1164">
                  <c:v>283.76100000000002</c:v>
                </c:pt>
                <c:pt idx="1165">
                  <c:v>284.05399999999997</c:v>
                </c:pt>
                <c:pt idx="1166">
                  <c:v>284.22800000000001</c:v>
                </c:pt>
                <c:pt idx="1167">
                  <c:v>284.2</c:v>
                </c:pt>
                <c:pt idx="1168">
                  <c:v>284.63299999999998</c:v>
                </c:pt>
                <c:pt idx="1169">
                  <c:v>284.99400000000003</c:v>
                </c:pt>
                <c:pt idx="1170">
                  <c:v>285.33</c:v>
                </c:pt>
                <c:pt idx="1171">
                  <c:v>285.58999999999997</c:v>
                </c:pt>
                <c:pt idx="1172">
                  <c:v>285.64999999999998</c:v>
                </c:pt>
                <c:pt idx="1173">
                  <c:v>285.96899999999999</c:v>
                </c:pt>
                <c:pt idx="1174">
                  <c:v>286.36099999999999</c:v>
                </c:pt>
                <c:pt idx="1175">
                  <c:v>286.459</c:v>
                </c:pt>
                <c:pt idx="1176">
                  <c:v>286.64100000000002</c:v>
                </c:pt>
                <c:pt idx="1177">
                  <c:v>287.00099999999998</c:v>
                </c:pt>
                <c:pt idx="1178">
                  <c:v>286.98200000000003</c:v>
                </c:pt>
                <c:pt idx="1179">
                  <c:v>287.029</c:v>
                </c:pt>
                <c:pt idx="1180">
                  <c:v>287.10000000000002</c:v>
                </c:pt>
                <c:pt idx="1181">
                  <c:v>287.73099999999999</c:v>
                </c:pt>
                <c:pt idx="1182">
                  <c:v>288.20400000000001</c:v>
                </c:pt>
                <c:pt idx="1183">
                  <c:v>288.43</c:v>
                </c:pt>
                <c:pt idx="1184">
                  <c:v>288.649</c:v>
                </c:pt>
                <c:pt idx="1185">
                  <c:v>288.92500000000001</c:v>
                </c:pt>
                <c:pt idx="1186">
                  <c:v>289.11900000000003</c:v>
                </c:pt>
                <c:pt idx="1187">
                  <c:v>289.32</c:v>
                </c:pt>
                <c:pt idx="1188">
                  <c:v>289.66699999999997</c:v>
                </c:pt>
                <c:pt idx="1189">
                  <c:v>290.14</c:v>
                </c:pt>
                <c:pt idx="1190">
                  <c:v>290.416</c:v>
                </c:pt>
                <c:pt idx="1191">
                  <c:v>290.60000000000002</c:v>
                </c:pt>
                <c:pt idx="1192">
                  <c:v>290.96499999999997</c:v>
                </c:pt>
                <c:pt idx="1193">
                  <c:v>291.25200000000001</c:v>
                </c:pt>
                <c:pt idx="1194">
                  <c:v>291.55799999999999</c:v>
                </c:pt>
                <c:pt idx="1195">
                  <c:v>291.673</c:v>
                </c:pt>
                <c:pt idx="1196">
                  <c:v>291.84899999999999</c:v>
                </c:pt>
                <c:pt idx="1197">
                  <c:v>291.86200000000002</c:v>
                </c:pt>
                <c:pt idx="1198">
                  <c:v>292.14400000000001</c:v>
                </c:pt>
                <c:pt idx="1199">
                  <c:v>292.29000000000002</c:v>
                </c:pt>
                <c:pt idx="1200">
                  <c:v>292.697</c:v>
                </c:pt>
                <c:pt idx="1201">
                  <c:v>292.74799999999999</c:v>
                </c:pt>
                <c:pt idx="1202">
                  <c:v>293.22699999999998</c:v>
                </c:pt>
                <c:pt idx="1203">
                  <c:v>293.63</c:v>
                </c:pt>
                <c:pt idx="1204">
                  <c:v>293.76299999999998</c:v>
                </c:pt>
                <c:pt idx="1205">
                  <c:v>293.96199999999999</c:v>
                </c:pt>
                <c:pt idx="1206">
                  <c:v>294.02699999999999</c:v>
                </c:pt>
                <c:pt idx="1207">
                  <c:v>294.14800000000002</c:v>
                </c:pt>
                <c:pt idx="1208">
                  <c:v>294.36099999999999</c:v>
                </c:pt>
                <c:pt idx="1209">
                  <c:v>294.85899999999998</c:v>
                </c:pt>
                <c:pt idx="1210">
                  <c:v>295.27699999999999</c:v>
                </c:pt>
                <c:pt idx="1211">
                  <c:v>295.61399999999998</c:v>
                </c:pt>
                <c:pt idx="1212">
                  <c:v>295.77300000000002</c:v>
                </c:pt>
                <c:pt idx="1213">
                  <c:v>296.03300000000002</c:v>
                </c:pt>
                <c:pt idx="1214">
                  <c:v>296.34500000000003</c:v>
                </c:pt>
                <c:pt idx="1215">
                  <c:v>296.428</c:v>
                </c:pt>
                <c:pt idx="1216">
                  <c:v>296.69299999999998</c:v>
                </c:pt>
                <c:pt idx="1217">
                  <c:v>296.63900000000001</c:v>
                </c:pt>
                <c:pt idx="1218">
                  <c:v>296.858</c:v>
                </c:pt>
                <c:pt idx="1219">
                  <c:v>297.01100000000002</c:v>
                </c:pt>
                <c:pt idx="1220">
                  <c:v>297.45800000000003</c:v>
                </c:pt>
                <c:pt idx="1221">
                  <c:v>297.61</c:v>
                </c:pt>
                <c:pt idx="1222">
                  <c:v>297.87200000000001</c:v>
                </c:pt>
                <c:pt idx="1223">
                  <c:v>298.25</c:v>
                </c:pt>
                <c:pt idx="1224">
                  <c:v>298.233</c:v>
                </c:pt>
                <c:pt idx="1225">
                  <c:v>298.774</c:v>
                </c:pt>
                <c:pt idx="1226">
                  <c:v>298.92599999999999</c:v>
                </c:pt>
                <c:pt idx="1227">
                  <c:v>299.334</c:v>
                </c:pt>
                <c:pt idx="1228">
                  <c:v>299.74799999999999</c:v>
                </c:pt>
                <c:pt idx="1229">
                  <c:v>300.096</c:v>
                </c:pt>
                <c:pt idx="1230">
                  <c:v>300.35599999999999</c:v>
                </c:pt>
                <c:pt idx="1231">
                  <c:v>300.48</c:v>
                </c:pt>
                <c:pt idx="1232">
                  <c:v>300.67500000000001</c:v>
                </c:pt>
                <c:pt idx="1233">
                  <c:v>300.90499999999997</c:v>
                </c:pt>
                <c:pt idx="1234">
                  <c:v>301.23700000000002</c:v>
                </c:pt>
                <c:pt idx="1235">
                  <c:v>301.53899999999999</c:v>
                </c:pt>
                <c:pt idx="1236">
                  <c:v>301.661</c:v>
                </c:pt>
                <c:pt idx="1237">
                  <c:v>301.947</c:v>
                </c:pt>
                <c:pt idx="1238">
                  <c:v>302.21699999999998</c:v>
                </c:pt>
                <c:pt idx="1239">
                  <c:v>302.48200000000003</c:v>
                </c:pt>
                <c:pt idx="1240">
                  <c:v>302.68</c:v>
                </c:pt>
                <c:pt idx="1241">
                  <c:v>302.733</c:v>
                </c:pt>
                <c:pt idx="1242">
                  <c:v>302.94200000000001</c:v>
                </c:pt>
                <c:pt idx="1243">
                  <c:v>303.29899999999998</c:v>
                </c:pt>
                <c:pt idx="1244">
                  <c:v>303.50599999999997</c:v>
                </c:pt>
                <c:pt idx="1245">
                  <c:v>303.84399999999999</c:v>
                </c:pt>
                <c:pt idx="1246">
                  <c:v>303.786</c:v>
                </c:pt>
                <c:pt idx="1247">
                  <c:v>304.07799999999997</c:v>
                </c:pt>
                <c:pt idx="1248">
                  <c:v>304.476</c:v>
                </c:pt>
                <c:pt idx="1249">
                  <c:v>304.83</c:v>
                </c:pt>
                <c:pt idx="1250">
                  <c:v>305.11799999999999</c:v>
                </c:pt>
                <c:pt idx="1251">
                  <c:v>305.017</c:v>
                </c:pt>
                <c:pt idx="1252">
                  <c:v>305.07600000000002</c:v>
                </c:pt>
                <c:pt idx="1253">
                  <c:v>305.31299999999999</c:v>
                </c:pt>
                <c:pt idx="1254">
                  <c:v>305.685</c:v>
                </c:pt>
                <c:pt idx="1255">
                  <c:v>306.15600000000001</c:v>
                </c:pt>
                <c:pt idx="1256">
                  <c:v>306.28199999999998</c:v>
                </c:pt>
                <c:pt idx="1257">
                  <c:v>306.53399999999999</c:v>
                </c:pt>
                <c:pt idx="1258">
                  <c:v>306.988</c:v>
                </c:pt>
                <c:pt idx="1259">
                  <c:v>307.34399999999999</c:v>
                </c:pt>
                <c:pt idx="1260">
                  <c:v>307.32900000000001</c:v>
                </c:pt>
                <c:pt idx="1261">
                  <c:v>307.58999999999997</c:v>
                </c:pt>
                <c:pt idx="1262">
                  <c:v>308.00400000000002</c:v>
                </c:pt>
                <c:pt idx="1263">
                  <c:v>308.25700000000001</c:v>
                </c:pt>
                <c:pt idx="1264">
                  <c:v>308.55599999999998</c:v>
                </c:pt>
                <c:pt idx="1265">
                  <c:v>308.67599999999999</c:v>
                </c:pt>
                <c:pt idx="1266">
                  <c:v>308.54300000000001</c:v>
                </c:pt>
                <c:pt idx="1267">
                  <c:v>308.91699999999997</c:v>
                </c:pt>
                <c:pt idx="1268">
                  <c:v>309.351</c:v>
                </c:pt>
                <c:pt idx="1269">
                  <c:v>309.798</c:v>
                </c:pt>
                <c:pt idx="1270">
                  <c:v>310.101</c:v>
                </c:pt>
                <c:pt idx="1271">
                  <c:v>310.31099999999998</c:v>
                </c:pt>
                <c:pt idx="1272">
                  <c:v>310.39100000000002</c:v>
                </c:pt>
                <c:pt idx="1273">
                  <c:v>310.81799999999998</c:v>
                </c:pt>
                <c:pt idx="1274">
                  <c:v>311.17500000000001</c:v>
                </c:pt>
                <c:pt idx="1275">
                  <c:v>311.40800000000002</c:v>
                </c:pt>
                <c:pt idx="1276">
                  <c:v>311.66500000000002</c:v>
                </c:pt>
                <c:pt idx="1277">
                  <c:v>311.93700000000001</c:v>
                </c:pt>
                <c:pt idx="1278">
                  <c:v>311.79000000000002</c:v>
                </c:pt>
                <c:pt idx="1279">
                  <c:v>312.25799999999998</c:v>
                </c:pt>
                <c:pt idx="1280">
                  <c:v>312.62400000000002</c:v>
                </c:pt>
                <c:pt idx="1281">
                  <c:v>312.79399999999998</c:v>
                </c:pt>
                <c:pt idx="1282">
                  <c:v>312.84699999999998</c:v>
                </c:pt>
                <c:pt idx="1283">
                  <c:v>313.20800000000003</c:v>
                </c:pt>
                <c:pt idx="1284">
                  <c:v>313.33199999999999</c:v>
                </c:pt>
                <c:pt idx="1285">
                  <c:v>313.58300000000003</c:v>
                </c:pt>
                <c:pt idx="1286">
                  <c:v>314.03199999999998</c:v>
                </c:pt>
                <c:pt idx="1287">
                  <c:v>314.267</c:v>
                </c:pt>
                <c:pt idx="1288">
                  <c:v>314.57100000000003</c:v>
                </c:pt>
                <c:pt idx="1289">
                  <c:v>314.37700000000001</c:v>
                </c:pt>
                <c:pt idx="1290">
                  <c:v>314.84100000000001</c:v>
                </c:pt>
                <c:pt idx="1291">
                  <c:v>315.26400000000001</c:v>
                </c:pt>
                <c:pt idx="1292">
                  <c:v>315.62700000000001</c:v>
                </c:pt>
                <c:pt idx="1293">
                  <c:v>315.685</c:v>
                </c:pt>
                <c:pt idx="1294">
                  <c:v>315.596</c:v>
                </c:pt>
                <c:pt idx="1295">
                  <c:v>316.11099999999999</c:v>
                </c:pt>
                <c:pt idx="1296">
                  <c:v>316.25299999999999</c:v>
                </c:pt>
                <c:pt idx="1297">
                  <c:v>316.61799999999999</c:v>
                </c:pt>
                <c:pt idx="1298">
                  <c:v>317.02699999999999</c:v>
                </c:pt>
                <c:pt idx="1299">
                  <c:v>317.31599999999997</c:v>
                </c:pt>
                <c:pt idx="1300">
                  <c:v>317.53100000000001</c:v>
                </c:pt>
                <c:pt idx="1301">
                  <c:v>317.447</c:v>
                </c:pt>
                <c:pt idx="1302">
                  <c:v>317.88</c:v>
                </c:pt>
                <c:pt idx="1303">
                  <c:v>318.21199999999999</c:v>
                </c:pt>
                <c:pt idx="1304">
                  <c:v>318.48899999999998</c:v>
                </c:pt>
                <c:pt idx="1305">
                  <c:v>318.69499999999999</c:v>
                </c:pt>
                <c:pt idx="1306">
                  <c:v>318.92500000000001</c:v>
                </c:pt>
                <c:pt idx="1307">
                  <c:v>319.178</c:v>
                </c:pt>
                <c:pt idx="1308">
                  <c:v>319.42</c:v>
                </c:pt>
                <c:pt idx="1309">
                  <c:v>319.67099999999999</c:v>
                </c:pt>
                <c:pt idx="1310">
                  <c:v>319.81</c:v>
                </c:pt>
                <c:pt idx="1311">
                  <c:v>320.08699999999999</c:v>
                </c:pt>
                <c:pt idx="1312">
                  <c:v>320.40699999999998</c:v>
                </c:pt>
                <c:pt idx="1313">
                  <c:v>320.68799999999999</c:v>
                </c:pt>
                <c:pt idx="1314">
                  <c:v>320.92700000000002</c:v>
                </c:pt>
                <c:pt idx="1315">
                  <c:v>321.18099999999998</c:v>
                </c:pt>
                <c:pt idx="1316">
                  <c:v>321.43700000000001</c:v>
                </c:pt>
                <c:pt idx="1317">
                  <c:v>321.673</c:v>
                </c:pt>
                <c:pt idx="1318">
                  <c:v>321.64999999999998</c:v>
                </c:pt>
                <c:pt idx="1319">
                  <c:v>321.74200000000002</c:v>
                </c:pt>
                <c:pt idx="1320">
                  <c:v>321.911</c:v>
                </c:pt>
                <c:pt idx="1321">
                  <c:v>322.12099999999998</c:v>
                </c:pt>
                <c:pt idx="1322">
                  <c:v>322.262</c:v>
                </c:pt>
                <c:pt idx="1323">
                  <c:v>322.38799999999998</c:v>
                </c:pt>
                <c:pt idx="1324">
                  <c:v>322.67700000000002</c:v>
                </c:pt>
                <c:pt idx="1325">
                  <c:v>322.88600000000002</c:v>
                </c:pt>
                <c:pt idx="1326">
                  <c:v>323.37299999999999</c:v>
                </c:pt>
                <c:pt idx="1327">
                  <c:v>323.88299999999998</c:v>
                </c:pt>
                <c:pt idx="1328">
                  <c:v>324.40199999999999</c:v>
                </c:pt>
                <c:pt idx="1329">
                  <c:v>324.80399999999997</c:v>
                </c:pt>
                <c:pt idx="1330">
                  <c:v>324.97399999999999</c:v>
                </c:pt>
                <c:pt idx="1331">
                  <c:v>325.31299999999999</c:v>
                </c:pt>
                <c:pt idx="1332">
                  <c:v>325.613</c:v>
                </c:pt>
                <c:pt idx="1333">
                  <c:v>325.68099999999998</c:v>
                </c:pt>
                <c:pt idx="1334">
                  <c:v>326.03199999999998</c:v>
                </c:pt>
                <c:pt idx="1335">
                  <c:v>326.35899999999998</c:v>
                </c:pt>
                <c:pt idx="1336">
                  <c:v>326.64100000000002</c:v>
                </c:pt>
                <c:pt idx="1337">
                  <c:v>326.91800000000001</c:v>
                </c:pt>
                <c:pt idx="1338">
                  <c:v>326.74</c:v>
                </c:pt>
                <c:pt idx="1339">
                  <c:v>327.149</c:v>
                </c:pt>
                <c:pt idx="1340">
                  <c:v>327.56599999999997</c:v>
                </c:pt>
                <c:pt idx="1341">
                  <c:v>327.904</c:v>
                </c:pt>
                <c:pt idx="1342">
                  <c:v>328.197</c:v>
                </c:pt>
                <c:pt idx="1343">
                  <c:v>328.46899999999999</c:v>
                </c:pt>
                <c:pt idx="1344">
                  <c:v>328.70499999999998</c:v>
                </c:pt>
                <c:pt idx="1345">
                  <c:v>328.952</c:v>
                </c:pt>
                <c:pt idx="1346">
                  <c:v>329.21199999999999</c:v>
                </c:pt>
                <c:pt idx="1347">
                  <c:v>329.46800000000002</c:v>
                </c:pt>
                <c:pt idx="1348">
                  <c:v>329.726</c:v>
                </c:pt>
                <c:pt idx="1349">
                  <c:v>329.99</c:v>
                </c:pt>
                <c:pt idx="1350">
                  <c:v>330.23599999999999</c:v>
                </c:pt>
                <c:pt idx="1351">
                  <c:v>330.428</c:v>
                </c:pt>
                <c:pt idx="1352">
                  <c:v>330.666</c:v>
                </c:pt>
                <c:pt idx="1353">
                  <c:v>330.91300000000001</c:v>
                </c:pt>
                <c:pt idx="1354">
                  <c:v>331.18700000000001</c:v>
                </c:pt>
                <c:pt idx="1355">
                  <c:v>331.43700000000001</c:v>
                </c:pt>
                <c:pt idx="1356">
                  <c:v>331.69</c:v>
                </c:pt>
                <c:pt idx="1357">
                  <c:v>331.91</c:v>
                </c:pt>
                <c:pt idx="1358">
                  <c:v>332.12799999999999</c:v>
                </c:pt>
                <c:pt idx="1359">
                  <c:v>332.35199999999998</c:v>
                </c:pt>
                <c:pt idx="1360">
                  <c:v>332.55500000000001</c:v>
                </c:pt>
                <c:pt idx="1361">
                  <c:v>332.7</c:v>
                </c:pt>
                <c:pt idx="1362">
                  <c:v>333.04500000000002</c:v>
                </c:pt>
                <c:pt idx="1363">
                  <c:v>333.09699999999998</c:v>
                </c:pt>
                <c:pt idx="1364">
                  <c:v>333.46199999999999</c:v>
                </c:pt>
                <c:pt idx="1365">
                  <c:v>333.78199999999998</c:v>
                </c:pt>
                <c:pt idx="1366">
                  <c:v>334.06</c:v>
                </c:pt>
                <c:pt idx="1367">
                  <c:v>334.036</c:v>
                </c:pt>
                <c:pt idx="1368">
                  <c:v>334.17599999999999</c:v>
                </c:pt>
                <c:pt idx="1369">
                  <c:v>334.577</c:v>
                </c:pt>
                <c:pt idx="1370">
                  <c:v>334.97500000000002</c:v>
                </c:pt>
                <c:pt idx="1371">
                  <c:v>335.31599999999997</c:v>
                </c:pt>
                <c:pt idx="1372">
                  <c:v>335.58300000000003</c:v>
                </c:pt>
                <c:pt idx="1373">
                  <c:v>335.73399999999998</c:v>
                </c:pt>
                <c:pt idx="1374">
                  <c:v>335.90199999999999</c:v>
                </c:pt>
                <c:pt idx="1375">
                  <c:v>336.27</c:v>
                </c:pt>
                <c:pt idx="1376">
                  <c:v>336.565</c:v>
                </c:pt>
                <c:pt idx="1377">
                  <c:v>336.55700000000002</c:v>
                </c:pt>
                <c:pt idx="1378">
                  <c:v>336.76600000000002</c:v>
                </c:pt>
                <c:pt idx="1379">
                  <c:v>337.19200000000001</c:v>
                </c:pt>
                <c:pt idx="1380">
                  <c:v>337.572</c:v>
                </c:pt>
                <c:pt idx="1381">
                  <c:v>337.887</c:v>
                </c:pt>
                <c:pt idx="1382">
                  <c:v>338.16500000000002</c:v>
                </c:pt>
                <c:pt idx="1383">
                  <c:v>338.41</c:v>
                </c:pt>
                <c:pt idx="1384">
                  <c:v>338.62700000000001</c:v>
                </c:pt>
                <c:pt idx="1385">
                  <c:v>338.90100000000001</c:v>
                </c:pt>
                <c:pt idx="1386">
                  <c:v>339.178</c:v>
                </c:pt>
                <c:pt idx="1387">
                  <c:v>339.43299999999999</c:v>
                </c:pt>
                <c:pt idx="1388">
                  <c:v>339.51100000000002</c:v>
                </c:pt>
                <c:pt idx="1389">
                  <c:v>339.66699999999997</c:v>
                </c:pt>
                <c:pt idx="1390">
                  <c:v>339.58</c:v>
                </c:pt>
                <c:pt idx="1391">
                  <c:v>339.60199999999998</c:v>
                </c:pt>
                <c:pt idx="1392">
                  <c:v>340.084</c:v>
                </c:pt>
                <c:pt idx="1393">
                  <c:v>340.62400000000002</c:v>
                </c:pt>
                <c:pt idx="1394">
                  <c:v>341.05200000000002</c:v>
                </c:pt>
                <c:pt idx="1395">
                  <c:v>341.39299999999997</c:v>
                </c:pt>
                <c:pt idx="1396">
                  <c:v>341.78699999999998</c:v>
                </c:pt>
                <c:pt idx="1397">
                  <c:v>342.108</c:v>
                </c:pt>
                <c:pt idx="1398">
                  <c:v>342.08800000000002</c:v>
                </c:pt>
                <c:pt idx="1399">
                  <c:v>341.75400000000002</c:v>
                </c:pt>
                <c:pt idx="1400">
                  <c:v>342.48500000000001</c:v>
                </c:pt>
                <c:pt idx="1401">
                  <c:v>343.06400000000002</c:v>
                </c:pt>
                <c:pt idx="1402">
                  <c:v>343.48700000000002</c:v>
                </c:pt>
                <c:pt idx="1403">
                  <c:v>343.85399999999998</c:v>
                </c:pt>
                <c:pt idx="1404">
                  <c:v>343.899</c:v>
                </c:pt>
                <c:pt idx="1405">
                  <c:v>344.21100000000001</c:v>
                </c:pt>
                <c:pt idx="1406">
                  <c:v>344.5</c:v>
                </c:pt>
                <c:pt idx="1407">
                  <c:v>344.17200000000003</c:v>
                </c:pt>
                <c:pt idx="1408">
                  <c:v>344.70600000000002</c:v>
                </c:pt>
                <c:pt idx="1409">
                  <c:v>345.12200000000001</c:v>
                </c:pt>
                <c:pt idx="1410">
                  <c:v>345.52800000000002</c:v>
                </c:pt>
                <c:pt idx="1411">
                  <c:v>345.92899999999997</c:v>
                </c:pt>
                <c:pt idx="1412">
                  <c:v>346.11500000000001</c:v>
                </c:pt>
                <c:pt idx="1413">
                  <c:v>346.20400000000001</c:v>
                </c:pt>
                <c:pt idx="1414">
                  <c:v>346.50799999999998</c:v>
                </c:pt>
                <c:pt idx="1415">
                  <c:v>346.93700000000001</c:v>
                </c:pt>
                <c:pt idx="1416">
                  <c:v>347.31299999999999</c:v>
                </c:pt>
                <c:pt idx="1417">
                  <c:v>347.52100000000002</c:v>
                </c:pt>
                <c:pt idx="1418">
                  <c:v>347.262</c:v>
                </c:pt>
                <c:pt idx="1419">
                  <c:v>347.82299999999998</c:v>
                </c:pt>
                <c:pt idx="1420">
                  <c:v>348.19499999999999</c:v>
                </c:pt>
                <c:pt idx="1421">
                  <c:v>348.50299999999999</c:v>
                </c:pt>
                <c:pt idx="1422">
                  <c:v>348.82900000000001</c:v>
                </c:pt>
                <c:pt idx="1423">
                  <c:v>349.10599999999999</c:v>
                </c:pt>
                <c:pt idx="1424">
                  <c:v>349.37200000000001</c:v>
                </c:pt>
                <c:pt idx="1425">
                  <c:v>349.61799999999999</c:v>
                </c:pt>
                <c:pt idx="1426">
                  <c:v>349.78100000000001</c:v>
                </c:pt>
                <c:pt idx="1427">
                  <c:v>349.50099999999998</c:v>
                </c:pt>
                <c:pt idx="1428">
                  <c:v>349.52300000000002</c:v>
                </c:pt>
                <c:pt idx="1429">
                  <c:v>350.024</c:v>
                </c:pt>
                <c:pt idx="1430">
                  <c:v>350.36500000000001</c:v>
                </c:pt>
                <c:pt idx="1431">
                  <c:v>350.83800000000002</c:v>
                </c:pt>
                <c:pt idx="1432">
                  <c:v>351.21</c:v>
                </c:pt>
                <c:pt idx="1433">
                  <c:v>351.44200000000001</c:v>
                </c:pt>
                <c:pt idx="1434">
                  <c:v>351.75799999999998</c:v>
                </c:pt>
                <c:pt idx="1435">
                  <c:v>352.07100000000003</c:v>
                </c:pt>
                <c:pt idx="1436">
                  <c:v>352.35599999999999</c:v>
                </c:pt>
                <c:pt idx="1437">
                  <c:v>352.61599999999999</c:v>
                </c:pt>
                <c:pt idx="1438">
                  <c:v>352.84500000000003</c:v>
                </c:pt>
                <c:pt idx="1439">
                  <c:v>353.077</c:v>
                </c:pt>
                <c:pt idx="1440">
                  <c:v>353.31299999999999</c:v>
                </c:pt>
                <c:pt idx="1441">
                  <c:v>353.54</c:v>
                </c:pt>
                <c:pt idx="1442">
                  <c:v>353.64499999999998</c:v>
                </c:pt>
                <c:pt idx="1443">
                  <c:v>353.863</c:v>
                </c:pt>
                <c:pt idx="1444">
                  <c:v>354.041</c:v>
                </c:pt>
                <c:pt idx="1445">
                  <c:v>354.27499999999998</c:v>
                </c:pt>
                <c:pt idx="1446">
                  <c:v>354.57400000000001</c:v>
                </c:pt>
                <c:pt idx="1447">
                  <c:v>354.75799999999998</c:v>
                </c:pt>
                <c:pt idx="1448">
                  <c:v>355.21199999999999</c:v>
                </c:pt>
                <c:pt idx="1449">
                  <c:v>355.62099999999998</c:v>
                </c:pt>
                <c:pt idx="1450">
                  <c:v>355.952</c:v>
                </c:pt>
                <c:pt idx="1451">
                  <c:v>356.28800000000001</c:v>
                </c:pt>
                <c:pt idx="1452">
                  <c:v>356.55500000000001</c:v>
                </c:pt>
                <c:pt idx="1453">
                  <c:v>356.77699999999999</c:v>
                </c:pt>
                <c:pt idx="1454">
                  <c:v>357.00400000000002</c:v>
                </c:pt>
                <c:pt idx="1455">
                  <c:v>357.26600000000002</c:v>
                </c:pt>
                <c:pt idx="1456">
                  <c:v>357.54399999999998</c:v>
                </c:pt>
                <c:pt idx="1457">
                  <c:v>357.79899999999998</c:v>
                </c:pt>
                <c:pt idx="1458">
                  <c:v>357.86900000000003</c:v>
                </c:pt>
                <c:pt idx="1459">
                  <c:v>357.68599999999998</c:v>
                </c:pt>
                <c:pt idx="1460">
                  <c:v>357.58800000000002</c:v>
                </c:pt>
                <c:pt idx="1461">
                  <c:v>358.11500000000001</c:v>
                </c:pt>
                <c:pt idx="1462">
                  <c:v>358.55099999999999</c:v>
                </c:pt>
                <c:pt idx="1463">
                  <c:v>358.82299999999998</c:v>
                </c:pt>
                <c:pt idx="1464">
                  <c:v>359.20299999999997</c:v>
                </c:pt>
                <c:pt idx="1465">
                  <c:v>359.69400000000002</c:v>
                </c:pt>
                <c:pt idx="1466">
                  <c:v>359.91</c:v>
                </c:pt>
                <c:pt idx="1467">
                  <c:v>360.17200000000003</c:v>
                </c:pt>
                <c:pt idx="1468">
                  <c:v>360.57499999999999</c:v>
                </c:pt>
                <c:pt idx="1469">
                  <c:v>360.928</c:v>
                </c:pt>
                <c:pt idx="1470">
                  <c:v>361.262</c:v>
                </c:pt>
                <c:pt idx="1471">
                  <c:v>361.20400000000001</c:v>
                </c:pt>
                <c:pt idx="1472">
                  <c:v>361.30099999999999</c:v>
                </c:pt>
                <c:pt idx="1473">
                  <c:v>361.82799999999997</c:v>
                </c:pt>
                <c:pt idx="1474">
                  <c:v>362.21499999999997</c:v>
                </c:pt>
                <c:pt idx="1475">
                  <c:v>362.43200000000002</c:v>
                </c:pt>
                <c:pt idx="1476">
                  <c:v>362.81799999999998</c:v>
                </c:pt>
                <c:pt idx="1477">
                  <c:v>363.11399999999998</c:v>
                </c:pt>
                <c:pt idx="1478">
                  <c:v>363.43700000000001</c:v>
                </c:pt>
                <c:pt idx="1479">
                  <c:v>363.73500000000001</c:v>
                </c:pt>
                <c:pt idx="1480">
                  <c:v>364.06</c:v>
                </c:pt>
                <c:pt idx="1481">
                  <c:v>364.358</c:v>
                </c:pt>
                <c:pt idx="1482">
                  <c:v>364.64800000000002</c:v>
                </c:pt>
                <c:pt idx="1483">
                  <c:v>364.57</c:v>
                </c:pt>
                <c:pt idx="1484">
                  <c:v>364.88499999999999</c:v>
                </c:pt>
                <c:pt idx="1485">
                  <c:v>364.97899999999998</c:v>
                </c:pt>
                <c:pt idx="1486">
                  <c:v>365.48899999999998</c:v>
                </c:pt>
                <c:pt idx="1487">
                  <c:v>365.92099999999999</c:v>
                </c:pt>
                <c:pt idx="1488">
                  <c:v>366.25400000000002</c:v>
                </c:pt>
                <c:pt idx="1489">
                  <c:v>366.53100000000001</c:v>
                </c:pt>
                <c:pt idx="1490">
                  <c:v>366.47699999999998</c:v>
                </c:pt>
                <c:pt idx="1491">
                  <c:v>366.66800000000001</c:v>
                </c:pt>
                <c:pt idx="1492">
                  <c:v>367.02300000000002</c:v>
                </c:pt>
                <c:pt idx="1493">
                  <c:v>367.45499999999998</c:v>
                </c:pt>
                <c:pt idx="1494">
                  <c:v>367.69400000000002</c:v>
                </c:pt>
                <c:pt idx="1495">
                  <c:v>367.60599999999999</c:v>
                </c:pt>
                <c:pt idx="1496">
                  <c:v>367.666</c:v>
                </c:pt>
                <c:pt idx="1497">
                  <c:v>367.94900000000001</c:v>
                </c:pt>
                <c:pt idx="1498">
                  <c:v>368.262</c:v>
                </c:pt>
                <c:pt idx="1499">
                  <c:v>368.88200000000001</c:v>
                </c:pt>
                <c:pt idx="1500">
                  <c:v>369.30900000000003</c:v>
                </c:pt>
                <c:pt idx="1501">
                  <c:v>369.666</c:v>
                </c:pt>
                <c:pt idx="1502">
                  <c:v>369.94799999999998</c:v>
                </c:pt>
                <c:pt idx="1503">
                  <c:v>370.22899999999998</c:v>
                </c:pt>
                <c:pt idx="1504">
                  <c:v>370.52</c:v>
                </c:pt>
                <c:pt idx="1505">
                  <c:v>370.77300000000002</c:v>
                </c:pt>
                <c:pt idx="1506">
                  <c:v>371.02499999999998</c:v>
                </c:pt>
                <c:pt idx="1507">
                  <c:v>371.28300000000002</c:v>
                </c:pt>
                <c:pt idx="1508">
                  <c:v>371.53699999999998</c:v>
                </c:pt>
                <c:pt idx="1509">
                  <c:v>371.69799999999998</c:v>
                </c:pt>
                <c:pt idx="1510">
                  <c:v>371.404</c:v>
                </c:pt>
                <c:pt idx="1511">
                  <c:v>371.411</c:v>
                </c:pt>
                <c:pt idx="1512">
                  <c:v>372.00900000000001</c:v>
                </c:pt>
                <c:pt idx="1513">
                  <c:v>372.03399999999999</c:v>
                </c:pt>
                <c:pt idx="1514">
                  <c:v>372.43799999999999</c:v>
                </c:pt>
                <c:pt idx="1515">
                  <c:v>372.16699999999997</c:v>
                </c:pt>
                <c:pt idx="1516">
                  <c:v>372.45800000000003</c:v>
                </c:pt>
                <c:pt idx="1517">
                  <c:v>373.24799999999999</c:v>
                </c:pt>
                <c:pt idx="1518">
                  <c:v>373.65600000000001</c:v>
                </c:pt>
                <c:pt idx="1519">
                  <c:v>374.03199999999998</c:v>
                </c:pt>
                <c:pt idx="1520">
                  <c:v>374.50099999999998</c:v>
                </c:pt>
                <c:pt idx="1521">
                  <c:v>374.87</c:v>
                </c:pt>
                <c:pt idx="1522">
                  <c:v>375.17700000000002</c:v>
                </c:pt>
                <c:pt idx="1523">
                  <c:v>375.459</c:v>
                </c:pt>
                <c:pt idx="1524">
                  <c:v>375.52100000000002</c:v>
                </c:pt>
                <c:pt idx="1525">
                  <c:v>375.92099999999999</c:v>
                </c:pt>
                <c:pt idx="1526">
                  <c:v>376.23700000000002</c:v>
                </c:pt>
                <c:pt idx="1527">
                  <c:v>376.28300000000002</c:v>
                </c:pt>
                <c:pt idx="1528">
                  <c:v>375.99599999999998</c:v>
                </c:pt>
                <c:pt idx="1529">
                  <c:v>376.05599999999998</c:v>
                </c:pt>
                <c:pt idx="1530">
                  <c:v>376.31099999999998</c:v>
                </c:pt>
                <c:pt idx="1531">
                  <c:v>376.53199999999998</c:v>
                </c:pt>
                <c:pt idx="1532">
                  <c:v>376.66699999999997</c:v>
                </c:pt>
                <c:pt idx="1533">
                  <c:v>377.11700000000002</c:v>
                </c:pt>
                <c:pt idx="1534">
                  <c:v>377.91800000000001</c:v>
                </c:pt>
                <c:pt idx="1535">
                  <c:v>378.49900000000002</c:v>
                </c:pt>
                <c:pt idx="1536">
                  <c:v>378.90100000000001</c:v>
                </c:pt>
                <c:pt idx="1537">
                  <c:v>379.23899999999998</c:v>
                </c:pt>
                <c:pt idx="1538">
                  <c:v>379.53</c:v>
                </c:pt>
                <c:pt idx="1539">
                  <c:v>379.83300000000003</c:v>
                </c:pt>
                <c:pt idx="1540">
                  <c:v>380.09500000000003</c:v>
                </c:pt>
                <c:pt idx="1541">
                  <c:v>380.31200000000001</c:v>
                </c:pt>
                <c:pt idx="1542">
                  <c:v>380.55500000000001</c:v>
                </c:pt>
                <c:pt idx="1543">
                  <c:v>380.80099999999999</c:v>
                </c:pt>
                <c:pt idx="1544">
                  <c:v>381.072</c:v>
                </c:pt>
                <c:pt idx="1545">
                  <c:v>381.334</c:v>
                </c:pt>
                <c:pt idx="1546">
                  <c:v>381.57100000000003</c:v>
                </c:pt>
                <c:pt idx="1547">
                  <c:v>381.78399999999999</c:v>
                </c:pt>
                <c:pt idx="1548">
                  <c:v>382.024</c:v>
                </c:pt>
                <c:pt idx="1549">
                  <c:v>382.27600000000001</c:v>
                </c:pt>
                <c:pt idx="1550">
                  <c:v>382.54399999999998</c:v>
                </c:pt>
                <c:pt idx="1551">
                  <c:v>382.80500000000001</c:v>
                </c:pt>
                <c:pt idx="1552">
                  <c:v>383.02699999999999</c:v>
                </c:pt>
                <c:pt idx="1553">
                  <c:v>383.01799999999997</c:v>
                </c:pt>
                <c:pt idx="1554">
                  <c:v>383.334</c:v>
                </c:pt>
                <c:pt idx="1555">
                  <c:v>383.66300000000001</c:v>
                </c:pt>
                <c:pt idx="1556">
                  <c:v>383.94799999999998</c:v>
                </c:pt>
                <c:pt idx="1557">
                  <c:v>383.96699999999998</c:v>
                </c:pt>
                <c:pt idx="1558">
                  <c:v>384.35899999999998</c:v>
                </c:pt>
                <c:pt idx="1559">
                  <c:v>384.69600000000003</c:v>
                </c:pt>
                <c:pt idx="1560">
                  <c:v>385</c:v>
                </c:pt>
                <c:pt idx="1561">
                  <c:v>385.28300000000002</c:v>
                </c:pt>
                <c:pt idx="1562">
                  <c:v>385.55099999999999</c:v>
                </c:pt>
                <c:pt idx="1563">
                  <c:v>385.822</c:v>
                </c:pt>
                <c:pt idx="1564">
                  <c:v>386.05599999999998</c:v>
                </c:pt>
                <c:pt idx="1565">
                  <c:v>386.32299999999998</c:v>
                </c:pt>
                <c:pt idx="1566">
                  <c:v>386.57100000000003</c:v>
                </c:pt>
                <c:pt idx="1567">
                  <c:v>386.81299999999999</c:v>
                </c:pt>
                <c:pt idx="1568">
                  <c:v>386.87</c:v>
                </c:pt>
                <c:pt idx="1569">
                  <c:v>387.17399999999998</c:v>
                </c:pt>
                <c:pt idx="1570">
                  <c:v>387.536</c:v>
                </c:pt>
                <c:pt idx="1571">
                  <c:v>387.86900000000003</c:v>
                </c:pt>
                <c:pt idx="1572">
                  <c:v>388.01</c:v>
                </c:pt>
                <c:pt idx="1573">
                  <c:v>388.33699999999999</c:v>
                </c:pt>
                <c:pt idx="1574">
                  <c:v>388.673</c:v>
                </c:pt>
                <c:pt idx="1575">
                  <c:v>388.97300000000001</c:v>
                </c:pt>
                <c:pt idx="1576">
                  <c:v>389.24599999999998</c:v>
                </c:pt>
                <c:pt idx="1577">
                  <c:v>389.53</c:v>
                </c:pt>
                <c:pt idx="1578">
                  <c:v>389.81299999999999</c:v>
                </c:pt>
                <c:pt idx="1579">
                  <c:v>390.08199999999999</c:v>
                </c:pt>
                <c:pt idx="1580">
                  <c:v>390.37</c:v>
                </c:pt>
                <c:pt idx="1581">
                  <c:v>390.63600000000002</c:v>
                </c:pt>
                <c:pt idx="1582">
                  <c:v>390.92</c:v>
                </c:pt>
                <c:pt idx="1583">
                  <c:v>391.04</c:v>
                </c:pt>
                <c:pt idx="1584">
                  <c:v>390.97500000000002</c:v>
                </c:pt>
                <c:pt idx="1585">
                  <c:v>391.19200000000001</c:v>
                </c:pt>
                <c:pt idx="1586">
                  <c:v>391.71100000000001</c:v>
                </c:pt>
                <c:pt idx="1587">
                  <c:v>392.09300000000002</c:v>
                </c:pt>
                <c:pt idx="1588">
                  <c:v>392.42</c:v>
                </c:pt>
                <c:pt idx="1589">
                  <c:v>392.60899999999998</c:v>
                </c:pt>
                <c:pt idx="1590">
                  <c:v>392.916</c:v>
                </c:pt>
                <c:pt idx="1591">
                  <c:v>393.21499999999997</c:v>
                </c:pt>
                <c:pt idx="1592">
                  <c:v>393.36</c:v>
                </c:pt>
                <c:pt idx="1593">
                  <c:v>393.45100000000002</c:v>
                </c:pt>
                <c:pt idx="1594">
                  <c:v>393.40600000000001</c:v>
                </c:pt>
                <c:pt idx="1595">
                  <c:v>393.37900000000002</c:v>
                </c:pt>
                <c:pt idx="1596">
                  <c:v>393.63799999999998</c:v>
                </c:pt>
                <c:pt idx="1597">
                  <c:v>394.01299999999998</c:v>
                </c:pt>
                <c:pt idx="1598">
                  <c:v>394.238</c:v>
                </c:pt>
                <c:pt idx="1599">
                  <c:v>394.46899999999999</c:v>
                </c:pt>
                <c:pt idx="1600">
                  <c:v>395.09500000000003</c:v>
                </c:pt>
                <c:pt idx="1601">
                  <c:v>395.774</c:v>
                </c:pt>
                <c:pt idx="1602">
                  <c:v>396.096</c:v>
                </c:pt>
                <c:pt idx="1603">
                  <c:v>396.46199999999999</c:v>
                </c:pt>
                <c:pt idx="1604">
                  <c:v>396.90100000000001</c:v>
                </c:pt>
                <c:pt idx="1605">
                  <c:v>397.25700000000001</c:v>
                </c:pt>
                <c:pt idx="1606">
                  <c:v>397.58800000000002</c:v>
                </c:pt>
                <c:pt idx="1607">
                  <c:v>397.86900000000003</c:v>
                </c:pt>
                <c:pt idx="1608">
                  <c:v>397.88200000000001</c:v>
                </c:pt>
                <c:pt idx="1609">
                  <c:v>398.30799999999999</c:v>
                </c:pt>
                <c:pt idx="1610">
                  <c:v>398.65100000000001</c:v>
                </c:pt>
                <c:pt idx="1611">
                  <c:v>398.56</c:v>
                </c:pt>
                <c:pt idx="1612">
                  <c:v>398.93099999999998</c:v>
                </c:pt>
                <c:pt idx="1613">
                  <c:v>399.31900000000002</c:v>
                </c:pt>
                <c:pt idx="1614">
                  <c:v>399.649</c:v>
                </c:pt>
                <c:pt idx="1615">
                  <c:v>399.91300000000001</c:v>
                </c:pt>
                <c:pt idx="1616">
                  <c:v>399.94499999999999</c:v>
                </c:pt>
                <c:pt idx="1617">
                  <c:v>400.24799999999999</c:v>
                </c:pt>
                <c:pt idx="1618">
                  <c:v>400.56700000000001</c:v>
                </c:pt>
                <c:pt idx="1619">
                  <c:v>400.85599999999999</c:v>
                </c:pt>
                <c:pt idx="1620">
                  <c:v>401.11900000000003</c:v>
                </c:pt>
                <c:pt idx="1621">
                  <c:v>401.36500000000001</c:v>
                </c:pt>
                <c:pt idx="1622">
                  <c:v>401.58</c:v>
                </c:pt>
                <c:pt idx="1623">
                  <c:v>401.83100000000002</c:v>
                </c:pt>
                <c:pt idx="1624">
                  <c:v>402.084</c:v>
                </c:pt>
                <c:pt idx="1625">
                  <c:v>402.26299999999998</c:v>
                </c:pt>
                <c:pt idx="1626">
                  <c:v>402.57100000000003</c:v>
                </c:pt>
                <c:pt idx="1627">
                  <c:v>402.85399999999998</c:v>
                </c:pt>
                <c:pt idx="1628">
                  <c:v>403.05900000000003</c:v>
                </c:pt>
                <c:pt idx="1629">
                  <c:v>403.35399999999998</c:v>
                </c:pt>
                <c:pt idx="1630">
                  <c:v>403.63200000000001</c:v>
                </c:pt>
                <c:pt idx="1631">
                  <c:v>403.91199999999998</c:v>
                </c:pt>
                <c:pt idx="1632">
                  <c:v>404.2</c:v>
                </c:pt>
                <c:pt idx="1633">
                  <c:v>404.46699999999998</c:v>
                </c:pt>
                <c:pt idx="1634">
                  <c:v>404.72199999999998</c:v>
                </c:pt>
                <c:pt idx="1635">
                  <c:v>404.97399999999999</c:v>
                </c:pt>
                <c:pt idx="1636">
                  <c:v>405.24099999999999</c:v>
                </c:pt>
                <c:pt idx="1637">
                  <c:v>405.5</c:v>
                </c:pt>
                <c:pt idx="1638">
                  <c:v>405.36900000000003</c:v>
                </c:pt>
                <c:pt idx="1639">
                  <c:v>405.84899999999999</c:v>
                </c:pt>
                <c:pt idx="1640">
                  <c:v>406.10599999999999</c:v>
                </c:pt>
                <c:pt idx="1641">
                  <c:v>406.05500000000001</c:v>
                </c:pt>
                <c:pt idx="1642">
                  <c:v>406.58300000000003</c:v>
                </c:pt>
                <c:pt idx="1643">
                  <c:v>406.85300000000001</c:v>
                </c:pt>
                <c:pt idx="1644">
                  <c:v>407.25400000000002</c:v>
                </c:pt>
                <c:pt idx="1645">
                  <c:v>407.46300000000002</c:v>
                </c:pt>
                <c:pt idx="1646">
                  <c:v>407.81700000000001</c:v>
                </c:pt>
                <c:pt idx="1647">
                  <c:v>408.005</c:v>
                </c:pt>
                <c:pt idx="1648">
                  <c:v>407.88099999999997</c:v>
                </c:pt>
                <c:pt idx="1649">
                  <c:v>408.416</c:v>
                </c:pt>
                <c:pt idx="1650">
                  <c:v>408.82100000000003</c:v>
                </c:pt>
                <c:pt idx="1651">
                  <c:v>409.137</c:v>
                </c:pt>
                <c:pt idx="1652">
                  <c:v>409.44</c:v>
                </c:pt>
                <c:pt idx="1653">
                  <c:v>409.755</c:v>
                </c:pt>
                <c:pt idx="1654">
                  <c:v>410.036</c:v>
                </c:pt>
                <c:pt idx="1655">
                  <c:v>410.32</c:v>
                </c:pt>
                <c:pt idx="1656">
                  <c:v>410.56799999999998</c:v>
                </c:pt>
                <c:pt idx="1657">
                  <c:v>410.84800000000001</c:v>
                </c:pt>
                <c:pt idx="1658">
                  <c:v>411.1</c:v>
                </c:pt>
                <c:pt idx="1659">
                  <c:v>411.35199999999998</c:v>
                </c:pt>
                <c:pt idx="1660">
                  <c:v>411.62400000000002</c:v>
                </c:pt>
                <c:pt idx="1661">
                  <c:v>411.86700000000002</c:v>
                </c:pt>
                <c:pt idx="1662">
                  <c:v>411.87799999999999</c:v>
                </c:pt>
                <c:pt idx="1663">
                  <c:v>412.18099999999998</c:v>
                </c:pt>
                <c:pt idx="1664">
                  <c:v>412.512</c:v>
                </c:pt>
                <c:pt idx="1665">
                  <c:v>412.529</c:v>
                </c:pt>
                <c:pt idx="1666">
                  <c:v>412.43099999999998</c:v>
                </c:pt>
                <c:pt idx="1667">
                  <c:v>412.70699999999999</c:v>
                </c:pt>
                <c:pt idx="1668">
                  <c:v>412.75299999999999</c:v>
                </c:pt>
                <c:pt idx="1669">
                  <c:v>413.19400000000002</c:v>
                </c:pt>
                <c:pt idx="1670">
                  <c:v>413.97300000000001</c:v>
                </c:pt>
                <c:pt idx="1671">
                  <c:v>414.54500000000002</c:v>
                </c:pt>
                <c:pt idx="1672">
                  <c:v>414.971</c:v>
                </c:pt>
                <c:pt idx="1673">
                  <c:v>415.31900000000002</c:v>
                </c:pt>
                <c:pt idx="1674">
                  <c:v>415.63200000000001</c:v>
                </c:pt>
                <c:pt idx="1675">
                  <c:v>415.93400000000003</c:v>
                </c:pt>
                <c:pt idx="1676">
                  <c:v>416.20800000000003</c:v>
                </c:pt>
                <c:pt idx="1677">
                  <c:v>416.44200000000001</c:v>
                </c:pt>
                <c:pt idx="1678">
                  <c:v>416.68700000000001</c:v>
                </c:pt>
                <c:pt idx="1679">
                  <c:v>416.92200000000003</c:v>
                </c:pt>
                <c:pt idx="1680">
                  <c:v>417.13400000000001</c:v>
                </c:pt>
                <c:pt idx="1681">
                  <c:v>417.39400000000001</c:v>
                </c:pt>
                <c:pt idx="1682">
                  <c:v>417.61599999999999</c:v>
                </c:pt>
                <c:pt idx="1683">
                  <c:v>417.86</c:v>
                </c:pt>
                <c:pt idx="1684">
                  <c:v>418.089</c:v>
                </c:pt>
                <c:pt idx="1685">
                  <c:v>418.02699999999999</c:v>
                </c:pt>
                <c:pt idx="1686">
                  <c:v>417.63900000000001</c:v>
                </c:pt>
                <c:pt idx="1687">
                  <c:v>418.07400000000001</c:v>
                </c:pt>
                <c:pt idx="1688">
                  <c:v>418.666</c:v>
                </c:pt>
                <c:pt idx="1689">
                  <c:v>419.09399999999999</c:v>
                </c:pt>
                <c:pt idx="1690">
                  <c:v>419.40300000000002</c:v>
                </c:pt>
                <c:pt idx="1691">
                  <c:v>419.702</c:v>
                </c:pt>
                <c:pt idx="1692">
                  <c:v>419.98899999999998</c:v>
                </c:pt>
                <c:pt idx="1693">
                  <c:v>420.17500000000001</c:v>
                </c:pt>
                <c:pt idx="1694">
                  <c:v>420.35300000000001</c:v>
                </c:pt>
                <c:pt idx="1695">
                  <c:v>420.63400000000001</c:v>
                </c:pt>
                <c:pt idx="1696">
                  <c:v>420.93299999999999</c:v>
                </c:pt>
                <c:pt idx="1697">
                  <c:v>421.20299999999997</c:v>
                </c:pt>
                <c:pt idx="1698">
                  <c:v>421.483</c:v>
                </c:pt>
                <c:pt idx="1699">
                  <c:v>421.76799999999997</c:v>
                </c:pt>
                <c:pt idx="1700">
                  <c:v>422.04300000000001</c:v>
                </c:pt>
                <c:pt idx="1701">
                  <c:v>422.32499999999999</c:v>
                </c:pt>
                <c:pt idx="1702">
                  <c:v>422.09</c:v>
                </c:pt>
                <c:pt idx="1703">
                  <c:v>422.18900000000002</c:v>
                </c:pt>
                <c:pt idx="1704">
                  <c:v>422.79</c:v>
                </c:pt>
                <c:pt idx="1705">
                  <c:v>423.24099999999999</c:v>
                </c:pt>
                <c:pt idx="1706">
                  <c:v>423.64800000000002</c:v>
                </c:pt>
                <c:pt idx="1707">
                  <c:v>423.75299999999999</c:v>
                </c:pt>
                <c:pt idx="1708">
                  <c:v>424.08</c:v>
                </c:pt>
                <c:pt idx="1709">
                  <c:v>424.42099999999999</c:v>
                </c:pt>
                <c:pt idx="1710">
                  <c:v>424.71499999999997</c:v>
                </c:pt>
                <c:pt idx="1711">
                  <c:v>425.01900000000001</c:v>
                </c:pt>
                <c:pt idx="1712">
                  <c:v>425.286</c:v>
                </c:pt>
                <c:pt idx="1713">
                  <c:v>425.56</c:v>
                </c:pt>
                <c:pt idx="1714">
                  <c:v>425.67</c:v>
                </c:pt>
                <c:pt idx="1715">
                  <c:v>425.834</c:v>
                </c:pt>
                <c:pt idx="1716">
                  <c:v>426.25599999999997</c:v>
                </c:pt>
                <c:pt idx="1717">
                  <c:v>426.62799999999999</c:v>
                </c:pt>
                <c:pt idx="1718">
                  <c:v>426.53899999999999</c:v>
                </c:pt>
                <c:pt idx="1719">
                  <c:v>426.81799999999998</c:v>
                </c:pt>
                <c:pt idx="1720">
                  <c:v>427.33800000000002</c:v>
                </c:pt>
                <c:pt idx="1721">
                  <c:v>427.73099999999999</c:v>
                </c:pt>
                <c:pt idx="1722">
                  <c:v>428.07400000000001</c:v>
                </c:pt>
                <c:pt idx="1723">
                  <c:v>428.37900000000002</c:v>
                </c:pt>
                <c:pt idx="1724">
                  <c:v>428.38499999999999</c:v>
                </c:pt>
                <c:pt idx="1725">
                  <c:v>428.76799999999997</c:v>
                </c:pt>
                <c:pt idx="1726">
                  <c:v>429.10899999999998</c:v>
                </c:pt>
                <c:pt idx="1727">
                  <c:v>429.21300000000002</c:v>
                </c:pt>
                <c:pt idx="1728">
                  <c:v>429.46100000000001</c:v>
                </c:pt>
                <c:pt idx="1729">
                  <c:v>429.863</c:v>
                </c:pt>
                <c:pt idx="1730">
                  <c:v>430.18700000000001</c:v>
                </c:pt>
                <c:pt idx="1731">
                  <c:v>430.44900000000001</c:v>
                </c:pt>
                <c:pt idx="1732">
                  <c:v>430.01499999999999</c:v>
                </c:pt>
                <c:pt idx="1733">
                  <c:v>430.57100000000003</c:v>
                </c:pt>
                <c:pt idx="1734">
                  <c:v>430.95800000000003</c:v>
                </c:pt>
                <c:pt idx="1735">
                  <c:v>430.86900000000003</c:v>
                </c:pt>
                <c:pt idx="1736">
                  <c:v>430.97899999999998</c:v>
                </c:pt>
                <c:pt idx="1737">
                  <c:v>430.988</c:v>
                </c:pt>
                <c:pt idx="1738">
                  <c:v>431.483</c:v>
                </c:pt>
                <c:pt idx="1739">
                  <c:v>431.863</c:v>
                </c:pt>
                <c:pt idx="1740">
                  <c:v>431.99200000000002</c:v>
                </c:pt>
                <c:pt idx="1741">
                  <c:v>432.89600000000002</c:v>
                </c:pt>
                <c:pt idx="1742">
                  <c:v>433.49900000000002</c:v>
                </c:pt>
                <c:pt idx="1743">
                  <c:v>433.92399999999998</c:v>
                </c:pt>
                <c:pt idx="1744">
                  <c:v>434.28500000000003</c:v>
                </c:pt>
                <c:pt idx="1745">
                  <c:v>434.57499999999999</c:v>
                </c:pt>
                <c:pt idx="1746">
                  <c:v>434.85599999999999</c:v>
                </c:pt>
                <c:pt idx="1747">
                  <c:v>435.15</c:v>
                </c:pt>
                <c:pt idx="1748">
                  <c:v>435.41399999999999</c:v>
                </c:pt>
                <c:pt idx="1749">
                  <c:v>435.63799999999998</c:v>
                </c:pt>
                <c:pt idx="1750">
                  <c:v>435.87400000000002</c:v>
                </c:pt>
                <c:pt idx="1751">
                  <c:v>436.08600000000001</c:v>
                </c:pt>
                <c:pt idx="1752">
                  <c:v>436.30900000000003</c:v>
                </c:pt>
                <c:pt idx="1753">
                  <c:v>436.52199999999999</c:v>
                </c:pt>
                <c:pt idx="1754">
                  <c:v>436.76299999999998</c:v>
                </c:pt>
                <c:pt idx="1755">
                  <c:v>436.96499999999997</c:v>
                </c:pt>
                <c:pt idx="1756">
                  <c:v>437.17399999999998</c:v>
                </c:pt>
                <c:pt idx="1757">
                  <c:v>437.363</c:v>
                </c:pt>
                <c:pt idx="1758">
                  <c:v>437.58199999999999</c:v>
                </c:pt>
                <c:pt idx="1759">
                  <c:v>437.79599999999999</c:v>
                </c:pt>
                <c:pt idx="1760">
                  <c:v>438.05700000000002</c:v>
                </c:pt>
                <c:pt idx="1761">
                  <c:v>438.31900000000002</c:v>
                </c:pt>
                <c:pt idx="1762">
                  <c:v>438.56200000000001</c:v>
                </c:pt>
                <c:pt idx="1763">
                  <c:v>438.83</c:v>
                </c:pt>
                <c:pt idx="1764">
                  <c:v>439.08600000000001</c:v>
                </c:pt>
                <c:pt idx="1765">
                  <c:v>439.31599999999997</c:v>
                </c:pt>
                <c:pt idx="1766">
                  <c:v>439.536</c:v>
                </c:pt>
                <c:pt idx="1767">
                  <c:v>439.78399999999999</c:v>
                </c:pt>
                <c:pt idx="1768">
                  <c:v>439.99099999999999</c:v>
                </c:pt>
                <c:pt idx="1769">
                  <c:v>440.25700000000001</c:v>
                </c:pt>
                <c:pt idx="1770">
                  <c:v>440.322</c:v>
                </c:pt>
                <c:pt idx="1771">
                  <c:v>440.67899999999997</c:v>
                </c:pt>
                <c:pt idx="1772">
                  <c:v>441.012</c:v>
                </c:pt>
                <c:pt idx="1773">
                  <c:v>441.30500000000001</c:v>
                </c:pt>
                <c:pt idx="1774">
                  <c:v>441.577</c:v>
                </c:pt>
                <c:pt idx="1775">
                  <c:v>441.82799999999997</c:v>
                </c:pt>
                <c:pt idx="1776">
                  <c:v>442.10399999999998</c:v>
                </c:pt>
                <c:pt idx="1777">
                  <c:v>442.392</c:v>
                </c:pt>
                <c:pt idx="1778">
                  <c:v>442.66699999999997</c:v>
                </c:pt>
                <c:pt idx="1779">
                  <c:v>442.91500000000002</c:v>
                </c:pt>
                <c:pt idx="1780">
                  <c:v>443.17700000000002</c:v>
                </c:pt>
                <c:pt idx="1781">
                  <c:v>443.43299999999999</c:v>
                </c:pt>
                <c:pt idx="1782">
                  <c:v>443.71800000000002</c:v>
                </c:pt>
                <c:pt idx="1783">
                  <c:v>444.00200000000001</c:v>
                </c:pt>
                <c:pt idx="1784">
                  <c:v>444.26499999999999</c:v>
                </c:pt>
                <c:pt idx="1785">
                  <c:v>444.52800000000002</c:v>
                </c:pt>
                <c:pt idx="1786">
                  <c:v>444.79300000000001</c:v>
                </c:pt>
                <c:pt idx="1787">
                  <c:v>445.03899999999999</c:v>
                </c:pt>
                <c:pt idx="1788">
                  <c:v>445.27300000000002</c:v>
                </c:pt>
                <c:pt idx="1789">
                  <c:v>445.54599999999999</c:v>
                </c:pt>
                <c:pt idx="1790">
                  <c:v>445.83</c:v>
                </c:pt>
                <c:pt idx="1791">
                  <c:v>446.12099999999998</c:v>
                </c:pt>
                <c:pt idx="1792">
                  <c:v>446.387</c:v>
                </c:pt>
                <c:pt idx="1793">
                  <c:v>446.66</c:v>
                </c:pt>
                <c:pt idx="1794">
                  <c:v>446.93200000000002</c:v>
                </c:pt>
                <c:pt idx="1795">
                  <c:v>447.20100000000002</c:v>
                </c:pt>
                <c:pt idx="1796">
                  <c:v>447.32600000000002</c:v>
                </c:pt>
                <c:pt idx="1797">
                  <c:v>447.13299999999998</c:v>
                </c:pt>
                <c:pt idx="1798">
                  <c:v>447.14100000000002</c:v>
                </c:pt>
                <c:pt idx="1799">
                  <c:v>447.46300000000002</c:v>
                </c:pt>
                <c:pt idx="1800">
                  <c:v>448.12</c:v>
                </c:pt>
                <c:pt idx="1801">
                  <c:v>448.58100000000002</c:v>
                </c:pt>
                <c:pt idx="1802">
                  <c:v>448.37099999999998</c:v>
                </c:pt>
                <c:pt idx="1803">
                  <c:v>448.97199999999998</c:v>
                </c:pt>
                <c:pt idx="1804">
                  <c:v>449.24</c:v>
                </c:pt>
                <c:pt idx="1805">
                  <c:v>449.108</c:v>
                </c:pt>
                <c:pt idx="1806">
                  <c:v>449.37200000000001</c:v>
                </c:pt>
                <c:pt idx="1807">
                  <c:v>449.66</c:v>
                </c:pt>
                <c:pt idx="1808">
                  <c:v>450.27800000000002</c:v>
                </c:pt>
                <c:pt idx="1809">
                  <c:v>450.18200000000002</c:v>
                </c:pt>
                <c:pt idx="1810">
                  <c:v>450.416</c:v>
                </c:pt>
                <c:pt idx="1811">
                  <c:v>450.58699999999999</c:v>
                </c:pt>
                <c:pt idx="1812">
                  <c:v>451.31299999999999</c:v>
                </c:pt>
                <c:pt idx="1813">
                  <c:v>452.15800000000002</c:v>
                </c:pt>
                <c:pt idx="1814">
                  <c:v>452.76</c:v>
                </c:pt>
                <c:pt idx="1815">
                  <c:v>453.15800000000002</c:v>
                </c:pt>
                <c:pt idx="1816">
                  <c:v>453.48399999999998</c:v>
                </c:pt>
                <c:pt idx="1817">
                  <c:v>453.73099999999999</c:v>
                </c:pt>
                <c:pt idx="1818">
                  <c:v>453.98099999999999</c:v>
                </c:pt>
                <c:pt idx="1819">
                  <c:v>454.21300000000002</c:v>
                </c:pt>
                <c:pt idx="1820">
                  <c:v>454.44900000000001</c:v>
                </c:pt>
                <c:pt idx="1821">
                  <c:v>454.66699999999997</c:v>
                </c:pt>
                <c:pt idx="1822">
                  <c:v>454.86700000000002</c:v>
                </c:pt>
                <c:pt idx="1823">
                  <c:v>455.08</c:v>
                </c:pt>
                <c:pt idx="1824">
                  <c:v>455.31700000000001</c:v>
                </c:pt>
                <c:pt idx="1825">
                  <c:v>455.55</c:v>
                </c:pt>
                <c:pt idx="1826">
                  <c:v>455.78500000000003</c:v>
                </c:pt>
                <c:pt idx="1827">
                  <c:v>456.00200000000001</c:v>
                </c:pt>
                <c:pt idx="1828">
                  <c:v>456.233</c:v>
                </c:pt>
                <c:pt idx="1829">
                  <c:v>456.46199999999999</c:v>
                </c:pt>
                <c:pt idx="1830">
                  <c:v>456.67099999999999</c:v>
                </c:pt>
                <c:pt idx="1831">
                  <c:v>456.89400000000001</c:v>
                </c:pt>
                <c:pt idx="1832">
                  <c:v>457.101</c:v>
                </c:pt>
                <c:pt idx="1833">
                  <c:v>457.29399999999998</c:v>
                </c:pt>
                <c:pt idx="1834">
                  <c:v>457.51</c:v>
                </c:pt>
                <c:pt idx="1835">
                  <c:v>457.71800000000002</c:v>
                </c:pt>
                <c:pt idx="1836">
                  <c:v>457.92</c:v>
                </c:pt>
                <c:pt idx="1837">
                  <c:v>457.73099999999999</c:v>
                </c:pt>
                <c:pt idx="1838">
                  <c:v>458.15800000000002</c:v>
                </c:pt>
                <c:pt idx="1839">
                  <c:v>458.51100000000002</c:v>
                </c:pt>
                <c:pt idx="1840">
                  <c:v>458.81099999999998</c:v>
                </c:pt>
                <c:pt idx="1841">
                  <c:v>458.88299999999998</c:v>
                </c:pt>
                <c:pt idx="1842">
                  <c:v>459.22300000000001</c:v>
                </c:pt>
                <c:pt idx="1843">
                  <c:v>459.54700000000003</c:v>
                </c:pt>
                <c:pt idx="1844">
                  <c:v>459.85199999999998</c:v>
                </c:pt>
                <c:pt idx="1845">
                  <c:v>460.125</c:v>
                </c:pt>
                <c:pt idx="1846">
                  <c:v>460.39600000000002</c:v>
                </c:pt>
                <c:pt idx="1847">
                  <c:v>460.666</c:v>
                </c:pt>
                <c:pt idx="1848">
                  <c:v>460.91500000000002</c:v>
                </c:pt>
                <c:pt idx="1849">
                  <c:v>460.78</c:v>
                </c:pt>
                <c:pt idx="1850">
                  <c:v>461.21</c:v>
                </c:pt>
                <c:pt idx="1851">
                  <c:v>461.46199999999999</c:v>
                </c:pt>
                <c:pt idx="1852">
                  <c:v>461.84399999999999</c:v>
                </c:pt>
                <c:pt idx="1853">
                  <c:v>461.83199999999999</c:v>
                </c:pt>
                <c:pt idx="1854">
                  <c:v>462.26100000000002</c:v>
                </c:pt>
                <c:pt idx="1855">
                  <c:v>462.66800000000001</c:v>
                </c:pt>
                <c:pt idx="1856">
                  <c:v>463.02199999999999</c:v>
                </c:pt>
                <c:pt idx="1857">
                  <c:v>463.31900000000002</c:v>
                </c:pt>
                <c:pt idx="1858">
                  <c:v>463.62099999999998</c:v>
                </c:pt>
                <c:pt idx="1859">
                  <c:v>463.84899999999999</c:v>
                </c:pt>
                <c:pt idx="1860">
                  <c:v>463.55399999999997</c:v>
                </c:pt>
                <c:pt idx="1861">
                  <c:v>463.30099999999999</c:v>
                </c:pt>
                <c:pt idx="1862">
                  <c:v>463.99700000000001</c:v>
                </c:pt>
                <c:pt idx="1863">
                  <c:v>464.68900000000002</c:v>
                </c:pt>
                <c:pt idx="1864">
                  <c:v>465.17</c:v>
                </c:pt>
                <c:pt idx="1865">
                  <c:v>465.57</c:v>
                </c:pt>
                <c:pt idx="1866">
                  <c:v>465.875</c:v>
                </c:pt>
                <c:pt idx="1867">
                  <c:v>466.17500000000001</c:v>
                </c:pt>
                <c:pt idx="1868">
                  <c:v>466.44099999999997</c:v>
                </c:pt>
                <c:pt idx="1869">
                  <c:v>466.71899999999999</c:v>
                </c:pt>
                <c:pt idx="1870">
                  <c:v>466.98700000000002</c:v>
                </c:pt>
                <c:pt idx="1871">
                  <c:v>467.23200000000003</c:v>
                </c:pt>
                <c:pt idx="1872">
                  <c:v>467.20600000000002</c:v>
                </c:pt>
                <c:pt idx="1873">
                  <c:v>467.03199999999998</c:v>
                </c:pt>
                <c:pt idx="1874">
                  <c:v>466.983</c:v>
                </c:pt>
                <c:pt idx="1875">
                  <c:v>467.18900000000002</c:v>
                </c:pt>
                <c:pt idx="1876">
                  <c:v>467.17</c:v>
                </c:pt>
                <c:pt idx="1877">
                  <c:v>467.70100000000002</c:v>
                </c:pt>
                <c:pt idx="1878">
                  <c:v>468.54599999999999</c:v>
                </c:pt>
                <c:pt idx="1879">
                  <c:v>469.161</c:v>
                </c:pt>
                <c:pt idx="1880">
                  <c:v>469.59699999999998</c:v>
                </c:pt>
                <c:pt idx="1881">
                  <c:v>469.96600000000001</c:v>
                </c:pt>
                <c:pt idx="1882">
                  <c:v>470.30700000000002</c:v>
                </c:pt>
                <c:pt idx="1883">
                  <c:v>470.61099999999999</c:v>
                </c:pt>
                <c:pt idx="1884">
                  <c:v>470.88900000000001</c:v>
                </c:pt>
                <c:pt idx="1885">
                  <c:v>471.12</c:v>
                </c:pt>
                <c:pt idx="1886">
                  <c:v>471.25</c:v>
                </c:pt>
                <c:pt idx="1887">
                  <c:v>471.26600000000002</c:v>
                </c:pt>
                <c:pt idx="1888">
                  <c:v>471.50200000000001</c:v>
                </c:pt>
                <c:pt idx="1889">
                  <c:v>471.988</c:v>
                </c:pt>
                <c:pt idx="1890">
                  <c:v>472.35199999999998</c:v>
                </c:pt>
                <c:pt idx="1891">
                  <c:v>472.35599999999999</c:v>
                </c:pt>
                <c:pt idx="1892">
                  <c:v>472.66399999999999</c:v>
                </c:pt>
                <c:pt idx="1893">
                  <c:v>473.12</c:v>
                </c:pt>
                <c:pt idx="1894">
                  <c:v>473.476</c:v>
                </c:pt>
                <c:pt idx="1895">
                  <c:v>473.77199999999999</c:v>
                </c:pt>
                <c:pt idx="1896">
                  <c:v>474.05099999999999</c:v>
                </c:pt>
                <c:pt idx="1897">
                  <c:v>474.32400000000001</c:v>
                </c:pt>
                <c:pt idx="1898">
                  <c:v>474.58699999999999</c:v>
                </c:pt>
                <c:pt idx="1899">
                  <c:v>474.66199999999998</c:v>
                </c:pt>
                <c:pt idx="1900">
                  <c:v>474.98700000000002</c:v>
                </c:pt>
                <c:pt idx="1901">
                  <c:v>475.29</c:v>
                </c:pt>
                <c:pt idx="1902">
                  <c:v>475.55900000000003</c:v>
                </c:pt>
                <c:pt idx="1903">
                  <c:v>475.79500000000002</c:v>
                </c:pt>
                <c:pt idx="1904">
                  <c:v>476.03300000000002</c:v>
                </c:pt>
                <c:pt idx="1905">
                  <c:v>476.27199999999999</c:v>
                </c:pt>
                <c:pt idx="1906">
                  <c:v>476.47199999999998</c:v>
                </c:pt>
                <c:pt idx="1907">
                  <c:v>476.68200000000002</c:v>
                </c:pt>
                <c:pt idx="1908">
                  <c:v>476.92099999999999</c:v>
                </c:pt>
                <c:pt idx="1909">
                  <c:v>477.16699999999997</c:v>
                </c:pt>
                <c:pt idx="1910">
                  <c:v>477.40499999999997</c:v>
                </c:pt>
                <c:pt idx="1911">
                  <c:v>477.64699999999999</c:v>
                </c:pt>
                <c:pt idx="1912">
                  <c:v>477.91</c:v>
                </c:pt>
                <c:pt idx="1913">
                  <c:v>478.15300000000002</c:v>
                </c:pt>
                <c:pt idx="1914">
                  <c:v>478.33</c:v>
                </c:pt>
                <c:pt idx="1915">
                  <c:v>478.64299999999997</c:v>
                </c:pt>
                <c:pt idx="1916">
                  <c:v>478.97699999999998</c:v>
                </c:pt>
                <c:pt idx="1917">
                  <c:v>479.26100000000002</c:v>
                </c:pt>
                <c:pt idx="1918">
                  <c:v>479.54399999999998</c:v>
                </c:pt>
                <c:pt idx="1919">
                  <c:v>479.80099999999999</c:v>
                </c:pt>
                <c:pt idx="1920">
                  <c:v>480.06700000000001</c:v>
                </c:pt>
                <c:pt idx="1921">
                  <c:v>480.32799999999997</c:v>
                </c:pt>
                <c:pt idx="1922">
                  <c:v>480.59399999999999</c:v>
                </c:pt>
                <c:pt idx="1923">
                  <c:v>480.84199999999998</c:v>
                </c:pt>
                <c:pt idx="1924">
                  <c:v>481.08699999999999</c:v>
                </c:pt>
                <c:pt idx="1925">
                  <c:v>481.31</c:v>
                </c:pt>
                <c:pt idx="1926">
                  <c:v>481.53800000000001</c:v>
                </c:pt>
                <c:pt idx="1927">
                  <c:v>481.774</c:v>
                </c:pt>
                <c:pt idx="1928">
                  <c:v>482.05200000000002</c:v>
                </c:pt>
                <c:pt idx="1929">
                  <c:v>482.32499999999999</c:v>
                </c:pt>
                <c:pt idx="1930">
                  <c:v>482.61700000000002</c:v>
                </c:pt>
                <c:pt idx="1931">
                  <c:v>482.904</c:v>
                </c:pt>
                <c:pt idx="1932">
                  <c:v>483.149</c:v>
                </c:pt>
                <c:pt idx="1933">
                  <c:v>483.404</c:v>
                </c:pt>
                <c:pt idx="1934">
                  <c:v>483.67899999999997</c:v>
                </c:pt>
                <c:pt idx="1935">
                  <c:v>483.964</c:v>
                </c:pt>
                <c:pt idx="1936">
                  <c:v>484.24900000000002</c:v>
                </c:pt>
                <c:pt idx="1937">
                  <c:v>484.51299999999998</c:v>
                </c:pt>
                <c:pt idx="1938">
                  <c:v>484.80099999999999</c:v>
                </c:pt>
                <c:pt idx="1939">
                  <c:v>484.85199999999998</c:v>
                </c:pt>
                <c:pt idx="1940">
                  <c:v>485.23</c:v>
                </c:pt>
                <c:pt idx="1941">
                  <c:v>485.553</c:v>
                </c:pt>
                <c:pt idx="1942">
                  <c:v>485.55200000000002</c:v>
                </c:pt>
                <c:pt idx="1943">
                  <c:v>485.23200000000003</c:v>
                </c:pt>
                <c:pt idx="1944">
                  <c:v>485.59199999999998</c:v>
                </c:pt>
                <c:pt idx="1945">
                  <c:v>485.553</c:v>
                </c:pt>
                <c:pt idx="1946">
                  <c:v>485.83</c:v>
                </c:pt>
                <c:pt idx="1947">
                  <c:v>486.73</c:v>
                </c:pt>
                <c:pt idx="1948">
                  <c:v>487.44799999999998</c:v>
                </c:pt>
                <c:pt idx="1949">
                  <c:v>487.95800000000003</c:v>
                </c:pt>
                <c:pt idx="1950">
                  <c:v>488.33800000000002</c:v>
                </c:pt>
                <c:pt idx="1951">
                  <c:v>488.66800000000001</c:v>
                </c:pt>
                <c:pt idx="1952">
                  <c:v>488.97800000000001</c:v>
                </c:pt>
                <c:pt idx="1953">
                  <c:v>489.27</c:v>
                </c:pt>
                <c:pt idx="1954">
                  <c:v>489.56900000000002</c:v>
                </c:pt>
                <c:pt idx="1955">
                  <c:v>489.83699999999999</c:v>
                </c:pt>
                <c:pt idx="1956">
                  <c:v>490.10500000000002</c:v>
                </c:pt>
                <c:pt idx="1957">
                  <c:v>490.34699999999998</c:v>
                </c:pt>
                <c:pt idx="1958">
                  <c:v>490.59100000000001</c:v>
                </c:pt>
                <c:pt idx="1959">
                  <c:v>490.83800000000002</c:v>
                </c:pt>
                <c:pt idx="1960">
                  <c:v>491.07600000000002</c:v>
                </c:pt>
                <c:pt idx="1961">
                  <c:v>491.32400000000001</c:v>
                </c:pt>
                <c:pt idx="1962">
                  <c:v>491.584</c:v>
                </c:pt>
                <c:pt idx="1963">
                  <c:v>491.834</c:v>
                </c:pt>
                <c:pt idx="1964">
                  <c:v>492.08300000000003</c:v>
                </c:pt>
                <c:pt idx="1965">
                  <c:v>492.34199999999998</c:v>
                </c:pt>
                <c:pt idx="1966">
                  <c:v>492.596</c:v>
                </c:pt>
                <c:pt idx="1967">
                  <c:v>492.71699999999998</c:v>
                </c:pt>
                <c:pt idx="1968">
                  <c:v>492.97300000000001</c:v>
                </c:pt>
                <c:pt idx="1969">
                  <c:v>493.29199999999997</c:v>
                </c:pt>
                <c:pt idx="1970">
                  <c:v>493.56400000000002</c:v>
                </c:pt>
                <c:pt idx="1971">
                  <c:v>493.81900000000002</c:v>
                </c:pt>
                <c:pt idx="1972">
                  <c:v>494.05</c:v>
                </c:pt>
                <c:pt idx="1973">
                  <c:v>494.25799999999998</c:v>
                </c:pt>
                <c:pt idx="1974">
                  <c:v>494.50700000000001</c:v>
                </c:pt>
                <c:pt idx="1975">
                  <c:v>494.78500000000003</c:v>
                </c:pt>
                <c:pt idx="1976">
                  <c:v>495.02499999999998</c:v>
                </c:pt>
                <c:pt idx="1977">
                  <c:v>495.262</c:v>
                </c:pt>
                <c:pt idx="1978">
                  <c:v>495.52600000000001</c:v>
                </c:pt>
                <c:pt idx="1979">
                  <c:v>495.74599999999998</c:v>
                </c:pt>
                <c:pt idx="1980">
                  <c:v>495.22500000000002</c:v>
                </c:pt>
                <c:pt idx="1981">
                  <c:v>495.42599999999999</c:v>
                </c:pt>
                <c:pt idx="1982">
                  <c:v>496.166</c:v>
                </c:pt>
                <c:pt idx="1983">
                  <c:v>496.69799999999998</c:v>
                </c:pt>
                <c:pt idx="1984">
                  <c:v>497.096</c:v>
                </c:pt>
                <c:pt idx="1985">
                  <c:v>497.42700000000002</c:v>
                </c:pt>
                <c:pt idx="1986">
                  <c:v>497.56700000000001</c:v>
                </c:pt>
                <c:pt idx="1987">
                  <c:v>497.43</c:v>
                </c:pt>
                <c:pt idx="1988">
                  <c:v>497.69200000000001</c:v>
                </c:pt>
                <c:pt idx="1989">
                  <c:v>497.88499999999999</c:v>
                </c:pt>
                <c:pt idx="1990">
                  <c:v>498.517</c:v>
                </c:pt>
                <c:pt idx="1991">
                  <c:v>499.01100000000002</c:v>
                </c:pt>
                <c:pt idx="1992">
                  <c:v>499.38600000000002</c:v>
                </c:pt>
                <c:pt idx="1993">
                  <c:v>499.69400000000002</c:v>
                </c:pt>
                <c:pt idx="1994">
                  <c:v>499.98500000000001</c:v>
                </c:pt>
                <c:pt idx="1995">
                  <c:v>500.24900000000002</c:v>
                </c:pt>
                <c:pt idx="1996">
                  <c:v>500.495</c:v>
                </c:pt>
                <c:pt idx="1997">
                  <c:v>500.74099999999999</c:v>
                </c:pt>
                <c:pt idx="1998">
                  <c:v>501.01100000000002</c:v>
                </c:pt>
                <c:pt idx="1999">
                  <c:v>501.28699999999998</c:v>
                </c:pt>
                <c:pt idx="2000">
                  <c:v>501.56200000000001</c:v>
                </c:pt>
                <c:pt idx="2001">
                  <c:v>501.44</c:v>
                </c:pt>
                <c:pt idx="2002">
                  <c:v>501.84399999999999</c:v>
                </c:pt>
                <c:pt idx="2003">
                  <c:v>502.233</c:v>
                </c:pt>
                <c:pt idx="2004">
                  <c:v>502.53800000000001</c:v>
                </c:pt>
                <c:pt idx="2005">
                  <c:v>502.80399999999997</c:v>
                </c:pt>
                <c:pt idx="2006">
                  <c:v>503.13299999999998</c:v>
                </c:pt>
                <c:pt idx="2007">
                  <c:v>503.43700000000001</c:v>
                </c:pt>
                <c:pt idx="2008">
                  <c:v>503.70600000000002</c:v>
                </c:pt>
                <c:pt idx="2009">
                  <c:v>503.91399999999999</c:v>
                </c:pt>
                <c:pt idx="2010">
                  <c:v>503.67200000000003</c:v>
                </c:pt>
                <c:pt idx="2011">
                  <c:v>503.64499999999998</c:v>
                </c:pt>
                <c:pt idx="2012">
                  <c:v>503.70600000000002</c:v>
                </c:pt>
                <c:pt idx="2013">
                  <c:v>504</c:v>
                </c:pt>
                <c:pt idx="2014">
                  <c:v>504.28399999999999</c:v>
                </c:pt>
                <c:pt idx="2015">
                  <c:v>504.79599999999999</c:v>
                </c:pt>
                <c:pt idx="2016">
                  <c:v>505.16699999999997</c:v>
                </c:pt>
                <c:pt idx="2017">
                  <c:v>505.851</c:v>
                </c:pt>
                <c:pt idx="2018">
                  <c:v>506.34699999999998</c:v>
                </c:pt>
                <c:pt idx="2019">
                  <c:v>506.73599999999999</c:v>
                </c:pt>
                <c:pt idx="2020">
                  <c:v>507.07499999999999</c:v>
                </c:pt>
                <c:pt idx="2021">
                  <c:v>507.375</c:v>
                </c:pt>
                <c:pt idx="2022">
                  <c:v>507.63900000000001</c:v>
                </c:pt>
                <c:pt idx="2023">
                  <c:v>507.89100000000002</c:v>
                </c:pt>
                <c:pt idx="2024">
                  <c:v>508.13200000000001</c:v>
                </c:pt>
                <c:pt idx="2025">
                  <c:v>508.38200000000001</c:v>
                </c:pt>
                <c:pt idx="2026">
                  <c:v>508.625</c:v>
                </c:pt>
                <c:pt idx="2027">
                  <c:v>508.88099999999997</c:v>
                </c:pt>
                <c:pt idx="2028">
                  <c:v>509.13400000000001</c:v>
                </c:pt>
                <c:pt idx="2029">
                  <c:v>509.39299999999997</c:v>
                </c:pt>
                <c:pt idx="2030">
                  <c:v>509.64100000000002</c:v>
                </c:pt>
                <c:pt idx="2031">
                  <c:v>509.89600000000002</c:v>
                </c:pt>
                <c:pt idx="2032">
                  <c:v>510.15499999999997</c:v>
                </c:pt>
                <c:pt idx="2033">
                  <c:v>510.39600000000002</c:v>
                </c:pt>
                <c:pt idx="2034">
                  <c:v>510.42200000000003</c:v>
                </c:pt>
                <c:pt idx="2035">
                  <c:v>510.75400000000002</c:v>
                </c:pt>
                <c:pt idx="2036">
                  <c:v>511.09300000000002</c:v>
                </c:pt>
                <c:pt idx="2037">
                  <c:v>511.39699999999999</c:v>
                </c:pt>
                <c:pt idx="2038">
                  <c:v>511.66699999999997</c:v>
                </c:pt>
                <c:pt idx="2039">
                  <c:v>511.93799999999999</c:v>
                </c:pt>
                <c:pt idx="2040">
                  <c:v>512.16999999999996</c:v>
                </c:pt>
                <c:pt idx="2041">
                  <c:v>512.13300000000004</c:v>
                </c:pt>
                <c:pt idx="2042">
                  <c:v>512.37699999999995</c:v>
                </c:pt>
                <c:pt idx="2043">
                  <c:v>512.17499999999995</c:v>
                </c:pt>
                <c:pt idx="2044">
                  <c:v>512.22199999999998</c:v>
                </c:pt>
                <c:pt idx="2045">
                  <c:v>513.02099999999996</c:v>
                </c:pt>
                <c:pt idx="2046">
                  <c:v>513.58500000000004</c:v>
                </c:pt>
                <c:pt idx="2047">
                  <c:v>514.02200000000005</c:v>
                </c:pt>
                <c:pt idx="2048">
                  <c:v>514.38300000000004</c:v>
                </c:pt>
                <c:pt idx="2049">
                  <c:v>514.70799999999997</c:v>
                </c:pt>
                <c:pt idx="2050">
                  <c:v>515.00800000000004</c:v>
                </c:pt>
                <c:pt idx="2051">
                  <c:v>515.29499999999996</c:v>
                </c:pt>
                <c:pt idx="2052">
                  <c:v>515.58399999999995</c:v>
                </c:pt>
                <c:pt idx="2053">
                  <c:v>515.85</c:v>
                </c:pt>
                <c:pt idx="2054">
                  <c:v>516.1</c:v>
                </c:pt>
                <c:pt idx="2055">
                  <c:v>516.34199999999998</c:v>
                </c:pt>
                <c:pt idx="2056">
                  <c:v>516.59799999999996</c:v>
                </c:pt>
                <c:pt idx="2057">
                  <c:v>516.87800000000004</c:v>
                </c:pt>
                <c:pt idx="2058">
                  <c:v>517.13900000000001</c:v>
                </c:pt>
                <c:pt idx="2059">
                  <c:v>517.36500000000001</c:v>
                </c:pt>
                <c:pt idx="2060">
                  <c:v>517.59699999999998</c:v>
                </c:pt>
                <c:pt idx="2061">
                  <c:v>517.83699999999999</c:v>
                </c:pt>
                <c:pt idx="2062">
                  <c:v>518.06399999999996</c:v>
                </c:pt>
                <c:pt idx="2063">
                  <c:v>518.31299999999999</c:v>
                </c:pt>
                <c:pt idx="2064">
                  <c:v>518.57299999999998</c:v>
                </c:pt>
                <c:pt idx="2065">
                  <c:v>518.82399999999996</c:v>
                </c:pt>
                <c:pt idx="2066">
                  <c:v>519.08100000000002</c:v>
                </c:pt>
                <c:pt idx="2067">
                  <c:v>519.327</c:v>
                </c:pt>
                <c:pt idx="2068">
                  <c:v>519.56899999999996</c:v>
                </c:pt>
                <c:pt idx="2069">
                  <c:v>519.82299999999998</c:v>
                </c:pt>
                <c:pt idx="2070">
                  <c:v>520.06799999999998</c:v>
                </c:pt>
                <c:pt idx="2071">
                  <c:v>520.32600000000002</c:v>
                </c:pt>
                <c:pt idx="2072">
                  <c:v>520.58100000000002</c:v>
                </c:pt>
                <c:pt idx="2073">
                  <c:v>520.83299999999997</c:v>
                </c:pt>
                <c:pt idx="2074">
                  <c:v>521.12300000000005</c:v>
                </c:pt>
                <c:pt idx="2075">
                  <c:v>521.38599999999997</c:v>
                </c:pt>
                <c:pt idx="2076">
                  <c:v>521.65499999999997</c:v>
                </c:pt>
                <c:pt idx="2077">
                  <c:v>521.904</c:v>
                </c:pt>
                <c:pt idx="2078">
                  <c:v>522.15599999999995</c:v>
                </c:pt>
                <c:pt idx="2079">
                  <c:v>522.35599999999999</c:v>
                </c:pt>
                <c:pt idx="2080">
                  <c:v>522.14200000000005</c:v>
                </c:pt>
                <c:pt idx="2081">
                  <c:v>522.41200000000003</c:v>
                </c:pt>
                <c:pt idx="2082">
                  <c:v>522.90800000000002</c:v>
                </c:pt>
                <c:pt idx="2083">
                  <c:v>523.31399999999996</c:v>
                </c:pt>
                <c:pt idx="2084">
                  <c:v>523.64400000000001</c:v>
                </c:pt>
                <c:pt idx="2085">
                  <c:v>523.976</c:v>
                </c:pt>
                <c:pt idx="2086">
                  <c:v>524.322</c:v>
                </c:pt>
                <c:pt idx="2087">
                  <c:v>524.65300000000002</c:v>
                </c:pt>
                <c:pt idx="2088">
                  <c:v>524.94500000000005</c:v>
                </c:pt>
                <c:pt idx="2089">
                  <c:v>525.21900000000005</c:v>
                </c:pt>
                <c:pt idx="2090">
                  <c:v>525.47500000000002</c:v>
                </c:pt>
                <c:pt idx="2091">
                  <c:v>525.72400000000005</c:v>
                </c:pt>
                <c:pt idx="2092">
                  <c:v>526.00199999999995</c:v>
                </c:pt>
                <c:pt idx="2093">
                  <c:v>526.29300000000001</c:v>
                </c:pt>
                <c:pt idx="2094">
                  <c:v>526.58699999999999</c:v>
                </c:pt>
                <c:pt idx="2095">
                  <c:v>526.86599999999999</c:v>
                </c:pt>
                <c:pt idx="2096">
                  <c:v>527.14200000000005</c:v>
                </c:pt>
                <c:pt idx="2097">
                  <c:v>527.41999999999996</c:v>
                </c:pt>
                <c:pt idx="2098">
                  <c:v>527.68899999999996</c:v>
                </c:pt>
                <c:pt idx="2099">
                  <c:v>527.95799999999997</c:v>
                </c:pt>
                <c:pt idx="2100">
                  <c:v>528.221</c:v>
                </c:pt>
                <c:pt idx="2101">
                  <c:v>528.48299999999995</c:v>
                </c:pt>
                <c:pt idx="2102">
                  <c:v>528.74300000000005</c:v>
                </c:pt>
                <c:pt idx="2103">
                  <c:v>528.98900000000003</c:v>
                </c:pt>
                <c:pt idx="2104">
                  <c:v>529.25099999999998</c:v>
                </c:pt>
                <c:pt idx="2105">
                  <c:v>529.51099999999997</c:v>
                </c:pt>
                <c:pt idx="2106">
                  <c:v>529.78300000000002</c:v>
                </c:pt>
                <c:pt idx="2107">
                  <c:v>530.02499999999998</c:v>
                </c:pt>
                <c:pt idx="2108">
                  <c:v>530.28</c:v>
                </c:pt>
                <c:pt idx="2109">
                  <c:v>530.52200000000005</c:v>
                </c:pt>
                <c:pt idx="2110">
                  <c:v>530.78200000000004</c:v>
                </c:pt>
                <c:pt idx="2111">
                  <c:v>531.05899999999997</c:v>
                </c:pt>
                <c:pt idx="2112">
                  <c:v>531.32399999999996</c:v>
                </c:pt>
                <c:pt idx="2113">
                  <c:v>531.59100000000001</c:v>
                </c:pt>
                <c:pt idx="2114">
                  <c:v>531.82000000000005</c:v>
                </c:pt>
                <c:pt idx="2115">
                  <c:v>532.06500000000005</c:v>
                </c:pt>
                <c:pt idx="2116">
                  <c:v>532.32600000000002</c:v>
                </c:pt>
                <c:pt idx="2117">
                  <c:v>532.58199999999999</c:v>
                </c:pt>
                <c:pt idx="2118">
                  <c:v>532.83500000000004</c:v>
                </c:pt>
                <c:pt idx="2119">
                  <c:v>533.08699999999999</c:v>
                </c:pt>
                <c:pt idx="2120">
                  <c:v>533.34</c:v>
                </c:pt>
                <c:pt idx="2121">
                  <c:v>533.61599999999999</c:v>
                </c:pt>
                <c:pt idx="2122">
                  <c:v>533.87900000000002</c:v>
                </c:pt>
                <c:pt idx="2123">
                  <c:v>534.15300000000002</c:v>
                </c:pt>
                <c:pt idx="2124">
                  <c:v>534.39700000000005</c:v>
                </c:pt>
                <c:pt idx="2125">
                  <c:v>534.66499999999996</c:v>
                </c:pt>
                <c:pt idx="2126">
                  <c:v>534.93600000000004</c:v>
                </c:pt>
                <c:pt idx="2127">
                  <c:v>535.20500000000004</c:v>
                </c:pt>
                <c:pt idx="2128">
                  <c:v>535.46799999999996</c:v>
                </c:pt>
                <c:pt idx="2129">
                  <c:v>535.73500000000001</c:v>
                </c:pt>
                <c:pt idx="2130">
                  <c:v>536.01099999999997</c:v>
                </c:pt>
                <c:pt idx="2131">
                  <c:v>536.27200000000005</c:v>
                </c:pt>
                <c:pt idx="2132">
                  <c:v>536.54499999999996</c:v>
                </c:pt>
                <c:pt idx="2133">
                  <c:v>536.81399999999996</c:v>
                </c:pt>
                <c:pt idx="2134">
                  <c:v>537.07899999999995</c:v>
                </c:pt>
                <c:pt idx="2135">
                  <c:v>537.33799999999997</c:v>
                </c:pt>
                <c:pt idx="2136">
                  <c:v>537.60199999999998</c:v>
                </c:pt>
                <c:pt idx="2137">
                  <c:v>537.851</c:v>
                </c:pt>
                <c:pt idx="2138">
                  <c:v>538.11099999999999</c:v>
                </c:pt>
                <c:pt idx="2139">
                  <c:v>538.37800000000004</c:v>
                </c:pt>
                <c:pt idx="2140">
                  <c:v>538.63900000000001</c:v>
                </c:pt>
                <c:pt idx="2141">
                  <c:v>538.89</c:v>
                </c:pt>
                <c:pt idx="2142">
                  <c:v>539.13499999999999</c:v>
                </c:pt>
                <c:pt idx="2143">
                  <c:v>539.39300000000003</c:v>
                </c:pt>
                <c:pt idx="2144">
                  <c:v>539.673</c:v>
                </c:pt>
                <c:pt idx="2145">
                  <c:v>539.94000000000005</c:v>
                </c:pt>
                <c:pt idx="2146">
                  <c:v>540.21500000000003</c:v>
                </c:pt>
                <c:pt idx="2147">
                  <c:v>540.47900000000004</c:v>
                </c:pt>
                <c:pt idx="2148">
                  <c:v>540.72900000000004</c:v>
                </c:pt>
                <c:pt idx="2149">
                  <c:v>540.92399999999998</c:v>
                </c:pt>
                <c:pt idx="2150">
                  <c:v>541.16300000000001</c:v>
                </c:pt>
                <c:pt idx="2151">
                  <c:v>541.40300000000002</c:v>
                </c:pt>
                <c:pt idx="2152">
                  <c:v>541.64800000000002</c:v>
                </c:pt>
                <c:pt idx="2153">
                  <c:v>541.88699999999994</c:v>
                </c:pt>
                <c:pt idx="2154">
                  <c:v>542.14099999999996</c:v>
                </c:pt>
                <c:pt idx="2155">
                  <c:v>542.47199999999998</c:v>
                </c:pt>
                <c:pt idx="2156">
                  <c:v>542.75699999999995</c:v>
                </c:pt>
                <c:pt idx="2157">
                  <c:v>543.03399999999999</c:v>
                </c:pt>
                <c:pt idx="2158">
                  <c:v>543.31700000000001</c:v>
                </c:pt>
                <c:pt idx="2159">
                  <c:v>543.59</c:v>
                </c:pt>
                <c:pt idx="2160">
                  <c:v>543.84699999999998</c:v>
                </c:pt>
                <c:pt idx="2161">
                  <c:v>544.10500000000002</c:v>
                </c:pt>
                <c:pt idx="2162">
                  <c:v>544.36900000000003</c:v>
                </c:pt>
                <c:pt idx="2163">
                  <c:v>544.63400000000001</c:v>
                </c:pt>
                <c:pt idx="2164">
                  <c:v>544.86800000000005</c:v>
                </c:pt>
                <c:pt idx="2165">
                  <c:v>545.10799999999995</c:v>
                </c:pt>
                <c:pt idx="2166">
                  <c:v>545.35799999999995</c:v>
                </c:pt>
                <c:pt idx="2167">
                  <c:v>545.601</c:v>
                </c:pt>
                <c:pt idx="2168">
                  <c:v>545.85400000000004</c:v>
                </c:pt>
                <c:pt idx="2169">
                  <c:v>546.09900000000005</c:v>
                </c:pt>
                <c:pt idx="2170">
                  <c:v>546.31500000000005</c:v>
                </c:pt>
                <c:pt idx="2171">
                  <c:v>546.54200000000003</c:v>
                </c:pt>
                <c:pt idx="2172">
                  <c:v>546.75</c:v>
                </c:pt>
                <c:pt idx="2173">
                  <c:v>547.01400000000001</c:v>
                </c:pt>
                <c:pt idx="2174">
                  <c:v>547.26</c:v>
                </c:pt>
                <c:pt idx="2175">
                  <c:v>547.38</c:v>
                </c:pt>
                <c:pt idx="2176">
                  <c:v>547.37099999999998</c:v>
                </c:pt>
                <c:pt idx="2177">
                  <c:v>547.83600000000001</c:v>
                </c:pt>
                <c:pt idx="2178">
                  <c:v>548.21299999999997</c:v>
                </c:pt>
                <c:pt idx="2179">
                  <c:v>548.53200000000004</c:v>
                </c:pt>
                <c:pt idx="2180">
                  <c:v>548.82899999999995</c:v>
                </c:pt>
                <c:pt idx="2181">
                  <c:v>549.15200000000004</c:v>
                </c:pt>
                <c:pt idx="2182">
                  <c:v>549.44000000000005</c:v>
                </c:pt>
                <c:pt idx="2183">
                  <c:v>549.72</c:v>
                </c:pt>
                <c:pt idx="2184">
                  <c:v>549.98699999999997</c:v>
                </c:pt>
                <c:pt idx="2185">
                  <c:v>550.23699999999997</c:v>
                </c:pt>
                <c:pt idx="2186">
                  <c:v>550.47500000000002</c:v>
                </c:pt>
                <c:pt idx="2187">
                  <c:v>550.70799999999997</c:v>
                </c:pt>
                <c:pt idx="2188">
                  <c:v>550.95299999999997</c:v>
                </c:pt>
                <c:pt idx="2189">
                  <c:v>551.19500000000005</c:v>
                </c:pt>
                <c:pt idx="2190">
                  <c:v>551.44500000000005</c:v>
                </c:pt>
                <c:pt idx="2191">
                  <c:v>551.697</c:v>
                </c:pt>
                <c:pt idx="2192">
                  <c:v>551.96</c:v>
                </c:pt>
                <c:pt idx="2193">
                  <c:v>552.18799999999999</c:v>
                </c:pt>
                <c:pt idx="2194">
                  <c:v>552.44399999999996</c:v>
                </c:pt>
                <c:pt idx="2195">
                  <c:v>552.69399999999996</c:v>
                </c:pt>
                <c:pt idx="2196">
                  <c:v>552.93799999999999</c:v>
                </c:pt>
                <c:pt idx="2197">
                  <c:v>553.17600000000004</c:v>
                </c:pt>
                <c:pt idx="2198">
                  <c:v>553.44500000000005</c:v>
                </c:pt>
                <c:pt idx="2199">
                  <c:v>553.71600000000001</c:v>
                </c:pt>
                <c:pt idx="2200">
                  <c:v>553.97900000000004</c:v>
                </c:pt>
                <c:pt idx="2201">
                  <c:v>554.23</c:v>
                </c:pt>
                <c:pt idx="2202">
                  <c:v>554.48699999999997</c:v>
                </c:pt>
                <c:pt idx="2203">
                  <c:v>554.74300000000005</c:v>
                </c:pt>
                <c:pt idx="2204">
                  <c:v>555.00699999999995</c:v>
                </c:pt>
                <c:pt idx="2205">
                  <c:v>555.25199999999995</c:v>
                </c:pt>
                <c:pt idx="2206">
                  <c:v>555.49</c:v>
                </c:pt>
                <c:pt idx="2207">
                  <c:v>555.74599999999998</c:v>
                </c:pt>
                <c:pt idx="2208">
                  <c:v>556.02200000000005</c:v>
                </c:pt>
                <c:pt idx="2209">
                  <c:v>556.27300000000002</c:v>
                </c:pt>
                <c:pt idx="2210">
                  <c:v>556.524</c:v>
                </c:pt>
                <c:pt idx="2211">
                  <c:v>556.78399999999999</c:v>
                </c:pt>
                <c:pt idx="2212">
                  <c:v>557.05499999999995</c:v>
                </c:pt>
                <c:pt idx="2213">
                  <c:v>557.29899999999998</c:v>
                </c:pt>
                <c:pt idx="2214">
                  <c:v>557.53399999999999</c:v>
                </c:pt>
                <c:pt idx="2215">
                  <c:v>557.35699999999997</c:v>
                </c:pt>
                <c:pt idx="2216">
                  <c:v>557.17700000000002</c:v>
                </c:pt>
                <c:pt idx="2217">
                  <c:v>556.92899999999997</c:v>
                </c:pt>
                <c:pt idx="2218">
                  <c:v>556.87699999999995</c:v>
                </c:pt>
                <c:pt idx="2219">
                  <c:v>557.09199999999998</c:v>
                </c:pt>
                <c:pt idx="2220">
                  <c:v>557.46400000000006</c:v>
                </c:pt>
                <c:pt idx="2221">
                  <c:v>557.726</c:v>
                </c:pt>
                <c:pt idx="2222">
                  <c:v>558.08799999999997</c:v>
                </c:pt>
                <c:pt idx="2223">
                  <c:v>558.197</c:v>
                </c:pt>
                <c:pt idx="2224">
                  <c:v>558.58799999999997</c:v>
                </c:pt>
                <c:pt idx="2225">
                  <c:v>558.995</c:v>
                </c:pt>
                <c:pt idx="2226">
                  <c:v>559.19399999999996</c:v>
                </c:pt>
                <c:pt idx="2227">
                  <c:v>559.47199999999998</c:v>
                </c:pt>
                <c:pt idx="2228">
                  <c:v>559.74099999999999</c:v>
                </c:pt>
                <c:pt idx="2229">
                  <c:v>560.09400000000005</c:v>
                </c:pt>
                <c:pt idx="2230">
                  <c:v>560.37199999999996</c:v>
                </c:pt>
                <c:pt idx="2231">
                  <c:v>560.75099999999998</c:v>
                </c:pt>
                <c:pt idx="2232">
                  <c:v>561.18899999999996</c:v>
                </c:pt>
                <c:pt idx="2233">
                  <c:v>561.55899999999997</c:v>
                </c:pt>
                <c:pt idx="2234">
                  <c:v>561.84400000000005</c:v>
                </c:pt>
                <c:pt idx="2235">
                  <c:v>562.34299999999996</c:v>
                </c:pt>
                <c:pt idx="2236">
                  <c:v>562.63599999999997</c:v>
                </c:pt>
                <c:pt idx="2237">
                  <c:v>562.91899999999998</c:v>
                </c:pt>
                <c:pt idx="2238">
                  <c:v>562.83399999999995</c:v>
                </c:pt>
                <c:pt idx="2239">
                  <c:v>563.17899999999997</c:v>
                </c:pt>
                <c:pt idx="2240">
                  <c:v>563.56799999999998</c:v>
                </c:pt>
                <c:pt idx="2241">
                  <c:v>564.07000000000005</c:v>
                </c:pt>
                <c:pt idx="2242">
                  <c:v>564.04499999999996</c:v>
                </c:pt>
                <c:pt idx="2243">
                  <c:v>564.48699999999997</c:v>
                </c:pt>
                <c:pt idx="2244">
                  <c:v>564.88599999999997</c:v>
                </c:pt>
                <c:pt idx="2245">
                  <c:v>564.92999999999995</c:v>
                </c:pt>
                <c:pt idx="2246">
                  <c:v>565.13900000000001</c:v>
                </c:pt>
                <c:pt idx="2247">
                  <c:v>565.33299999999997</c:v>
                </c:pt>
                <c:pt idx="2248">
                  <c:v>565.50199999999995</c:v>
                </c:pt>
                <c:pt idx="2249">
                  <c:v>565.71500000000003</c:v>
                </c:pt>
                <c:pt idx="2250">
                  <c:v>566.03499999999997</c:v>
                </c:pt>
                <c:pt idx="2251">
                  <c:v>566.27599999999995</c:v>
                </c:pt>
                <c:pt idx="2252">
                  <c:v>566.64499999999998</c:v>
                </c:pt>
                <c:pt idx="2253">
                  <c:v>566.89400000000001</c:v>
                </c:pt>
                <c:pt idx="2254">
                  <c:v>567.11300000000006</c:v>
                </c:pt>
                <c:pt idx="2255">
                  <c:v>567.22299999999996</c:v>
                </c:pt>
                <c:pt idx="2256">
                  <c:v>567.50199999999995</c:v>
                </c:pt>
                <c:pt idx="2257">
                  <c:v>567.62400000000002</c:v>
                </c:pt>
                <c:pt idx="2258">
                  <c:v>567.73</c:v>
                </c:pt>
                <c:pt idx="2259">
                  <c:v>567.98</c:v>
                </c:pt>
                <c:pt idx="2260">
                  <c:v>568.23400000000004</c:v>
                </c:pt>
                <c:pt idx="2261">
                  <c:v>568.53899999999999</c:v>
                </c:pt>
                <c:pt idx="2262">
                  <c:v>568.66399999999999</c:v>
                </c:pt>
                <c:pt idx="2263">
                  <c:v>568.77200000000005</c:v>
                </c:pt>
                <c:pt idx="2264">
                  <c:v>568.96299999999997</c:v>
                </c:pt>
                <c:pt idx="2265">
                  <c:v>569.21600000000001</c:v>
                </c:pt>
                <c:pt idx="2266">
                  <c:v>569.428</c:v>
                </c:pt>
                <c:pt idx="2267">
                  <c:v>569.66499999999996</c:v>
                </c:pt>
                <c:pt idx="2268">
                  <c:v>569.70500000000004</c:v>
                </c:pt>
                <c:pt idx="2269">
                  <c:v>570.07000000000005</c:v>
                </c:pt>
                <c:pt idx="2270">
                  <c:v>570.18600000000004</c:v>
                </c:pt>
                <c:pt idx="2271">
                  <c:v>570.46400000000006</c:v>
                </c:pt>
                <c:pt idx="2272">
                  <c:v>570.81100000000004</c:v>
                </c:pt>
                <c:pt idx="2273">
                  <c:v>571.19200000000001</c:v>
                </c:pt>
                <c:pt idx="2274">
                  <c:v>571.37300000000005</c:v>
                </c:pt>
                <c:pt idx="2275">
                  <c:v>571.33600000000001</c:v>
                </c:pt>
                <c:pt idx="2276">
                  <c:v>571.80799999999999</c:v>
                </c:pt>
                <c:pt idx="2277">
                  <c:v>571.98099999999999</c:v>
                </c:pt>
                <c:pt idx="2278">
                  <c:v>572.33799999999997</c:v>
                </c:pt>
                <c:pt idx="2279">
                  <c:v>572.42399999999998</c:v>
                </c:pt>
                <c:pt idx="2280">
                  <c:v>572.74199999999996</c:v>
                </c:pt>
                <c:pt idx="2281">
                  <c:v>573.13800000000003</c:v>
                </c:pt>
                <c:pt idx="2282">
                  <c:v>573.20600000000002</c:v>
                </c:pt>
                <c:pt idx="2283">
                  <c:v>573.48900000000003</c:v>
                </c:pt>
                <c:pt idx="2284">
                  <c:v>573.53099999999995</c:v>
                </c:pt>
                <c:pt idx="2285">
                  <c:v>573.79200000000003</c:v>
                </c:pt>
                <c:pt idx="2286">
                  <c:v>573.923</c:v>
                </c:pt>
                <c:pt idx="2287">
                  <c:v>574.11099999999999</c:v>
                </c:pt>
                <c:pt idx="2288">
                  <c:v>574.38199999999995</c:v>
                </c:pt>
                <c:pt idx="2289">
                  <c:v>574.83000000000004</c:v>
                </c:pt>
                <c:pt idx="2290">
                  <c:v>574.99800000000005</c:v>
                </c:pt>
                <c:pt idx="2291">
                  <c:v>575.24900000000002</c:v>
                </c:pt>
                <c:pt idx="2292">
                  <c:v>575.52800000000002</c:v>
                </c:pt>
                <c:pt idx="2293">
                  <c:v>575.80399999999997</c:v>
                </c:pt>
                <c:pt idx="2294">
                  <c:v>576.28399999999999</c:v>
                </c:pt>
                <c:pt idx="2295">
                  <c:v>576.70299999999997</c:v>
                </c:pt>
                <c:pt idx="2296">
                  <c:v>576.76099999999997</c:v>
                </c:pt>
                <c:pt idx="2297">
                  <c:v>576.93200000000002</c:v>
                </c:pt>
                <c:pt idx="2298">
                  <c:v>576.95100000000002</c:v>
                </c:pt>
                <c:pt idx="2299">
                  <c:v>577.36800000000005</c:v>
                </c:pt>
                <c:pt idx="2300">
                  <c:v>577.601</c:v>
                </c:pt>
                <c:pt idx="2301">
                  <c:v>577.83799999999997</c:v>
                </c:pt>
                <c:pt idx="2302">
                  <c:v>577.88199999999995</c:v>
                </c:pt>
                <c:pt idx="2303">
                  <c:v>578.28399999999999</c:v>
                </c:pt>
                <c:pt idx="2304">
                  <c:v>578.60500000000002</c:v>
                </c:pt>
                <c:pt idx="2305">
                  <c:v>579.15800000000002</c:v>
                </c:pt>
                <c:pt idx="2306">
                  <c:v>579.44799999999998</c:v>
                </c:pt>
                <c:pt idx="2307">
                  <c:v>579.529</c:v>
                </c:pt>
                <c:pt idx="2308">
                  <c:v>579.71299999999997</c:v>
                </c:pt>
                <c:pt idx="2309">
                  <c:v>580.01599999999996</c:v>
                </c:pt>
                <c:pt idx="2310">
                  <c:v>580.29</c:v>
                </c:pt>
                <c:pt idx="2311">
                  <c:v>580.54</c:v>
                </c:pt>
                <c:pt idx="2312">
                  <c:v>580.86400000000003</c:v>
                </c:pt>
                <c:pt idx="2313">
                  <c:v>581.02599999999995</c:v>
                </c:pt>
                <c:pt idx="2314">
                  <c:v>581.11199999999997</c:v>
                </c:pt>
                <c:pt idx="2315">
                  <c:v>581.28499999999997</c:v>
                </c:pt>
                <c:pt idx="2316">
                  <c:v>581.54899999999998</c:v>
                </c:pt>
                <c:pt idx="2317">
                  <c:v>581.76499999999999</c:v>
                </c:pt>
                <c:pt idx="2318">
                  <c:v>582.14099999999996</c:v>
                </c:pt>
                <c:pt idx="2319">
                  <c:v>582.39300000000003</c:v>
                </c:pt>
                <c:pt idx="2320">
                  <c:v>582.80100000000004</c:v>
                </c:pt>
                <c:pt idx="2321">
                  <c:v>583.048</c:v>
                </c:pt>
                <c:pt idx="2322">
                  <c:v>583.26099999999997</c:v>
                </c:pt>
                <c:pt idx="2323">
                  <c:v>583.62</c:v>
                </c:pt>
                <c:pt idx="2324">
                  <c:v>583.84400000000005</c:v>
                </c:pt>
                <c:pt idx="2325">
                  <c:v>584.00699999999995</c:v>
                </c:pt>
                <c:pt idx="2326">
                  <c:v>584.19200000000001</c:v>
                </c:pt>
                <c:pt idx="2327">
                  <c:v>584.37199999999996</c:v>
                </c:pt>
                <c:pt idx="2328">
                  <c:v>584.774</c:v>
                </c:pt>
                <c:pt idx="2329">
                  <c:v>584.83399999999995</c:v>
                </c:pt>
                <c:pt idx="2330">
                  <c:v>585.38699999999994</c:v>
                </c:pt>
                <c:pt idx="2331">
                  <c:v>585.94000000000005</c:v>
                </c:pt>
                <c:pt idx="2332">
                  <c:v>586.048</c:v>
                </c:pt>
                <c:pt idx="2333">
                  <c:v>586.08799999999997</c:v>
                </c:pt>
                <c:pt idx="2334">
                  <c:v>586.423</c:v>
                </c:pt>
                <c:pt idx="2335">
                  <c:v>586.58900000000006</c:v>
                </c:pt>
                <c:pt idx="2336">
                  <c:v>586.92700000000002</c:v>
                </c:pt>
                <c:pt idx="2337">
                  <c:v>587.245</c:v>
                </c:pt>
                <c:pt idx="2338">
                  <c:v>587.45600000000002</c:v>
                </c:pt>
                <c:pt idx="2339">
                  <c:v>587.72799999999995</c:v>
                </c:pt>
                <c:pt idx="2340">
                  <c:v>587.98099999999999</c:v>
                </c:pt>
                <c:pt idx="2341">
                  <c:v>588.20699999999999</c:v>
                </c:pt>
                <c:pt idx="2342">
                  <c:v>588.52599999999995</c:v>
                </c:pt>
                <c:pt idx="2343">
                  <c:v>588.87800000000004</c:v>
                </c:pt>
                <c:pt idx="2344">
                  <c:v>589.08699999999999</c:v>
                </c:pt>
                <c:pt idx="2345">
                  <c:v>589.20399999999995</c:v>
                </c:pt>
                <c:pt idx="2346">
                  <c:v>589.21900000000005</c:v>
                </c:pt>
                <c:pt idx="2347">
                  <c:v>589.48500000000001</c:v>
                </c:pt>
                <c:pt idx="2348">
                  <c:v>589.423</c:v>
                </c:pt>
                <c:pt idx="2349">
                  <c:v>589.95899999999995</c:v>
                </c:pt>
                <c:pt idx="2350">
                  <c:v>590.37</c:v>
                </c:pt>
                <c:pt idx="2351">
                  <c:v>590.43100000000004</c:v>
                </c:pt>
                <c:pt idx="2352">
                  <c:v>590.904</c:v>
                </c:pt>
                <c:pt idx="2353">
                  <c:v>590.97400000000005</c:v>
                </c:pt>
                <c:pt idx="2354">
                  <c:v>591.37400000000002</c:v>
                </c:pt>
                <c:pt idx="2355">
                  <c:v>591.86400000000003</c:v>
                </c:pt>
                <c:pt idx="2356">
                  <c:v>591.97500000000002</c:v>
                </c:pt>
                <c:pt idx="2357">
                  <c:v>592.02300000000002</c:v>
                </c:pt>
                <c:pt idx="2358">
                  <c:v>592.40099999999995</c:v>
                </c:pt>
                <c:pt idx="2359">
                  <c:v>592.745</c:v>
                </c:pt>
                <c:pt idx="2360">
                  <c:v>592.85500000000002</c:v>
                </c:pt>
                <c:pt idx="2361">
                  <c:v>593.01099999999997</c:v>
                </c:pt>
                <c:pt idx="2362">
                  <c:v>593.33500000000004</c:v>
                </c:pt>
                <c:pt idx="2363">
                  <c:v>593.86500000000001</c:v>
                </c:pt>
                <c:pt idx="2364">
                  <c:v>594.20699999999999</c:v>
                </c:pt>
                <c:pt idx="2365">
                  <c:v>594.298</c:v>
                </c:pt>
                <c:pt idx="2366">
                  <c:v>594.75</c:v>
                </c:pt>
                <c:pt idx="2367">
                  <c:v>594.86300000000006</c:v>
                </c:pt>
                <c:pt idx="2368">
                  <c:v>595.24199999999996</c:v>
                </c:pt>
                <c:pt idx="2369">
                  <c:v>595.50099999999998</c:v>
                </c:pt>
                <c:pt idx="2370">
                  <c:v>595.59799999999996</c:v>
                </c:pt>
                <c:pt idx="2371">
                  <c:v>595.77099999999996</c:v>
                </c:pt>
                <c:pt idx="2372">
                  <c:v>596.06600000000003</c:v>
                </c:pt>
                <c:pt idx="2373">
                  <c:v>596.27800000000002</c:v>
                </c:pt>
                <c:pt idx="2374">
                  <c:v>596.52700000000004</c:v>
                </c:pt>
                <c:pt idx="2375">
                  <c:v>596.87900000000002</c:v>
                </c:pt>
                <c:pt idx="2376">
                  <c:v>596.87599999999998</c:v>
                </c:pt>
                <c:pt idx="2377">
                  <c:v>597.04600000000005</c:v>
                </c:pt>
                <c:pt idx="2378">
                  <c:v>597.41800000000001</c:v>
                </c:pt>
                <c:pt idx="2379">
                  <c:v>597.827</c:v>
                </c:pt>
                <c:pt idx="2380">
                  <c:v>597.92700000000002</c:v>
                </c:pt>
                <c:pt idx="2381">
                  <c:v>598.45500000000004</c:v>
                </c:pt>
                <c:pt idx="2382">
                  <c:v>598.56799999999998</c:v>
                </c:pt>
                <c:pt idx="2383">
                  <c:v>598.80700000000002</c:v>
                </c:pt>
                <c:pt idx="2384">
                  <c:v>599.173</c:v>
                </c:pt>
                <c:pt idx="2385">
                  <c:v>599.36900000000003</c:v>
                </c:pt>
                <c:pt idx="2386">
                  <c:v>599.71</c:v>
                </c:pt>
                <c:pt idx="2387">
                  <c:v>600.08900000000006</c:v>
                </c:pt>
                <c:pt idx="2388">
                  <c:v>600.1</c:v>
                </c:pt>
                <c:pt idx="2389">
                  <c:v>600.36</c:v>
                </c:pt>
                <c:pt idx="2390">
                  <c:v>600.51499999999999</c:v>
                </c:pt>
                <c:pt idx="2391">
                  <c:v>600.75900000000001</c:v>
                </c:pt>
                <c:pt idx="2392">
                  <c:v>601.03399999999999</c:v>
                </c:pt>
                <c:pt idx="2393">
                  <c:v>601.44000000000005</c:v>
                </c:pt>
                <c:pt idx="2394">
                  <c:v>601.63</c:v>
                </c:pt>
                <c:pt idx="2395">
                  <c:v>602.07500000000005</c:v>
                </c:pt>
                <c:pt idx="2396">
                  <c:v>602.09799999999996</c:v>
                </c:pt>
                <c:pt idx="2397">
                  <c:v>602.19899999999996</c:v>
                </c:pt>
                <c:pt idx="2398">
                  <c:v>602.48500000000001</c:v>
                </c:pt>
                <c:pt idx="2399">
                  <c:v>602.39700000000005</c:v>
                </c:pt>
                <c:pt idx="2400">
                  <c:v>602.72699999999998</c:v>
                </c:pt>
                <c:pt idx="2401">
                  <c:v>603.12099999999998</c:v>
                </c:pt>
                <c:pt idx="2402">
                  <c:v>603.25</c:v>
                </c:pt>
                <c:pt idx="2403">
                  <c:v>603.49300000000005</c:v>
                </c:pt>
                <c:pt idx="2404">
                  <c:v>603.77800000000002</c:v>
                </c:pt>
                <c:pt idx="2405">
                  <c:v>603.89700000000005</c:v>
                </c:pt>
                <c:pt idx="2406">
                  <c:v>604.08399999999995</c:v>
                </c:pt>
                <c:pt idx="2407">
                  <c:v>604.31100000000004</c:v>
                </c:pt>
                <c:pt idx="2408">
                  <c:v>604.76199999999994</c:v>
                </c:pt>
                <c:pt idx="2409">
                  <c:v>605.00900000000001</c:v>
                </c:pt>
                <c:pt idx="2410">
                  <c:v>605.36699999999996</c:v>
                </c:pt>
                <c:pt idx="2411">
                  <c:v>605.47400000000005</c:v>
                </c:pt>
                <c:pt idx="2412">
                  <c:v>605.61699999999996</c:v>
                </c:pt>
                <c:pt idx="2413">
                  <c:v>605.86900000000003</c:v>
                </c:pt>
                <c:pt idx="2414">
                  <c:v>606.30799999999999</c:v>
                </c:pt>
                <c:pt idx="2415">
                  <c:v>606.49400000000003</c:v>
                </c:pt>
                <c:pt idx="2416">
                  <c:v>606.89400000000001</c:v>
                </c:pt>
                <c:pt idx="2417">
                  <c:v>607.21400000000006</c:v>
                </c:pt>
                <c:pt idx="2418">
                  <c:v>607.57799999999997</c:v>
                </c:pt>
                <c:pt idx="2419">
                  <c:v>607.60299999999995</c:v>
                </c:pt>
                <c:pt idx="2420">
                  <c:v>607.37</c:v>
                </c:pt>
                <c:pt idx="2421">
                  <c:v>607.94299999999998</c:v>
                </c:pt>
                <c:pt idx="2422">
                  <c:v>608.26199999999994</c:v>
                </c:pt>
                <c:pt idx="2423">
                  <c:v>608.322</c:v>
                </c:pt>
                <c:pt idx="2424">
                  <c:v>608.202</c:v>
                </c:pt>
                <c:pt idx="2425">
                  <c:v>608.61300000000006</c:v>
                </c:pt>
                <c:pt idx="2426">
                  <c:v>609.12099999999998</c:v>
                </c:pt>
                <c:pt idx="2427">
                  <c:v>609.41</c:v>
                </c:pt>
                <c:pt idx="2428">
                  <c:v>609.58900000000006</c:v>
                </c:pt>
                <c:pt idx="2429">
                  <c:v>609.93600000000004</c:v>
                </c:pt>
                <c:pt idx="2430">
                  <c:v>610.17899999999997</c:v>
                </c:pt>
                <c:pt idx="2431">
                  <c:v>610.38400000000001</c:v>
                </c:pt>
                <c:pt idx="2432">
                  <c:v>610.67200000000003</c:v>
                </c:pt>
                <c:pt idx="2433">
                  <c:v>610.93700000000001</c:v>
                </c:pt>
                <c:pt idx="2434">
                  <c:v>611.01300000000003</c:v>
                </c:pt>
                <c:pt idx="2435">
                  <c:v>611.39599999999996</c:v>
                </c:pt>
                <c:pt idx="2436">
                  <c:v>611.83500000000004</c:v>
                </c:pt>
                <c:pt idx="2437">
                  <c:v>612.15899999999999</c:v>
                </c:pt>
                <c:pt idx="2438">
                  <c:v>612.32299999999998</c:v>
                </c:pt>
                <c:pt idx="2439">
                  <c:v>612.46799999999996</c:v>
                </c:pt>
                <c:pt idx="2440">
                  <c:v>612.69299999999998</c:v>
                </c:pt>
                <c:pt idx="2441">
                  <c:v>612.80399999999997</c:v>
                </c:pt>
                <c:pt idx="2442">
                  <c:v>613.125</c:v>
                </c:pt>
                <c:pt idx="2443">
                  <c:v>613.36099999999999</c:v>
                </c:pt>
                <c:pt idx="2444">
                  <c:v>613.654</c:v>
                </c:pt>
                <c:pt idx="2445">
                  <c:v>613.92399999999998</c:v>
                </c:pt>
                <c:pt idx="2446">
                  <c:v>614.28800000000001</c:v>
                </c:pt>
                <c:pt idx="2447">
                  <c:v>614.38400000000001</c:v>
                </c:pt>
                <c:pt idx="2448">
                  <c:v>614.66899999999998</c:v>
                </c:pt>
                <c:pt idx="2449">
                  <c:v>614.94000000000005</c:v>
                </c:pt>
                <c:pt idx="2450">
                  <c:v>615.13699999999994</c:v>
                </c:pt>
                <c:pt idx="2451">
                  <c:v>615.35500000000002</c:v>
                </c:pt>
                <c:pt idx="2452">
                  <c:v>615.79300000000001</c:v>
                </c:pt>
                <c:pt idx="2453">
                  <c:v>616.20600000000002</c:v>
                </c:pt>
                <c:pt idx="2454">
                  <c:v>616.31600000000003</c:v>
                </c:pt>
                <c:pt idx="2455">
                  <c:v>616.54399999999998</c:v>
                </c:pt>
                <c:pt idx="2456">
                  <c:v>616.85900000000004</c:v>
                </c:pt>
                <c:pt idx="2457">
                  <c:v>616.97500000000002</c:v>
                </c:pt>
                <c:pt idx="2458">
                  <c:v>617.173</c:v>
                </c:pt>
                <c:pt idx="2459">
                  <c:v>617.38300000000004</c:v>
                </c:pt>
                <c:pt idx="2460">
                  <c:v>617.69100000000003</c:v>
                </c:pt>
                <c:pt idx="2461">
                  <c:v>618.005</c:v>
                </c:pt>
                <c:pt idx="2462">
                  <c:v>618.279</c:v>
                </c:pt>
                <c:pt idx="2463">
                  <c:v>618.65800000000002</c:v>
                </c:pt>
                <c:pt idx="2464">
                  <c:v>619.01300000000003</c:v>
                </c:pt>
                <c:pt idx="2465">
                  <c:v>618.98900000000003</c:v>
                </c:pt>
                <c:pt idx="2466">
                  <c:v>619.15200000000004</c:v>
                </c:pt>
                <c:pt idx="2467">
                  <c:v>619.38</c:v>
                </c:pt>
                <c:pt idx="2468">
                  <c:v>619.78800000000001</c:v>
                </c:pt>
                <c:pt idx="2469">
                  <c:v>620.05999999999995</c:v>
                </c:pt>
                <c:pt idx="2470">
                  <c:v>620.24699999999996</c:v>
                </c:pt>
                <c:pt idx="2471">
                  <c:v>620.35400000000004</c:v>
                </c:pt>
                <c:pt idx="2472">
                  <c:v>620.55799999999999</c:v>
                </c:pt>
                <c:pt idx="2473">
                  <c:v>620.97699999999998</c:v>
                </c:pt>
                <c:pt idx="2474">
                  <c:v>621.24199999999996</c:v>
                </c:pt>
                <c:pt idx="2475">
                  <c:v>621.56100000000004</c:v>
                </c:pt>
                <c:pt idx="2476">
                  <c:v>621.72699999999998</c:v>
                </c:pt>
                <c:pt idx="2477">
                  <c:v>622.17999999999995</c:v>
                </c:pt>
                <c:pt idx="2478">
                  <c:v>622.495</c:v>
                </c:pt>
                <c:pt idx="2479">
                  <c:v>622.68700000000001</c:v>
                </c:pt>
                <c:pt idx="2480">
                  <c:v>622.85500000000002</c:v>
                </c:pt>
                <c:pt idx="2481">
                  <c:v>623.11500000000001</c:v>
                </c:pt>
                <c:pt idx="2482">
                  <c:v>623.22699999999998</c:v>
                </c:pt>
                <c:pt idx="2483">
                  <c:v>623.51499999999999</c:v>
                </c:pt>
                <c:pt idx="2484">
                  <c:v>623.721</c:v>
                </c:pt>
                <c:pt idx="2485">
                  <c:v>624.005</c:v>
                </c:pt>
                <c:pt idx="2486">
                  <c:v>624.25199999999995</c:v>
                </c:pt>
                <c:pt idx="2487">
                  <c:v>624.53499999999997</c:v>
                </c:pt>
                <c:pt idx="2488">
                  <c:v>624.79499999999996</c:v>
                </c:pt>
                <c:pt idx="2489">
                  <c:v>625</c:v>
                </c:pt>
                <c:pt idx="2490">
                  <c:v>625.21</c:v>
                </c:pt>
                <c:pt idx="2491">
                  <c:v>625.50900000000001</c:v>
                </c:pt>
                <c:pt idx="2492">
                  <c:v>625.87599999999998</c:v>
                </c:pt>
                <c:pt idx="2493">
                  <c:v>626.08399999999995</c:v>
                </c:pt>
                <c:pt idx="2494">
                  <c:v>626.20899999999995</c:v>
                </c:pt>
                <c:pt idx="2495">
                  <c:v>626.29999999999995</c:v>
                </c:pt>
                <c:pt idx="2496">
                  <c:v>626.66499999999996</c:v>
                </c:pt>
                <c:pt idx="2497">
                  <c:v>626.91099999999994</c:v>
                </c:pt>
                <c:pt idx="2498">
                  <c:v>627.05799999999999</c:v>
                </c:pt>
                <c:pt idx="2499">
                  <c:v>627.43799999999999</c:v>
                </c:pt>
                <c:pt idx="2500">
                  <c:v>627.64099999999996</c:v>
                </c:pt>
                <c:pt idx="2501">
                  <c:v>627.846</c:v>
                </c:pt>
                <c:pt idx="2502">
                  <c:v>628.32299999999998</c:v>
                </c:pt>
                <c:pt idx="2503">
                  <c:v>628.5</c:v>
                </c:pt>
                <c:pt idx="2504">
                  <c:v>628.81500000000005</c:v>
                </c:pt>
                <c:pt idx="2505">
                  <c:v>629.15599999999995</c:v>
                </c:pt>
                <c:pt idx="2506">
                  <c:v>629.52599999999995</c:v>
                </c:pt>
                <c:pt idx="2507">
                  <c:v>629.59799999999996</c:v>
                </c:pt>
                <c:pt idx="2508">
                  <c:v>629.81200000000001</c:v>
                </c:pt>
                <c:pt idx="2509">
                  <c:v>630.22</c:v>
                </c:pt>
                <c:pt idx="2510">
                  <c:v>630.54</c:v>
                </c:pt>
                <c:pt idx="2511">
                  <c:v>630.92399999999998</c:v>
                </c:pt>
                <c:pt idx="2512">
                  <c:v>630.87699999999995</c:v>
                </c:pt>
                <c:pt idx="2513">
                  <c:v>631.005</c:v>
                </c:pt>
                <c:pt idx="2514">
                  <c:v>631.37300000000005</c:v>
                </c:pt>
                <c:pt idx="2515">
                  <c:v>631.60199999999998</c:v>
                </c:pt>
                <c:pt idx="2516">
                  <c:v>631.82000000000005</c:v>
                </c:pt>
                <c:pt idx="2517">
                  <c:v>632.11599999999999</c:v>
                </c:pt>
                <c:pt idx="2518">
                  <c:v>632.495</c:v>
                </c:pt>
                <c:pt idx="2519">
                  <c:v>632.702</c:v>
                </c:pt>
                <c:pt idx="2520">
                  <c:v>632.97900000000004</c:v>
                </c:pt>
                <c:pt idx="2521">
                  <c:v>633.31600000000003</c:v>
                </c:pt>
                <c:pt idx="2522">
                  <c:v>633.62</c:v>
                </c:pt>
                <c:pt idx="2523">
                  <c:v>633.90200000000004</c:v>
                </c:pt>
                <c:pt idx="2524">
                  <c:v>634.09900000000005</c:v>
                </c:pt>
                <c:pt idx="2525">
                  <c:v>634.34900000000005</c:v>
                </c:pt>
                <c:pt idx="2526">
                  <c:v>634.51700000000005</c:v>
                </c:pt>
                <c:pt idx="2527">
                  <c:v>634.673</c:v>
                </c:pt>
                <c:pt idx="2528">
                  <c:v>634.90200000000004</c:v>
                </c:pt>
                <c:pt idx="2529">
                  <c:v>635.13599999999997</c:v>
                </c:pt>
                <c:pt idx="2530">
                  <c:v>635.44399999999996</c:v>
                </c:pt>
                <c:pt idx="2531">
                  <c:v>635.79200000000003</c:v>
                </c:pt>
                <c:pt idx="2532">
                  <c:v>636.11300000000006</c:v>
                </c:pt>
                <c:pt idx="2533">
                  <c:v>636.37699999999995</c:v>
                </c:pt>
                <c:pt idx="2534">
                  <c:v>636.50199999999995</c:v>
                </c:pt>
                <c:pt idx="2535">
                  <c:v>636.79</c:v>
                </c:pt>
                <c:pt idx="2536">
                  <c:v>637.03800000000001</c:v>
                </c:pt>
                <c:pt idx="2537">
                  <c:v>637.09199999999998</c:v>
                </c:pt>
                <c:pt idx="2538">
                  <c:v>637.36099999999999</c:v>
                </c:pt>
                <c:pt idx="2539">
                  <c:v>637.78800000000001</c:v>
                </c:pt>
                <c:pt idx="2540">
                  <c:v>638.10400000000004</c:v>
                </c:pt>
                <c:pt idx="2541">
                  <c:v>638.33299999999997</c:v>
                </c:pt>
                <c:pt idx="2542">
                  <c:v>638.59900000000005</c:v>
                </c:pt>
                <c:pt idx="2543">
                  <c:v>639.02300000000002</c:v>
                </c:pt>
                <c:pt idx="2544">
                  <c:v>639.28700000000003</c:v>
                </c:pt>
                <c:pt idx="2545">
                  <c:v>639.54100000000005</c:v>
                </c:pt>
                <c:pt idx="2546">
                  <c:v>639.755</c:v>
                </c:pt>
                <c:pt idx="2547">
                  <c:v>639.98500000000001</c:v>
                </c:pt>
                <c:pt idx="2548">
                  <c:v>640.06200000000001</c:v>
                </c:pt>
                <c:pt idx="2549">
                  <c:v>640.23099999999999</c:v>
                </c:pt>
                <c:pt idx="2550">
                  <c:v>640.48599999999999</c:v>
                </c:pt>
                <c:pt idx="2551">
                  <c:v>640.88699999999994</c:v>
                </c:pt>
                <c:pt idx="2552">
                  <c:v>641.11099999999999</c:v>
                </c:pt>
                <c:pt idx="2553">
                  <c:v>641.17999999999995</c:v>
                </c:pt>
                <c:pt idx="2554">
                  <c:v>641.721</c:v>
                </c:pt>
                <c:pt idx="2555">
                  <c:v>642.01400000000001</c:v>
                </c:pt>
                <c:pt idx="2556">
                  <c:v>642.23400000000004</c:v>
                </c:pt>
                <c:pt idx="2557">
                  <c:v>642.55499999999995</c:v>
                </c:pt>
                <c:pt idx="2558">
                  <c:v>642.79600000000005</c:v>
                </c:pt>
                <c:pt idx="2559">
                  <c:v>643.03700000000003</c:v>
                </c:pt>
                <c:pt idx="2560">
                  <c:v>643.36300000000006</c:v>
                </c:pt>
                <c:pt idx="2561">
                  <c:v>643.57799999999997</c:v>
                </c:pt>
                <c:pt idx="2562">
                  <c:v>643.96799999999996</c:v>
                </c:pt>
                <c:pt idx="2563">
                  <c:v>644.10500000000002</c:v>
                </c:pt>
                <c:pt idx="2564">
                  <c:v>644.41899999999998</c:v>
                </c:pt>
                <c:pt idx="2565">
                  <c:v>644.673</c:v>
                </c:pt>
                <c:pt idx="2566">
                  <c:v>644.96199999999999</c:v>
                </c:pt>
                <c:pt idx="2567">
                  <c:v>645.18200000000002</c:v>
                </c:pt>
                <c:pt idx="2568">
                  <c:v>645.33699999999999</c:v>
                </c:pt>
                <c:pt idx="2569">
                  <c:v>645.721</c:v>
                </c:pt>
                <c:pt idx="2570">
                  <c:v>645.84799999999996</c:v>
                </c:pt>
                <c:pt idx="2571">
                  <c:v>646.05799999999999</c:v>
                </c:pt>
                <c:pt idx="2572">
                  <c:v>646.44899999999996</c:v>
                </c:pt>
                <c:pt idx="2573">
                  <c:v>646.83699999999999</c:v>
                </c:pt>
                <c:pt idx="2574">
                  <c:v>646.99900000000002</c:v>
                </c:pt>
                <c:pt idx="2575">
                  <c:v>647.33900000000006</c:v>
                </c:pt>
                <c:pt idx="2576">
                  <c:v>647.40499999999997</c:v>
                </c:pt>
                <c:pt idx="2577">
                  <c:v>647.471</c:v>
                </c:pt>
                <c:pt idx="2578">
                  <c:v>647.92200000000003</c:v>
                </c:pt>
                <c:pt idx="2579">
                  <c:v>648.16600000000005</c:v>
                </c:pt>
                <c:pt idx="2580">
                  <c:v>648.56500000000005</c:v>
                </c:pt>
                <c:pt idx="2581">
                  <c:v>648.87599999999998</c:v>
                </c:pt>
                <c:pt idx="2582">
                  <c:v>649.07899999999995</c:v>
                </c:pt>
                <c:pt idx="2583">
                  <c:v>649.29399999999998</c:v>
                </c:pt>
                <c:pt idx="2584">
                  <c:v>649.23500000000001</c:v>
                </c:pt>
                <c:pt idx="2585">
                  <c:v>649.65800000000002</c:v>
                </c:pt>
                <c:pt idx="2586">
                  <c:v>649.92200000000003</c:v>
                </c:pt>
                <c:pt idx="2587">
                  <c:v>650.13</c:v>
                </c:pt>
                <c:pt idx="2588">
                  <c:v>650.49300000000005</c:v>
                </c:pt>
                <c:pt idx="2589">
                  <c:v>650.95600000000002</c:v>
                </c:pt>
                <c:pt idx="2590">
                  <c:v>651.26900000000001</c:v>
                </c:pt>
                <c:pt idx="2591">
                  <c:v>651.45399999999995</c:v>
                </c:pt>
                <c:pt idx="2592">
                  <c:v>651.61900000000003</c:v>
                </c:pt>
                <c:pt idx="2593">
                  <c:v>651.68499999999995</c:v>
                </c:pt>
                <c:pt idx="2594">
                  <c:v>651.91200000000003</c:v>
                </c:pt>
                <c:pt idx="2595">
                  <c:v>652.40499999999997</c:v>
                </c:pt>
                <c:pt idx="2596">
                  <c:v>652.904</c:v>
                </c:pt>
                <c:pt idx="2597">
                  <c:v>653.30499999999995</c:v>
                </c:pt>
                <c:pt idx="2598">
                  <c:v>653.61099999999999</c:v>
                </c:pt>
                <c:pt idx="2599">
                  <c:v>653.83900000000006</c:v>
                </c:pt>
                <c:pt idx="2600">
                  <c:v>653.91</c:v>
                </c:pt>
                <c:pt idx="2601">
                  <c:v>654.18200000000002</c:v>
                </c:pt>
                <c:pt idx="2602">
                  <c:v>654.61400000000003</c:v>
                </c:pt>
                <c:pt idx="2603">
                  <c:v>654.80499999999995</c:v>
                </c:pt>
                <c:pt idx="2604">
                  <c:v>655.11699999999996</c:v>
                </c:pt>
                <c:pt idx="2605">
                  <c:v>655.34299999999996</c:v>
                </c:pt>
                <c:pt idx="2606">
                  <c:v>655.56600000000003</c:v>
                </c:pt>
                <c:pt idx="2607">
                  <c:v>655.81500000000005</c:v>
                </c:pt>
                <c:pt idx="2608">
                  <c:v>656.06700000000001</c:v>
                </c:pt>
                <c:pt idx="2609">
                  <c:v>656.20699999999999</c:v>
                </c:pt>
                <c:pt idx="2610">
                  <c:v>656.39499999999998</c:v>
                </c:pt>
                <c:pt idx="2611">
                  <c:v>656.70399999999995</c:v>
                </c:pt>
                <c:pt idx="2612">
                  <c:v>657.101</c:v>
                </c:pt>
                <c:pt idx="2613">
                  <c:v>657.34699999999998</c:v>
                </c:pt>
                <c:pt idx="2614">
                  <c:v>657.59400000000005</c:v>
                </c:pt>
                <c:pt idx="2615">
                  <c:v>657.81399999999996</c:v>
                </c:pt>
                <c:pt idx="2616">
                  <c:v>658.07500000000005</c:v>
                </c:pt>
                <c:pt idx="2617">
                  <c:v>658.22500000000002</c:v>
                </c:pt>
                <c:pt idx="2618">
                  <c:v>658.55</c:v>
                </c:pt>
                <c:pt idx="2619">
                  <c:v>658.93</c:v>
                </c:pt>
                <c:pt idx="2620">
                  <c:v>659.01400000000001</c:v>
                </c:pt>
                <c:pt idx="2621">
                  <c:v>659.30399999999997</c:v>
                </c:pt>
                <c:pt idx="2622">
                  <c:v>659.63199999999995</c:v>
                </c:pt>
                <c:pt idx="2623">
                  <c:v>659.84199999999998</c:v>
                </c:pt>
                <c:pt idx="2624">
                  <c:v>660.12400000000002</c:v>
                </c:pt>
                <c:pt idx="2625">
                  <c:v>660.38900000000001</c:v>
                </c:pt>
                <c:pt idx="2626">
                  <c:v>660.64</c:v>
                </c:pt>
                <c:pt idx="2627">
                  <c:v>660.90599999999995</c:v>
                </c:pt>
                <c:pt idx="2628">
                  <c:v>661.38800000000003</c:v>
                </c:pt>
                <c:pt idx="2629">
                  <c:v>661.721</c:v>
                </c:pt>
                <c:pt idx="2630">
                  <c:v>662.1</c:v>
                </c:pt>
                <c:pt idx="2631">
                  <c:v>662.34900000000005</c:v>
                </c:pt>
                <c:pt idx="2632">
                  <c:v>662.41099999999994</c:v>
                </c:pt>
                <c:pt idx="2633">
                  <c:v>662.6</c:v>
                </c:pt>
                <c:pt idx="2634">
                  <c:v>662.78599999999994</c:v>
                </c:pt>
                <c:pt idx="2635">
                  <c:v>663.02300000000002</c:v>
                </c:pt>
                <c:pt idx="2636">
                  <c:v>663.45899999999995</c:v>
                </c:pt>
                <c:pt idx="2637">
                  <c:v>663.60599999999999</c:v>
                </c:pt>
                <c:pt idx="2638">
                  <c:v>663.86699999999996</c:v>
                </c:pt>
                <c:pt idx="2639">
                  <c:v>664.101</c:v>
                </c:pt>
                <c:pt idx="2640">
                  <c:v>664.36199999999997</c:v>
                </c:pt>
                <c:pt idx="2641">
                  <c:v>664.85199999999998</c:v>
                </c:pt>
                <c:pt idx="2642">
                  <c:v>665.21600000000001</c:v>
                </c:pt>
                <c:pt idx="2643">
                  <c:v>665.476</c:v>
                </c:pt>
                <c:pt idx="2644">
                  <c:v>665.65899999999999</c:v>
                </c:pt>
                <c:pt idx="2645">
                  <c:v>665.95699999999999</c:v>
                </c:pt>
                <c:pt idx="2646">
                  <c:v>666.173</c:v>
                </c:pt>
                <c:pt idx="2647">
                  <c:v>666.31600000000003</c:v>
                </c:pt>
                <c:pt idx="2648">
                  <c:v>666.65200000000004</c:v>
                </c:pt>
                <c:pt idx="2649">
                  <c:v>666.93100000000004</c:v>
                </c:pt>
                <c:pt idx="2650">
                  <c:v>667.06799999999998</c:v>
                </c:pt>
                <c:pt idx="2651">
                  <c:v>667.23599999999999</c:v>
                </c:pt>
                <c:pt idx="2652">
                  <c:v>667.64700000000005</c:v>
                </c:pt>
                <c:pt idx="2653">
                  <c:v>668.048</c:v>
                </c:pt>
                <c:pt idx="2654">
                  <c:v>668.33199999999999</c:v>
                </c:pt>
                <c:pt idx="2655">
                  <c:v>668.596</c:v>
                </c:pt>
                <c:pt idx="2656">
                  <c:v>668.96400000000006</c:v>
                </c:pt>
                <c:pt idx="2657">
                  <c:v>669.08699999999999</c:v>
                </c:pt>
                <c:pt idx="2658">
                  <c:v>669.34199999999998</c:v>
                </c:pt>
                <c:pt idx="2659">
                  <c:v>669.53599999999994</c:v>
                </c:pt>
                <c:pt idx="2660">
                  <c:v>669.79600000000005</c:v>
                </c:pt>
                <c:pt idx="2661">
                  <c:v>670.16499999999996</c:v>
                </c:pt>
                <c:pt idx="2662">
                  <c:v>670.23599999999999</c:v>
                </c:pt>
                <c:pt idx="2663">
                  <c:v>670.56899999999996</c:v>
                </c:pt>
                <c:pt idx="2664">
                  <c:v>670.93299999999999</c:v>
                </c:pt>
                <c:pt idx="2665">
                  <c:v>671.202</c:v>
                </c:pt>
                <c:pt idx="2666">
                  <c:v>671.43899999999996</c:v>
                </c:pt>
                <c:pt idx="2667">
                  <c:v>671.59900000000005</c:v>
                </c:pt>
                <c:pt idx="2668">
                  <c:v>671.65099999999995</c:v>
                </c:pt>
                <c:pt idx="2669">
                  <c:v>671.77099999999996</c:v>
                </c:pt>
                <c:pt idx="2670">
                  <c:v>671.99199999999996</c:v>
                </c:pt>
                <c:pt idx="2671">
                  <c:v>672.46400000000006</c:v>
                </c:pt>
                <c:pt idx="2672">
                  <c:v>672.84900000000005</c:v>
                </c:pt>
                <c:pt idx="2673">
                  <c:v>673.024</c:v>
                </c:pt>
                <c:pt idx="2674">
                  <c:v>673.48199999999997</c:v>
                </c:pt>
                <c:pt idx="2675">
                  <c:v>673.67100000000005</c:v>
                </c:pt>
                <c:pt idx="2676">
                  <c:v>673.96900000000005</c:v>
                </c:pt>
                <c:pt idx="2677">
                  <c:v>674.17700000000002</c:v>
                </c:pt>
                <c:pt idx="2678">
                  <c:v>674.52099999999996</c:v>
                </c:pt>
                <c:pt idx="2679">
                  <c:v>674.91899999999998</c:v>
                </c:pt>
                <c:pt idx="2680">
                  <c:v>675.28700000000003</c:v>
                </c:pt>
                <c:pt idx="2681">
                  <c:v>675.57399999999996</c:v>
                </c:pt>
                <c:pt idx="2682">
                  <c:v>675.73599999999999</c:v>
                </c:pt>
                <c:pt idx="2683">
                  <c:v>675.80200000000002</c:v>
                </c:pt>
                <c:pt idx="2684">
                  <c:v>676.05899999999997</c:v>
                </c:pt>
                <c:pt idx="2685">
                  <c:v>676.31600000000003</c:v>
                </c:pt>
                <c:pt idx="2686">
                  <c:v>676.56</c:v>
                </c:pt>
                <c:pt idx="2687">
                  <c:v>676.81799999999998</c:v>
                </c:pt>
                <c:pt idx="2688">
                  <c:v>677.11900000000003</c:v>
                </c:pt>
                <c:pt idx="2689">
                  <c:v>677.39800000000002</c:v>
                </c:pt>
                <c:pt idx="2690">
                  <c:v>677.77099999999996</c:v>
                </c:pt>
                <c:pt idx="2691">
                  <c:v>678.00400000000002</c:v>
                </c:pt>
                <c:pt idx="2692">
                  <c:v>678.32299999999998</c:v>
                </c:pt>
                <c:pt idx="2693">
                  <c:v>678.60500000000002</c:v>
                </c:pt>
                <c:pt idx="2694">
                  <c:v>678.66099999999994</c:v>
                </c:pt>
                <c:pt idx="2695">
                  <c:v>678.93200000000002</c:v>
                </c:pt>
                <c:pt idx="2696">
                  <c:v>679.12699999999995</c:v>
                </c:pt>
                <c:pt idx="2697">
                  <c:v>679.65300000000002</c:v>
                </c:pt>
                <c:pt idx="2698">
                  <c:v>680.00300000000004</c:v>
                </c:pt>
                <c:pt idx="2699">
                  <c:v>680.32899999999995</c:v>
                </c:pt>
                <c:pt idx="2700">
                  <c:v>680.55399999999997</c:v>
                </c:pt>
                <c:pt idx="2701">
                  <c:v>680.61</c:v>
                </c:pt>
                <c:pt idx="2702">
                  <c:v>680.59500000000003</c:v>
                </c:pt>
                <c:pt idx="2703">
                  <c:v>680.90899999999999</c:v>
                </c:pt>
                <c:pt idx="2704">
                  <c:v>681.23699999999997</c:v>
                </c:pt>
                <c:pt idx="2705">
                  <c:v>681.59500000000003</c:v>
                </c:pt>
                <c:pt idx="2706">
                  <c:v>681.87099999999998</c:v>
                </c:pt>
                <c:pt idx="2707">
                  <c:v>682.024</c:v>
                </c:pt>
                <c:pt idx="2708">
                  <c:v>682.24699999999996</c:v>
                </c:pt>
                <c:pt idx="2709">
                  <c:v>682.56399999999996</c:v>
                </c:pt>
                <c:pt idx="2710">
                  <c:v>682.83500000000004</c:v>
                </c:pt>
                <c:pt idx="2711">
                  <c:v>682.85199999999998</c:v>
                </c:pt>
                <c:pt idx="2712">
                  <c:v>683.024</c:v>
                </c:pt>
                <c:pt idx="2713">
                  <c:v>683.37</c:v>
                </c:pt>
                <c:pt idx="2714">
                  <c:v>683.78200000000004</c:v>
                </c:pt>
                <c:pt idx="2715">
                  <c:v>684.00800000000004</c:v>
                </c:pt>
                <c:pt idx="2716">
                  <c:v>684.21299999999997</c:v>
                </c:pt>
                <c:pt idx="2717">
                  <c:v>684.52099999999996</c:v>
                </c:pt>
                <c:pt idx="2718">
                  <c:v>684.56100000000004</c:v>
                </c:pt>
                <c:pt idx="2719">
                  <c:v>684.88</c:v>
                </c:pt>
                <c:pt idx="2720">
                  <c:v>685.45</c:v>
                </c:pt>
                <c:pt idx="2721">
                  <c:v>685.73199999999997</c:v>
                </c:pt>
                <c:pt idx="2722">
                  <c:v>686.00099999999998</c:v>
                </c:pt>
                <c:pt idx="2723">
                  <c:v>686.15499999999997</c:v>
                </c:pt>
                <c:pt idx="2724">
                  <c:v>686.38800000000003</c:v>
                </c:pt>
                <c:pt idx="2725">
                  <c:v>686.61500000000001</c:v>
                </c:pt>
                <c:pt idx="2726">
                  <c:v>687</c:v>
                </c:pt>
                <c:pt idx="2727">
                  <c:v>687.29899999999998</c:v>
                </c:pt>
                <c:pt idx="2728">
                  <c:v>687.59699999999998</c:v>
                </c:pt>
                <c:pt idx="2729">
                  <c:v>687.81899999999996</c:v>
                </c:pt>
                <c:pt idx="2730">
                  <c:v>688.00599999999997</c:v>
                </c:pt>
                <c:pt idx="2731">
                  <c:v>688.34400000000005</c:v>
                </c:pt>
                <c:pt idx="2732">
                  <c:v>688.48599999999999</c:v>
                </c:pt>
                <c:pt idx="2733">
                  <c:v>688.79</c:v>
                </c:pt>
                <c:pt idx="2734">
                  <c:v>689.15499999999997</c:v>
                </c:pt>
                <c:pt idx="2735">
                  <c:v>689.44399999999996</c:v>
                </c:pt>
                <c:pt idx="2736">
                  <c:v>689.524</c:v>
                </c:pt>
                <c:pt idx="2737">
                  <c:v>689.66399999999999</c:v>
                </c:pt>
                <c:pt idx="2738">
                  <c:v>690.06799999999998</c:v>
                </c:pt>
                <c:pt idx="2739">
                  <c:v>690.35500000000002</c:v>
                </c:pt>
                <c:pt idx="2740">
                  <c:v>690.33299999999997</c:v>
                </c:pt>
                <c:pt idx="2741">
                  <c:v>690.79399999999998</c:v>
                </c:pt>
                <c:pt idx="2742">
                  <c:v>691.28399999999999</c:v>
                </c:pt>
                <c:pt idx="2743">
                  <c:v>691.45</c:v>
                </c:pt>
                <c:pt idx="2744">
                  <c:v>691.50699999999995</c:v>
                </c:pt>
                <c:pt idx="2745">
                  <c:v>691.88400000000001</c:v>
                </c:pt>
                <c:pt idx="2746">
                  <c:v>692.10500000000002</c:v>
                </c:pt>
                <c:pt idx="2747">
                  <c:v>692.41899999999998</c:v>
                </c:pt>
                <c:pt idx="2748">
                  <c:v>692.702</c:v>
                </c:pt>
                <c:pt idx="2749">
                  <c:v>693.02700000000004</c:v>
                </c:pt>
                <c:pt idx="2750">
                  <c:v>693.34199999999998</c:v>
                </c:pt>
                <c:pt idx="2751">
                  <c:v>693.69100000000003</c:v>
                </c:pt>
                <c:pt idx="2752">
                  <c:v>693.84699999999998</c:v>
                </c:pt>
                <c:pt idx="2753">
                  <c:v>694.01900000000001</c:v>
                </c:pt>
                <c:pt idx="2754">
                  <c:v>694.22699999999998</c:v>
                </c:pt>
                <c:pt idx="2755">
                  <c:v>694.43600000000004</c:v>
                </c:pt>
                <c:pt idx="2756">
                  <c:v>694.69299999999998</c:v>
                </c:pt>
                <c:pt idx="2757">
                  <c:v>695.11400000000003</c:v>
                </c:pt>
                <c:pt idx="2758">
                  <c:v>695.41200000000003</c:v>
                </c:pt>
                <c:pt idx="2759">
                  <c:v>695.54200000000003</c:v>
                </c:pt>
                <c:pt idx="2760">
                  <c:v>695.48400000000004</c:v>
                </c:pt>
                <c:pt idx="2761">
                  <c:v>695.875</c:v>
                </c:pt>
                <c:pt idx="2762">
                  <c:v>696.20500000000004</c:v>
                </c:pt>
                <c:pt idx="2763">
                  <c:v>696.47799999999995</c:v>
                </c:pt>
                <c:pt idx="2764">
                  <c:v>696.57899999999995</c:v>
                </c:pt>
                <c:pt idx="2765">
                  <c:v>696.78399999999999</c:v>
                </c:pt>
                <c:pt idx="2766">
                  <c:v>697.18</c:v>
                </c:pt>
                <c:pt idx="2767">
                  <c:v>697.35599999999999</c:v>
                </c:pt>
                <c:pt idx="2768">
                  <c:v>697.68200000000002</c:v>
                </c:pt>
                <c:pt idx="2769">
                  <c:v>698.11099999999999</c:v>
                </c:pt>
                <c:pt idx="2770">
                  <c:v>698.42100000000005</c:v>
                </c:pt>
                <c:pt idx="2771">
                  <c:v>698.70899999999995</c:v>
                </c:pt>
                <c:pt idx="2772">
                  <c:v>698.79300000000001</c:v>
                </c:pt>
                <c:pt idx="2773">
                  <c:v>699.14599999999996</c:v>
                </c:pt>
                <c:pt idx="2774">
                  <c:v>699.49099999999999</c:v>
                </c:pt>
                <c:pt idx="2775">
                  <c:v>699.79</c:v>
                </c:pt>
                <c:pt idx="2776">
                  <c:v>699.96100000000001</c:v>
                </c:pt>
                <c:pt idx="2777">
                  <c:v>700.17499999999995</c:v>
                </c:pt>
                <c:pt idx="2778">
                  <c:v>700.39800000000002</c:v>
                </c:pt>
                <c:pt idx="2779">
                  <c:v>700.6</c:v>
                </c:pt>
                <c:pt idx="2780">
                  <c:v>701.077</c:v>
                </c:pt>
                <c:pt idx="2781">
                  <c:v>701.30100000000004</c:v>
                </c:pt>
                <c:pt idx="2782">
                  <c:v>701.59299999999996</c:v>
                </c:pt>
                <c:pt idx="2783">
                  <c:v>701.75900000000001</c:v>
                </c:pt>
                <c:pt idx="2784">
                  <c:v>701.97199999999998</c:v>
                </c:pt>
                <c:pt idx="2785">
                  <c:v>702.13300000000004</c:v>
                </c:pt>
                <c:pt idx="2786">
                  <c:v>702.40599999999995</c:v>
                </c:pt>
                <c:pt idx="2787">
                  <c:v>702.66499999999996</c:v>
                </c:pt>
                <c:pt idx="2788">
                  <c:v>702.97199999999998</c:v>
                </c:pt>
                <c:pt idx="2789">
                  <c:v>703.17200000000003</c:v>
                </c:pt>
                <c:pt idx="2790">
                  <c:v>703.40300000000002</c:v>
                </c:pt>
                <c:pt idx="2791">
                  <c:v>703.81</c:v>
                </c:pt>
                <c:pt idx="2792">
                  <c:v>704.25300000000004</c:v>
                </c:pt>
                <c:pt idx="2793">
                  <c:v>704.30600000000004</c:v>
                </c:pt>
                <c:pt idx="2794">
                  <c:v>704.68</c:v>
                </c:pt>
                <c:pt idx="2795">
                  <c:v>704.84299999999996</c:v>
                </c:pt>
                <c:pt idx="2796">
                  <c:v>705.14300000000003</c:v>
                </c:pt>
                <c:pt idx="2797">
                  <c:v>705.46600000000001</c:v>
                </c:pt>
                <c:pt idx="2798">
                  <c:v>705.90599999999995</c:v>
                </c:pt>
                <c:pt idx="2799">
                  <c:v>706.21699999999998</c:v>
                </c:pt>
                <c:pt idx="2800">
                  <c:v>706.29600000000005</c:v>
                </c:pt>
                <c:pt idx="2801">
                  <c:v>706.32600000000002</c:v>
                </c:pt>
                <c:pt idx="2802">
                  <c:v>706.38599999999997</c:v>
                </c:pt>
                <c:pt idx="2803">
                  <c:v>706.84799999999996</c:v>
                </c:pt>
                <c:pt idx="2804">
                  <c:v>707.26499999999999</c:v>
                </c:pt>
                <c:pt idx="2805">
                  <c:v>707.67100000000005</c:v>
                </c:pt>
                <c:pt idx="2806">
                  <c:v>708.09199999999998</c:v>
                </c:pt>
                <c:pt idx="2807">
                  <c:v>708.38900000000001</c:v>
                </c:pt>
                <c:pt idx="2808">
                  <c:v>708.548</c:v>
                </c:pt>
                <c:pt idx="2809">
                  <c:v>708.76</c:v>
                </c:pt>
                <c:pt idx="2810">
                  <c:v>708.99300000000005</c:v>
                </c:pt>
                <c:pt idx="2811">
                  <c:v>709.21900000000005</c:v>
                </c:pt>
                <c:pt idx="2812">
                  <c:v>709.43799999999999</c:v>
                </c:pt>
                <c:pt idx="2813">
                  <c:v>709.52800000000002</c:v>
                </c:pt>
                <c:pt idx="2814">
                  <c:v>709.82299999999998</c:v>
                </c:pt>
                <c:pt idx="2815">
                  <c:v>709.99</c:v>
                </c:pt>
                <c:pt idx="2816">
                  <c:v>710.11900000000003</c:v>
                </c:pt>
                <c:pt idx="2817">
                  <c:v>710.36599999999999</c:v>
                </c:pt>
                <c:pt idx="2818">
                  <c:v>710.85</c:v>
                </c:pt>
                <c:pt idx="2819">
                  <c:v>710.94500000000005</c:v>
                </c:pt>
                <c:pt idx="2820">
                  <c:v>711.22</c:v>
                </c:pt>
                <c:pt idx="2821">
                  <c:v>711.37599999999998</c:v>
                </c:pt>
                <c:pt idx="2822">
                  <c:v>711.75400000000002</c:v>
                </c:pt>
                <c:pt idx="2823">
                  <c:v>711.91800000000001</c:v>
                </c:pt>
                <c:pt idx="2824">
                  <c:v>712.10699999999997</c:v>
                </c:pt>
                <c:pt idx="2825">
                  <c:v>712.26599999999996</c:v>
                </c:pt>
                <c:pt idx="2826">
                  <c:v>712.75599999999997</c:v>
                </c:pt>
                <c:pt idx="2827">
                  <c:v>713.14099999999996</c:v>
                </c:pt>
                <c:pt idx="2828">
                  <c:v>713.38699999999994</c:v>
                </c:pt>
                <c:pt idx="2829">
                  <c:v>713.80600000000004</c:v>
                </c:pt>
                <c:pt idx="2830">
                  <c:v>714.04600000000005</c:v>
                </c:pt>
                <c:pt idx="2831">
                  <c:v>714.21799999999996</c:v>
                </c:pt>
                <c:pt idx="2832">
                  <c:v>714.64</c:v>
                </c:pt>
                <c:pt idx="2833">
                  <c:v>715.01499999999999</c:v>
                </c:pt>
                <c:pt idx="2834">
                  <c:v>715.34699999999998</c:v>
                </c:pt>
                <c:pt idx="2835">
                  <c:v>715.61699999999996</c:v>
                </c:pt>
                <c:pt idx="2836">
                  <c:v>715.62199999999996</c:v>
                </c:pt>
                <c:pt idx="2837">
                  <c:v>716.00199999999995</c:v>
                </c:pt>
                <c:pt idx="2838">
                  <c:v>716.11</c:v>
                </c:pt>
                <c:pt idx="2839">
                  <c:v>716.24199999999996</c:v>
                </c:pt>
                <c:pt idx="2840">
                  <c:v>716.59500000000003</c:v>
                </c:pt>
                <c:pt idx="2841">
                  <c:v>716.79700000000003</c:v>
                </c:pt>
                <c:pt idx="2842">
                  <c:v>716.91099999999994</c:v>
                </c:pt>
                <c:pt idx="2843">
                  <c:v>717.12800000000004</c:v>
                </c:pt>
                <c:pt idx="2844">
                  <c:v>717.36599999999999</c:v>
                </c:pt>
                <c:pt idx="2845">
                  <c:v>717.59799999999996</c:v>
                </c:pt>
                <c:pt idx="2846">
                  <c:v>717.923</c:v>
                </c:pt>
                <c:pt idx="2847">
                  <c:v>718.17700000000002</c:v>
                </c:pt>
                <c:pt idx="2848">
                  <c:v>718.47500000000002</c:v>
                </c:pt>
                <c:pt idx="2849">
                  <c:v>718.93100000000004</c:v>
                </c:pt>
                <c:pt idx="2850">
                  <c:v>719.19500000000005</c:v>
                </c:pt>
                <c:pt idx="2851">
                  <c:v>719.577</c:v>
                </c:pt>
                <c:pt idx="2852">
                  <c:v>719.67100000000005</c:v>
                </c:pt>
                <c:pt idx="2853">
                  <c:v>719.80100000000004</c:v>
                </c:pt>
                <c:pt idx="2854">
                  <c:v>720.13599999999997</c:v>
                </c:pt>
                <c:pt idx="2855">
                  <c:v>720.24</c:v>
                </c:pt>
                <c:pt idx="2856">
                  <c:v>720.49</c:v>
                </c:pt>
                <c:pt idx="2857">
                  <c:v>720.726</c:v>
                </c:pt>
                <c:pt idx="2858">
                  <c:v>721.18799999999999</c:v>
                </c:pt>
                <c:pt idx="2859">
                  <c:v>721.44</c:v>
                </c:pt>
                <c:pt idx="2860">
                  <c:v>721.54499999999996</c:v>
                </c:pt>
                <c:pt idx="2861">
                  <c:v>721.83399999999995</c:v>
                </c:pt>
                <c:pt idx="2862">
                  <c:v>721.95100000000002</c:v>
                </c:pt>
                <c:pt idx="2863">
                  <c:v>722.38400000000001</c:v>
                </c:pt>
                <c:pt idx="2864">
                  <c:v>722.702</c:v>
                </c:pt>
                <c:pt idx="2865">
                  <c:v>722.77700000000004</c:v>
                </c:pt>
                <c:pt idx="2866">
                  <c:v>722.99400000000003</c:v>
                </c:pt>
                <c:pt idx="2867">
                  <c:v>723.35799999999995</c:v>
                </c:pt>
                <c:pt idx="2868">
                  <c:v>723.73800000000006</c:v>
                </c:pt>
                <c:pt idx="2869">
                  <c:v>723.78599999999994</c:v>
                </c:pt>
                <c:pt idx="2870">
                  <c:v>724.077</c:v>
                </c:pt>
                <c:pt idx="2871">
                  <c:v>724.476</c:v>
                </c:pt>
                <c:pt idx="2872">
                  <c:v>724.96</c:v>
                </c:pt>
                <c:pt idx="2873">
                  <c:v>725.21900000000005</c:v>
                </c:pt>
                <c:pt idx="2874">
                  <c:v>725.36</c:v>
                </c:pt>
                <c:pt idx="2875">
                  <c:v>725.57500000000005</c:v>
                </c:pt>
                <c:pt idx="2876">
                  <c:v>726.08199999999999</c:v>
                </c:pt>
                <c:pt idx="2877">
                  <c:v>726.23699999999997</c:v>
                </c:pt>
                <c:pt idx="2878">
                  <c:v>726.57299999999998</c:v>
                </c:pt>
                <c:pt idx="2879">
                  <c:v>726.81600000000003</c:v>
                </c:pt>
                <c:pt idx="2880">
                  <c:v>726.98599999999999</c:v>
                </c:pt>
                <c:pt idx="2881">
                  <c:v>727.18299999999999</c:v>
                </c:pt>
                <c:pt idx="2882">
                  <c:v>727.17700000000002</c:v>
                </c:pt>
                <c:pt idx="2883">
                  <c:v>727.67600000000004</c:v>
                </c:pt>
                <c:pt idx="2884">
                  <c:v>727.63800000000003</c:v>
                </c:pt>
                <c:pt idx="2885">
                  <c:v>728.096</c:v>
                </c:pt>
                <c:pt idx="2886">
                  <c:v>728.59699999999998</c:v>
                </c:pt>
                <c:pt idx="2887">
                  <c:v>728.92100000000005</c:v>
                </c:pt>
                <c:pt idx="2888">
                  <c:v>728.93499999999995</c:v>
                </c:pt>
                <c:pt idx="2889">
                  <c:v>729.48400000000004</c:v>
                </c:pt>
                <c:pt idx="2890">
                  <c:v>729.74800000000005</c:v>
                </c:pt>
                <c:pt idx="2891">
                  <c:v>729.82600000000002</c:v>
                </c:pt>
                <c:pt idx="2892">
                  <c:v>729.904</c:v>
                </c:pt>
                <c:pt idx="2893">
                  <c:v>729.83399999999995</c:v>
                </c:pt>
                <c:pt idx="2894">
                  <c:v>730.08500000000004</c:v>
                </c:pt>
                <c:pt idx="2895">
                  <c:v>730.38</c:v>
                </c:pt>
                <c:pt idx="2896">
                  <c:v>730.72299999999996</c:v>
                </c:pt>
                <c:pt idx="2897">
                  <c:v>731.05200000000002</c:v>
                </c:pt>
                <c:pt idx="2898">
                  <c:v>731.39200000000005</c:v>
                </c:pt>
                <c:pt idx="2899">
                  <c:v>731.58299999999997</c:v>
                </c:pt>
                <c:pt idx="2900">
                  <c:v>731.95100000000002</c:v>
                </c:pt>
                <c:pt idx="2901">
                  <c:v>732.20399999999995</c:v>
                </c:pt>
                <c:pt idx="2902">
                  <c:v>732.60199999999998</c:v>
                </c:pt>
                <c:pt idx="2903">
                  <c:v>732.98400000000004</c:v>
                </c:pt>
                <c:pt idx="2904">
                  <c:v>732.99699999999996</c:v>
                </c:pt>
                <c:pt idx="2905">
                  <c:v>733.32399999999996</c:v>
                </c:pt>
                <c:pt idx="2906">
                  <c:v>733.68499999999995</c:v>
                </c:pt>
                <c:pt idx="2907">
                  <c:v>733.86599999999999</c:v>
                </c:pt>
                <c:pt idx="2908">
                  <c:v>734.303</c:v>
                </c:pt>
                <c:pt idx="2909">
                  <c:v>734.5</c:v>
                </c:pt>
                <c:pt idx="2910">
                  <c:v>734.78899999999999</c:v>
                </c:pt>
                <c:pt idx="2911">
                  <c:v>735.12800000000004</c:v>
                </c:pt>
                <c:pt idx="2912">
                  <c:v>735.33199999999999</c:v>
                </c:pt>
                <c:pt idx="2913">
                  <c:v>735.82100000000003</c:v>
                </c:pt>
                <c:pt idx="2914">
                  <c:v>736.22699999999998</c:v>
                </c:pt>
                <c:pt idx="2915">
                  <c:v>736.41200000000003</c:v>
                </c:pt>
                <c:pt idx="2916">
                  <c:v>736.59199999999998</c:v>
                </c:pt>
                <c:pt idx="2917">
                  <c:v>736.85299999999995</c:v>
                </c:pt>
                <c:pt idx="2918">
                  <c:v>737.12800000000004</c:v>
                </c:pt>
                <c:pt idx="2919">
                  <c:v>737.41800000000001</c:v>
                </c:pt>
                <c:pt idx="2920">
                  <c:v>737.6</c:v>
                </c:pt>
                <c:pt idx="2921">
                  <c:v>738.03099999999995</c:v>
                </c:pt>
                <c:pt idx="2922">
                  <c:v>738.24599999999998</c:v>
                </c:pt>
                <c:pt idx="2923">
                  <c:v>738.27</c:v>
                </c:pt>
                <c:pt idx="2924">
                  <c:v>738.34299999999996</c:v>
                </c:pt>
                <c:pt idx="2925">
                  <c:v>738.61400000000003</c:v>
                </c:pt>
                <c:pt idx="2926">
                  <c:v>738.85599999999999</c:v>
                </c:pt>
                <c:pt idx="2927">
                  <c:v>739.23199999999997</c:v>
                </c:pt>
                <c:pt idx="2928">
                  <c:v>739.37699999999995</c:v>
                </c:pt>
                <c:pt idx="2929">
                  <c:v>739.69399999999996</c:v>
                </c:pt>
                <c:pt idx="2930">
                  <c:v>739.81799999999998</c:v>
                </c:pt>
                <c:pt idx="2931">
                  <c:v>740.16399999999999</c:v>
                </c:pt>
                <c:pt idx="2932">
                  <c:v>740.44899999999996</c:v>
                </c:pt>
                <c:pt idx="2933">
                  <c:v>740.86300000000006</c:v>
                </c:pt>
                <c:pt idx="2934">
                  <c:v>740.98699999999997</c:v>
                </c:pt>
                <c:pt idx="2935">
                  <c:v>741.16099999999994</c:v>
                </c:pt>
                <c:pt idx="2936">
                  <c:v>741.56200000000001</c:v>
                </c:pt>
                <c:pt idx="2937">
                  <c:v>741.745</c:v>
                </c:pt>
                <c:pt idx="2938">
                  <c:v>741.87400000000002</c:v>
                </c:pt>
                <c:pt idx="2939">
                  <c:v>742.25599999999997</c:v>
                </c:pt>
                <c:pt idx="2940">
                  <c:v>742.46400000000006</c:v>
                </c:pt>
                <c:pt idx="2941">
                  <c:v>742.88400000000001</c:v>
                </c:pt>
                <c:pt idx="2942">
                  <c:v>743.31200000000001</c:v>
                </c:pt>
                <c:pt idx="2943">
                  <c:v>743.50400000000002</c:v>
                </c:pt>
                <c:pt idx="2944">
                  <c:v>743.83500000000004</c:v>
                </c:pt>
                <c:pt idx="2945">
                  <c:v>744.096</c:v>
                </c:pt>
                <c:pt idx="2946">
                  <c:v>744.24800000000005</c:v>
                </c:pt>
                <c:pt idx="2947">
                  <c:v>744.59900000000005</c:v>
                </c:pt>
                <c:pt idx="2948">
                  <c:v>745.08600000000001</c:v>
                </c:pt>
                <c:pt idx="2949">
                  <c:v>745.29499999999996</c:v>
                </c:pt>
                <c:pt idx="2950">
                  <c:v>745.71299999999997</c:v>
                </c:pt>
                <c:pt idx="2951">
                  <c:v>745.90099999999995</c:v>
                </c:pt>
                <c:pt idx="2952">
                  <c:v>745.96400000000006</c:v>
                </c:pt>
                <c:pt idx="2953">
                  <c:v>746.20899999999995</c:v>
                </c:pt>
                <c:pt idx="2954">
                  <c:v>746.63800000000003</c:v>
                </c:pt>
                <c:pt idx="2955">
                  <c:v>746.87</c:v>
                </c:pt>
                <c:pt idx="2956">
                  <c:v>746.84799999999996</c:v>
                </c:pt>
                <c:pt idx="2957">
                  <c:v>747.23800000000006</c:v>
                </c:pt>
                <c:pt idx="2958">
                  <c:v>747.53499999999997</c:v>
                </c:pt>
                <c:pt idx="2959">
                  <c:v>747.71199999999999</c:v>
                </c:pt>
                <c:pt idx="2960">
                  <c:v>747.88199999999995</c:v>
                </c:pt>
                <c:pt idx="2961">
                  <c:v>748.16099999999994</c:v>
                </c:pt>
                <c:pt idx="2962">
                  <c:v>748.41800000000001</c:v>
                </c:pt>
                <c:pt idx="2963">
                  <c:v>748.84699999999998</c:v>
                </c:pt>
                <c:pt idx="2964">
                  <c:v>748.96900000000005</c:v>
                </c:pt>
                <c:pt idx="2965">
                  <c:v>749.21699999999998</c:v>
                </c:pt>
                <c:pt idx="2966">
                  <c:v>749.46400000000006</c:v>
                </c:pt>
                <c:pt idx="2967">
                  <c:v>749.42899999999997</c:v>
                </c:pt>
                <c:pt idx="2968">
                  <c:v>749.76099999999997</c:v>
                </c:pt>
                <c:pt idx="2969">
                  <c:v>749.87300000000005</c:v>
                </c:pt>
                <c:pt idx="2970">
                  <c:v>750.24400000000003</c:v>
                </c:pt>
                <c:pt idx="2971">
                  <c:v>750.69500000000005</c:v>
                </c:pt>
                <c:pt idx="2972">
                  <c:v>750.76199999999994</c:v>
                </c:pt>
                <c:pt idx="2973">
                  <c:v>751.03300000000002</c:v>
                </c:pt>
                <c:pt idx="2974">
                  <c:v>751.34100000000001</c:v>
                </c:pt>
                <c:pt idx="2975">
                  <c:v>751.56500000000005</c:v>
                </c:pt>
                <c:pt idx="2976">
                  <c:v>751.96600000000001</c:v>
                </c:pt>
                <c:pt idx="2977">
                  <c:v>752.053</c:v>
                </c:pt>
                <c:pt idx="2978">
                  <c:v>752.476</c:v>
                </c:pt>
                <c:pt idx="2979">
                  <c:v>752.73400000000004</c:v>
                </c:pt>
                <c:pt idx="2980">
                  <c:v>752.98900000000003</c:v>
                </c:pt>
                <c:pt idx="2981">
                  <c:v>753.15599999999995</c:v>
                </c:pt>
                <c:pt idx="2982">
                  <c:v>753.45600000000002</c:v>
                </c:pt>
                <c:pt idx="2983">
                  <c:v>753.80399999999997</c:v>
                </c:pt>
                <c:pt idx="2984">
                  <c:v>754.02099999999996</c:v>
                </c:pt>
                <c:pt idx="2985">
                  <c:v>754.45100000000002</c:v>
                </c:pt>
                <c:pt idx="2986">
                  <c:v>754.69600000000003</c:v>
                </c:pt>
                <c:pt idx="2987">
                  <c:v>754.928</c:v>
                </c:pt>
                <c:pt idx="2988">
                  <c:v>755.08900000000006</c:v>
                </c:pt>
                <c:pt idx="2989">
                  <c:v>755.04700000000003</c:v>
                </c:pt>
                <c:pt idx="2990">
                  <c:v>755.22</c:v>
                </c:pt>
                <c:pt idx="2991">
                  <c:v>755.71799999999996</c:v>
                </c:pt>
                <c:pt idx="2992">
                  <c:v>755.78700000000003</c:v>
                </c:pt>
                <c:pt idx="2993">
                  <c:v>756.15599999999995</c:v>
                </c:pt>
                <c:pt idx="2994">
                  <c:v>756.41</c:v>
                </c:pt>
                <c:pt idx="2995">
                  <c:v>756.65300000000002</c:v>
                </c:pt>
                <c:pt idx="2996">
                  <c:v>756.82100000000003</c:v>
                </c:pt>
                <c:pt idx="2997">
                  <c:v>757.35900000000004</c:v>
                </c:pt>
                <c:pt idx="2998">
                  <c:v>757.60299999999995</c:v>
                </c:pt>
                <c:pt idx="2999">
                  <c:v>757.75900000000001</c:v>
                </c:pt>
                <c:pt idx="3000">
                  <c:v>758.02599999999995</c:v>
                </c:pt>
                <c:pt idx="3001">
                  <c:v>758.38699999999994</c:v>
                </c:pt>
                <c:pt idx="3002">
                  <c:v>758.69</c:v>
                </c:pt>
                <c:pt idx="3003">
                  <c:v>758.93899999999996</c:v>
                </c:pt>
                <c:pt idx="3004">
                  <c:v>759.14400000000001</c:v>
                </c:pt>
                <c:pt idx="3005">
                  <c:v>759.30799999999999</c:v>
                </c:pt>
                <c:pt idx="3006">
                  <c:v>759.45399999999995</c:v>
                </c:pt>
                <c:pt idx="3007">
                  <c:v>759.59299999999996</c:v>
                </c:pt>
                <c:pt idx="3008">
                  <c:v>760.00400000000002</c:v>
                </c:pt>
                <c:pt idx="3009">
                  <c:v>760.28700000000003</c:v>
                </c:pt>
                <c:pt idx="3010">
                  <c:v>760.48099999999999</c:v>
                </c:pt>
                <c:pt idx="3011">
                  <c:v>760.74199999999996</c:v>
                </c:pt>
                <c:pt idx="3012">
                  <c:v>760.99400000000003</c:v>
                </c:pt>
                <c:pt idx="3013">
                  <c:v>761.04899999999998</c:v>
                </c:pt>
                <c:pt idx="3014">
                  <c:v>761.19899999999996</c:v>
                </c:pt>
                <c:pt idx="3015">
                  <c:v>761.55600000000004</c:v>
                </c:pt>
                <c:pt idx="3016">
                  <c:v>761.95899999999995</c:v>
                </c:pt>
                <c:pt idx="3017">
                  <c:v>762.41700000000003</c:v>
                </c:pt>
                <c:pt idx="3018">
                  <c:v>762.75</c:v>
                </c:pt>
                <c:pt idx="3019">
                  <c:v>763.09100000000001</c:v>
                </c:pt>
                <c:pt idx="3020">
                  <c:v>763.43499999999995</c:v>
                </c:pt>
                <c:pt idx="3021">
                  <c:v>763.61099999999999</c:v>
                </c:pt>
                <c:pt idx="3022">
                  <c:v>763.81600000000003</c:v>
                </c:pt>
                <c:pt idx="3023">
                  <c:v>764.06799999999998</c:v>
                </c:pt>
                <c:pt idx="3024">
                  <c:v>764.31600000000003</c:v>
                </c:pt>
                <c:pt idx="3025">
                  <c:v>764.48099999999999</c:v>
                </c:pt>
                <c:pt idx="3026">
                  <c:v>764.66200000000003</c:v>
                </c:pt>
                <c:pt idx="3027">
                  <c:v>765.03499999999997</c:v>
                </c:pt>
                <c:pt idx="3028">
                  <c:v>765.23699999999997</c:v>
                </c:pt>
                <c:pt idx="3029">
                  <c:v>765.48599999999999</c:v>
                </c:pt>
                <c:pt idx="3030">
                  <c:v>765.74900000000002</c:v>
                </c:pt>
                <c:pt idx="3031">
                  <c:v>765.98900000000003</c:v>
                </c:pt>
                <c:pt idx="3032">
                  <c:v>766.21900000000005</c:v>
                </c:pt>
                <c:pt idx="3033">
                  <c:v>766.25599999999997</c:v>
                </c:pt>
                <c:pt idx="3034">
                  <c:v>766.58600000000001</c:v>
                </c:pt>
                <c:pt idx="3035">
                  <c:v>766.86400000000003</c:v>
                </c:pt>
                <c:pt idx="3036">
                  <c:v>767.10599999999999</c:v>
                </c:pt>
                <c:pt idx="3037">
                  <c:v>767.50400000000002</c:v>
                </c:pt>
                <c:pt idx="3038">
                  <c:v>767.92200000000003</c:v>
                </c:pt>
                <c:pt idx="3039">
                  <c:v>768.07500000000005</c:v>
                </c:pt>
                <c:pt idx="3040">
                  <c:v>768.36699999999996</c:v>
                </c:pt>
                <c:pt idx="3041">
                  <c:v>768.58699999999999</c:v>
                </c:pt>
                <c:pt idx="3042">
                  <c:v>768.74300000000005</c:v>
                </c:pt>
                <c:pt idx="3043">
                  <c:v>768.88699999999994</c:v>
                </c:pt>
                <c:pt idx="3044">
                  <c:v>768.947</c:v>
                </c:pt>
                <c:pt idx="3045">
                  <c:v>769.22900000000004</c:v>
                </c:pt>
                <c:pt idx="3046">
                  <c:v>769.572</c:v>
                </c:pt>
                <c:pt idx="3047">
                  <c:v>769.88400000000001</c:v>
                </c:pt>
                <c:pt idx="3048">
                  <c:v>770</c:v>
                </c:pt>
                <c:pt idx="3049">
                  <c:v>770.13699999999994</c:v>
                </c:pt>
                <c:pt idx="3050">
                  <c:v>770.61199999999997</c:v>
                </c:pt>
                <c:pt idx="3051">
                  <c:v>770.97299999999996</c:v>
                </c:pt>
                <c:pt idx="3052">
                  <c:v>771.33</c:v>
                </c:pt>
                <c:pt idx="3053">
                  <c:v>771.54300000000001</c:v>
                </c:pt>
                <c:pt idx="3054">
                  <c:v>771.62699999999995</c:v>
                </c:pt>
                <c:pt idx="3055">
                  <c:v>771.678</c:v>
                </c:pt>
                <c:pt idx="3056">
                  <c:v>771.971</c:v>
                </c:pt>
                <c:pt idx="3057">
                  <c:v>772.23900000000003</c:v>
                </c:pt>
                <c:pt idx="3058">
                  <c:v>772.81799999999998</c:v>
                </c:pt>
                <c:pt idx="3059">
                  <c:v>773.17100000000005</c:v>
                </c:pt>
                <c:pt idx="3060">
                  <c:v>773.46100000000001</c:v>
                </c:pt>
                <c:pt idx="3061">
                  <c:v>773.83100000000002</c:v>
                </c:pt>
                <c:pt idx="3062">
                  <c:v>774.10900000000004</c:v>
                </c:pt>
                <c:pt idx="3063">
                  <c:v>774.42100000000005</c:v>
                </c:pt>
                <c:pt idx="3064">
                  <c:v>774.27800000000002</c:v>
                </c:pt>
                <c:pt idx="3065">
                  <c:v>774.62300000000005</c:v>
                </c:pt>
                <c:pt idx="3066">
                  <c:v>774.952</c:v>
                </c:pt>
                <c:pt idx="3067">
                  <c:v>775.10799999999995</c:v>
                </c:pt>
                <c:pt idx="3068">
                  <c:v>775.274</c:v>
                </c:pt>
                <c:pt idx="3069">
                  <c:v>775.62</c:v>
                </c:pt>
                <c:pt idx="3070">
                  <c:v>775.67899999999997</c:v>
                </c:pt>
                <c:pt idx="3071">
                  <c:v>776.08699999999999</c:v>
                </c:pt>
                <c:pt idx="3072">
                  <c:v>776.25699999999995</c:v>
                </c:pt>
                <c:pt idx="3073">
                  <c:v>776.72900000000004</c:v>
                </c:pt>
                <c:pt idx="3074">
                  <c:v>777.04300000000001</c:v>
                </c:pt>
                <c:pt idx="3075">
                  <c:v>777.00199999999995</c:v>
                </c:pt>
                <c:pt idx="3076">
                  <c:v>777.52200000000005</c:v>
                </c:pt>
                <c:pt idx="3077">
                  <c:v>777.79600000000005</c:v>
                </c:pt>
                <c:pt idx="3078">
                  <c:v>777.86300000000006</c:v>
                </c:pt>
                <c:pt idx="3079">
                  <c:v>778.29399999999998</c:v>
                </c:pt>
                <c:pt idx="3080">
                  <c:v>778.72199999999998</c:v>
                </c:pt>
                <c:pt idx="3081">
                  <c:v>779.05</c:v>
                </c:pt>
                <c:pt idx="3082">
                  <c:v>779.18399999999997</c:v>
                </c:pt>
                <c:pt idx="3083">
                  <c:v>779.06399999999996</c:v>
                </c:pt>
                <c:pt idx="3084">
                  <c:v>779.375</c:v>
                </c:pt>
                <c:pt idx="3085">
                  <c:v>779.73500000000001</c:v>
                </c:pt>
                <c:pt idx="3086">
                  <c:v>779.88300000000004</c:v>
                </c:pt>
                <c:pt idx="3087">
                  <c:v>780.06</c:v>
                </c:pt>
                <c:pt idx="3088">
                  <c:v>780.16200000000003</c:v>
                </c:pt>
                <c:pt idx="3089">
                  <c:v>780.53300000000002</c:v>
                </c:pt>
                <c:pt idx="3090">
                  <c:v>780.78700000000003</c:v>
                </c:pt>
                <c:pt idx="3091">
                  <c:v>781.08299999999997</c:v>
                </c:pt>
                <c:pt idx="3092">
                  <c:v>781.44200000000001</c:v>
                </c:pt>
                <c:pt idx="3093">
                  <c:v>781.42700000000002</c:v>
                </c:pt>
                <c:pt idx="3094">
                  <c:v>781.86900000000003</c:v>
                </c:pt>
                <c:pt idx="3095">
                  <c:v>782.23299999999995</c:v>
                </c:pt>
                <c:pt idx="3096">
                  <c:v>782.38900000000001</c:v>
                </c:pt>
                <c:pt idx="3097">
                  <c:v>782.625</c:v>
                </c:pt>
                <c:pt idx="3098">
                  <c:v>782.99699999999996</c:v>
                </c:pt>
                <c:pt idx="3099">
                  <c:v>783.14099999999996</c:v>
                </c:pt>
                <c:pt idx="3100">
                  <c:v>783.39200000000005</c:v>
                </c:pt>
                <c:pt idx="3101">
                  <c:v>783.673</c:v>
                </c:pt>
                <c:pt idx="3102">
                  <c:v>784.096</c:v>
                </c:pt>
                <c:pt idx="3103">
                  <c:v>784.33100000000002</c:v>
                </c:pt>
                <c:pt idx="3104">
                  <c:v>784.62400000000002</c:v>
                </c:pt>
                <c:pt idx="3105">
                  <c:v>784.73099999999999</c:v>
                </c:pt>
                <c:pt idx="3106">
                  <c:v>785.18600000000004</c:v>
                </c:pt>
                <c:pt idx="3107">
                  <c:v>785.14800000000002</c:v>
                </c:pt>
                <c:pt idx="3108">
                  <c:v>785.59100000000001</c:v>
                </c:pt>
                <c:pt idx="3109">
                  <c:v>785.98699999999997</c:v>
                </c:pt>
                <c:pt idx="3110">
                  <c:v>786.08100000000002</c:v>
                </c:pt>
                <c:pt idx="3111">
                  <c:v>786.33699999999999</c:v>
                </c:pt>
                <c:pt idx="3112">
                  <c:v>786.45399999999995</c:v>
                </c:pt>
                <c:pt idx="3113">
                  <c:v>786.57600000000002</c:v>
                </c:pt>
                <c:pt idx="3114">
                  <c:v>786.91200000000003</c:v>
                </c:pt>
                <c:pt idx="3115">
                  <c:v>787.35400000000004</c:v>
                </c:pt>
                <c:pt idx="3116">
                  <c:v>787.56299999999999</c:v>
                </c:pt>
                <c:pt idx="3117">
                  <c:v>787.74699999999996</c:v>
                </c:pt>
                <c:pt idx="3118">
                  <c:v>788.03700000000003</c:v>
                </c:pt>
                <c:pt idx="3119">
                  <c:v>788.077</c:v>
                </c:pt>
                <c:pt idx="3120">
                  <c:v>788.21400000000006</c:v>
                </c:pt>
                <c:pt idx="3121">
                  <c:v>788.80499999999995</c:v>
                </c:pt>
                <c:pt idx="3122">
                  <c:v>789.19200000000001</c:v>
                </c:pt>
                <c:pt idx="3123">
                  <c:v>789.37099999999998</c:v>
                </c:pt>
                <c:pt idx="3124">
                  <c:v>789.375</c:v>
                </c:pt>
                <c:pt idx="3125">
                  <c:v>789.86900000000003</c:v>
                </c:pt>
                <c:pt idx="3126">
                  <c:v>790.37699999999995</c:v>
                </c:pt>
                <c:pt idx="3127">
                  <c:v>790.46199999999999</c:v>
                </c:pt>
                <c:pt idx="3128">
                  <c:v>790.49599999999998</c:v>
                </c:pt>
                <c:pt idx="3129">
                  <c:v>790.89499999999998</c:v>
                </c:pt>
                <c:pt idx="3130">
                  <c:v>791.43600000000004</c:v>
                </c:pt>
                <c:pt idx="3131">
                  <c:v>791.822</c:v>
                </c:pt>
                <c:pt idx="3132">
                  <c:v>792.06</c:v>
                </c:pt>
                <c:pt idx="3133">
                  <c:v>792.24800000000005</c:v>
                </c:pt>
                <c:pt idx="3134">
                  <c:v>792.44399999999996</c:v>
                </c:pt>
                <c:pt idx="3135">
                  <c:v>792.62800000000004</c:v>
                </c:pt>
                <c:pt idx="3136">
                  <c:v>792.90599999999995</c:v>
                </c:pt>
                <c:pt idx="3137">
                  <c:v>793.25800000000004</c:v>
                </c:pt>
                <c:pt idx="3138">
                  <c:v>793.34799999999996</c:v>
                </c:pt>
                <c:pt idx="3139">
                  <c:v>793.505</c:v>
                </c:pt>
                <c:pt idx="3140">
                  <c:v>793.91800000000001</c:v>
                </c:pt>
                <c:pt idx="3141">
                  <c:v>794.18</c:v>
                </c:pt>
                <c:pt idx="3142">
                  <c:v>794.33900000000006</c:v>
                </c:pt>
                <c:pt idx="3143">
                  <c:v>794.63699999999994</c:v>
                </c:pt>
                <c:pt idx="3144">
                  <c:v>794.68200000000002</c:v>
                </c:pt>
                <c:pt idx="3145">
                  <c:v>794.80700000000002</c:v>
                </c:pt>
                <c:pt idx="3146">
                  <c:v>795.36500000000001</c:v>
                </c:pt>
                <c:pt idx="3147">
                  <c:v>795.77599999999995</c:v>
                </c:pt>
                <c:pt idx="3148">
                  <c:v>796.02700000000004</c:v>
                </c:pt>
                <c:pt idx="3149">
                  <c:v>796.46</c:v>
                </c:pt>
                <c:pt idx="3150">
                  <c:v>796.51900000000001</c:v>
                </c:pt>
                <c:pt idx="3151">
                  <c:v>796.92100000000005</c:v>
                </c:pt>
                <c:pt idx="3152">
                  <c:v>796.97299999999996</c:v>
                </c:pt>
                <c:pt idx="3153">
                  <c:v>797.13300000000004</c:v>
                </c:pt>
                <c:pt idx="3154">
                  <c:v>797.44799999999998</c:v>
                </c:pt>
                <c:pt idx="3155">
                  <c:v>797.71299999999997</c:v>
                </c:pt>
                <c:pt idx="3156">
                  <c:v>798.05499999999995</c:v>
                </c:pt>
                <c:pt idx="3157">
                  <c:v>798.21900000000005</c:v>
                </c:pt>
                <c:pt idx="3158">
                  <c:v>798.60599999999999</c:v>
                </c:pt>
                <c:pt idx="3159">
                  <c:v>798.97900000000004</c:v>
                </c:pt>
                <c:pt idx="3160">
                  <c:v>799.11699999999996</c:v>
                </c:pt>
                <c:pt idx="3161">
                  <c:v>799.34699999999998</c:v>
                </c:pt>
                <c:pt idx="3162">
                  <c:v>799.79</c:v>
                </c:pt>
                <c:pt idx="3163">
                  <c:v>799.95899999999995</c:v>
                </c:pt>
                <c:pt idx="3164">
                  <c:v>800.36199999999997</c:v>
                </c:pt>
                <c:pt idx="3165">
                  <c:v>800.60299999999995</c:v>
                </c:pt>
                <c:pt idx="3166">
                  <c:v>800.78399999999999</c:v>
                </c:pt>
                <c:pt idx="3167">
                  <c:v>801.072</c:v>
                </c:pt>
                <c:pt idx="3168">
                  <c:v>801.21600000000001</c:v>
                </c:pt>
                <c:pt idx="3169">
                  <c:v>801.67700000000002</c:v>
                </c:pt>
                <c:pt idx="3170">
                  <c:v>801.96500000000003</c:v>
                </c:pt>
                <c:pt idx="3171">
                  <c:v>802.14099999999996</c:v>
                </c:pt>
                <c:pt idx="3172">
                  <c:v>802.40899999999999</c:v>
                </c:pt>
                <c:pt idx="3173">
                  <c:v>802.71900000000005</c:v>
                </c:pt>
                <c:pt idx="3174">
                  <c:v>803.00599999999997</c:v>
                </c:pt>
                <c:pt idx="3175">
                  <c:v>803.24199999999996</c:v>
                </c:pt>
                <c:pt idx="3176">
                  <c:v>803.32</c:v>
                </c:pt>
                <c:pt idx="3177">
                  <c:v>803.25599999999997</c:v>
                </c:pt>
                <c:pt idx="3178">
                  <c:v>803.69799999999998</c:v>
                </c:pt>
                <c:pt idx="3179">
                  <c:v>804.101</c:v>
                </c:pt>
                <c:pt idx="3180">
                  <c:v>804.26</c:v>
                </c:pt>
                <c:pt idx="3181">
                  <c:v>804.64800000000002</c:v>
                </c:pt>
                <c:pt idx="3182">
                  <c:v>804.94299999999998</c:v>
                </c:pt>
                <c:pt idx="3183">
                  <c:v>804.94</c:v>
                </c:pt>
                <c:pt idx="3184">
                  <c:v>805.37300000000005</c:v>
                </c:pt>
                <c:pt idx="3185">
                  <c:v>805.55799999999999</c:v>
                </c:pt>
                <c:pt idx="3186">
                  <c:v>805.83399999999995</c:v>
                </c:pt>
                <c:pt idx="3187">
                  <c:v>806.08799999999997</c:v>
                </c:pt>
                <c:pt idx="3188">
                  <c:v>806.25300000000004</c:v>
                </c:pt>
                <c:pt idx="3189">
                  <c:v>806.60599999999999</c:v>
                </c:pt>
                <c:pt idx="3190">
                  <c:v>806.904</c:v>
                </c:pt>
                <c:pt idx="3191">
                  <c:v>807.13599999999997</c:v>
                </c:pt>
                <c:pt idx="3192">
                  <c:v>807.37199999999996</c:v>
                </c:pt>
                <c:pt idx="3193">
                  <c:v>807.77300000000002</c:v>
                </c:pt>
                <c:pt idx="3194">
                  <c:v>808.13199999999995</c:v>
                </c:pt>
                <c:pt idx="3195">
                  <c:v>808.38</c:v>
                </c:pt>
                <c:pt idx="3196">
                  <c:v>808.82</c:v>
                </c:pt>
                <c:pt idx="3197">
                  <c:v>809.02</c:v>
                </c:pt>
                <c:pt idx="3198">
                  <c:v>809.32100000000003</c:v>
                </c:pt>
                <c:pt idx="3199">
                  <c:v>809.40099999999995</c:v>
                </c:pt>
                <c:pt idx="3200">
                  <c:v>809.47</c:v>
                </c:pt>
                <c:pt idx="3201">
                  <c:v>809.63699999999994</c:v>
                </c:pt>
                <c:pt idx="3202">
                  <c:v>810.16200000000003</c:v>
                </c:pt>
                <c:pt idx="3203">
                  <c:v>810.46400000000006</c:v>
                </c:pt>
                <c:pt idx="3204">
                  <c:v>810.78099999999995</c:v>
                </c:pt>
                <c:pt idx="3205">
                  <c:v>811.03300000000002</c:v>
                </c:pt>
                <c:pt idx="3206">
                  <c:v>811.26900000000001</c:v>
                </c:pt>
                <c:pt idx="3207">
                  <c:v>811.529</c:v>
                </c:pt>
                <c:pt idx="3208">
                  <c:v>811.69399999999996</c:v>
                </c:pt>
                <c:pt idx="3209">
                  <c:v>811.93399999999997</c:v>
                </c:pt>
                <c:pt idx="3210">
                  <c:v>812.28700000000003</c:v>
                </c:pt>
                <c:pt idx="3211">
                  <c:v>812.63099999999997</c:v>
                </c:pt>
                <c:pt idx="3212">
                  <c:v>812.83799999999997</c:v>
                </c:pt>
                <c:pt idx="3213">
                  <c:v>812.98699999999997</c:v>
                </c:pt>
                <c:pt idx="3214">
                  <c:v>813.24300000000005</c:v>
                </c:pt>
                <c:pt idx="3215">
                  <c:v>813.19899999999996</c:v>
                </c:pt>
                <c:pt idx="3216">
                  <c:v>813.51099999999997</c:v>
                </c:pt>
                <c:pt idx="3217">
                  <c:v>813.90899999999999</c:v>
                </c:pt>
                <c:pt idx="3218">
                  <c:v>814.39200000000005</c:v>
                </c:pt>
                <c:pt idx="3219">
                  <c:v>814.71</c:v>
                </c:pt>
                <c:pt idx="3220">
                  <c:v>814.96699999999998</c:v>
                </c:pt>
                <c:pt idx="3221">
                  <c:v>815.01</c:v>
                </c:pt>
                <c:pt idx="3222">
                  <c:v>815.322</c:v>
                </c:pt>
                <c:pt idx="3223">
                  <c:v>815.36900000000003</c:v>
                </c:pt>
                <c:pt idx="3224">
                  <c:v>815.779</c:v>
                </c:pt>
                <c:pt idx="3225">
                  <c:v>816.01400000000001</c:v>
                </c:pt>
                <c:pt idx="3226">
                  <c:v>816.38499999999999</c:v>
                </c:pt>
                <c:pt idx="3227">
                  <c:v>816.57100000000003</c:v>
                </c:pt>
                <c:pt idx="3228">
                  <c:v>816.81899999999996</c:v>
                </c:pt>
                <c:pt idx="3229">
                  <c:v>817.15099999999995</c:v>
                </c:pt>
                <c:pt idx="3230">
                  <c:v>817.59</c:v>
                </c:pt>
                <c:pt idx="3231">
                  <c:v>817.79</c:v>
                </c:pt>
                <c:pt idx="3232">
                  <c:v>818.13099999999997</c:v>
                </c:pt>
                <c:pt idx="3233">
                  <c:v>818.43299999999999</c:v>
                </c:pt>
                <c:pt idx="3234">
                  <c:v>818.65300000000002</c:v>
                </c:pt>
                <c:pt idx="3235">
                  <c:v>818.69899999999996</c:v>
                </c:pt>
                <c:pt idx="3236">
                  <c:v>818.89200000000005</c:v>
                </c:pt>
                <c:pt idx="3237">
                  <c:v>819.17600000000004</c:v>
                </c:pt>
                <c:pt idx="3238">
                  <c:v>819.34400000000005</c:v>
                </c:pt>
                <c:pt idx="3239">
                  <c:v>819.48900000000003</c:v>
                </c:pt>
                <c:pt idx="3240">
                  <c:v>819.67200000000003</c:v>
                </c:pt>
                <c:pt idx="3241">
                  <c:v>819.90700000000004</c:v>
                </c:pt>
                <c:pt idx="3242">
                  <c:v>820.46</c:v>
                </c:pt>
                <c:pt idx="3243">
                  <c:v>820.85299999999995</c:v>
                </c:pt>
                <c:pt idx="3244">
                  <c:v>820.90300000000002</c:v>
                </c:pt>
                <c:pt idx="3245">
                  <c:v>821.23</c:v>
                </c:pt>
                <c:pt idx="3246">
                  <c:v>821.63499999999999</c:v>
                </c:pt>
                <c:pt idx="3247">
                  <c:v>822.00699999999995</c:v>
                </c:pt>
                <c:pt idx="3248">
                  <c:v>822.26400000000001</c:v>
                </c:pt>
                <c:pt idx="3249">
                  <c:v>822.37599999999998</c:v>
                </c:pt>
                <c:pt idx="3250">
                  <c:v>822.78599999999994</c:v>
                </c:pt>
                <c:pt idx="3251">
                  <c:v>822.96699999999998</c:v>
                </c:pt>
                <c:pt idx="3252">
                  <c:v>823.03700000000003</c:v>
                </c:pt>
                <c:pt idx="3253">
                  <c:v>823.05399999999997</c:v>
                </c:pt>
                <c:pt idx="3254">
                  <c:v>823.29100000000005</c:v>
                </c:pt>
                <c:pt idx="3255">
                  <c:v>823.56100000000004</c:v>
                </c:pt>
                <c:pt idx="3256">
                  <c:v>823.63400000000001</c:v>
                </c:pt>
                <c:pt idx="3257">
                  <c:v>824.14</c:v>
                </c:pt>
                <c:pt idx="3258">
                  <c:v>824.50199999999995</c:v>
                </c:pt>
                <c:pt idx="3259">
                  <c:v>824.55600000000004</c:v>
                </c:pt>
                <c:pt idx="3260">
                  <c:v>824.93600000000004</c:v>
                </c:pt>
                <c:pt idx="3261">
                  <c:v>825.52700000000004</c:v>
                </c:pt>
                <c:pt idx="3262">
                  <c:v>825.93</c:v>
                </c:pt>
                <c:pt idx="3263">
                  <c:v>825.98900000000003</c:v>
                </c:pt>
                <c:pt idx="3264">
                  <c:v>826.149</c:v>
                </c:pt>
                <c:pt idx="3265">
                  <c:v>826.25199999999995</c:v>
                </c:pt>
                <c:pt idx="3266">
                  <c:v>826.46100000000001</c:v>
                </c:pt>
                <c:pt idx="3267">
                  <c:v>827.03</c:v>
                </c:pt>
                <c:pt idx="3268">
                  <c:v>827.33399999999995</c:v>
                </c:pt>
                <c:pt idx="3269">
                  <c:v>827.63199999999995</c:v>
                </c:pt>
                <c:pt idx="3270">
                  <c:v>827.77200000000005</c:v>
                </c:pt>
                <c:pt idx="3271">
                  <c:v>828.01199999999994</c:v>
                </c:pt>
                <c:pt idx="3272">
                  <c:v>828.13</c:v>
                </c:pt>
                <c:pt idx="3273">
                  <c:v>828.25099999999998</c:v>
                </c:pt>
                <c:pt idx="3274">
                  <c:v>828.49099999999999</c:v>
                </c:pt>
                <c:pt idx="3275">
                  <c:v>828.87099999999998</c:v>
                </c:pt>
                <c:pt idx="3276">
                  <c:v>829.00599999999997</c:v>
                </c:pt>
                <c:pt idx="3277">
                  <c:v>829.32799999999997</c:v>
                </c:pt>
                <c:pt idx="3278">
                  <c:v>829.47</c:v>
                </c:pt>
                <c:pt idx="3279">
                  <c:v>829.755</c:v>
                </c:pt>
                <c:pt idx="3280">
                  <c:v>829.88900000000001</c:v>
                </c:pt>
                <c:pt idx="3281">
                  <c:v>830.16399999999999</c:v>
                </c:pt>
                <c:pt idx="3282">
                  <c:v>830.46500000000003</c:v>
                </c:pt>
                <c:pt idx="3283">
                  <c:v>830.94799999999998</c:v>
                </c:pt>
                <c:pt idx="3284">
                  <c:v>831.20299999999997</c:v>
                </c:pt>
                <c:pt idx="3285">
                  <c:v>831.72299999999996</c:v>
                </c:pt>
                <c:pt idx="3286">
                  <c:v>831.72</c:v>
                </c:pt>
                <c:pt idx="3287">
                  <c:v>831.98099999999999</c:v>
                </c:pt>
                <c:pt idx="3288">
                  <c:v>832.23400000000004</c:v>
                </c:pt>
                <c:pt idx="3289">
                  <c:v>832.31200000000001</c:v>
                </c:pt>
                <c:pt idx="3290">
                  <c:v>832.17700000000002</c:v>
                </c:pt>
                <c:pt idx="3291">
                  <c:v>832.71699999999998</c:v>
                </c:pt>
                <c:pt idx="3292">
                  <c:v>833.125</c:v>
                </c:pt>
                <c:pt idx="3293">
                  <c:v>833.60299999999995</c:v>
                </c:pt>
                <c:pt idx="3294">
                  <c:v>833.77700000000004</c:v>
                </c:pt>
                <c:pt idx="3295">
                  <c:v>834.01499999999999</c:v>
                </c:pt>
                <c:pt idx="3296">
                  <c:v>834.28700000000003</c:v>
                </c:pt>
                <c:pt idx="3297">
                  <c:v>834.40499999999997</c:v>
                </c:pt>
                <c:pt idx="3298">
                  <c:v>834.53</c:v>
                </c:pt>
                <c:pt idx="3299">
                  <c:v>834.93100000000004</c:v>
                </c:pt>
                <c:pt idx="3300">
                  <c:v>835.255</c:v>
                </c:pt>
                <c:pt idx="3301">
                  <c:v>835.41399999999999</c:v>
                </c:pt>
                <c:pt idx="3302">
                  <c:v>835.55600000000004</c:v>
                </c:pt>
                <c:pt idx="3303">
                  <c:v>836.21100000000001</c:v>
                </c:pt>
                <c:pt idx="3304">
                  <c:v>836.17</c:v>
                </c:pt>
                <c:pt idx="3305">
                  <c:v>836.39400000000001</c:v>
                </c:pt>
                <c:pt idx="3306">
                  <c:v>836.53700000000003</c:v>
                </c:pt>
                <c:pt idx="3307">
                  <c:v>836.78599999999994</c:v>
                </c:pt>
                <c:pt idx="3308">
                  <c:v>837.12099999999998</c:v>
                </c:pt>
                <c:pt idx="3309">
                  <c:v>837.45699999999999</c:v>
                </c:pt>
                <c:pt idx="3310">
                  <c:v>837.65300000000002</c:v>
                </c:pt>
                <c:pt idx="3311">
                  <c:v>838.01900000000001</c:v>
                </c:pt>
                <c:pt idx="3312">
                  <c:v>838.32299999999998</c:v>
                </c:pt>
                <c:pt idx="3313">
                  <c:v>838.81</c:v>
                </c:pt>
                <c:pt idx="3314">
                  <c:v>839.04100000000005</c:v>
                </c:pt>
                <c:pt idx="3315">
                  <c:v>839.32600000000002</c:v>
                </c:pt>
                <c:pt idx="3316">
                  <c:v>839.524</c:v>
                </c:pt>
                <c:pt idx="3317">
                  <c:v>839.70699999999999</c:v>
                </c:pt>
                <c:pt idx="3318">
                  <c:v>840.15899999999999</c:v>
                </c:pt>
                <c:pt idx="3319">
                  <c:v>840.35699999999997</c:v>
                </c:pt>
                <c:pt idx="3320">
                  <c:v>840.48900000000003</c:v>
                </c:pt>
                <c:pt idx="3321">
                  <c:v>840.63900000000001</c:v>
                </c:pt>
                <c:pt idx="3322">
                  <c:v>840.93399999999997</c:v>
                </c:pt>
                <c:pt idx="3323">
                  <c:v>841.18299999999999</c:v>
                </c:pt>
                <c:pt idx="3324">
                  <c:v>841.45899999999995</c:v>
                </c:pt>
                <c:pt idx="3325">
                  <c:v>841.67600000000004</c:v>
                </c:pt>
                <c:pt idx="3326">
                  <c:v>842.02499999999998</c:v>
                </c:pt>
                <c:pt idx="3327">
                  <c:v>842.23699999999997</c:v>
                </c:pt>
                <c:pt idx="3328">
                  <c:v>842.50199999999995</c:v>
                </c:pt>
                <c:pt idx="3329">
                  <c:v>842.82399999999996</c:v>
                </c:pt>
                <c:pt idx="3330">
                  <c:v>843.149</c:v>
                </c:pt>
                <c:pt idx="3331">
                  <c:v>843.59799999999996</c:v>
                </c:pt>
                <c:pt idx="3332">
                  <c:v>843.58699999999999</c:v>
                </c:pt>
                <c:pt idx="3333">
                  <c:v>843.89099999999996</c:v>
                </c:pt>
                <c:pt idx="3334">
                  <c:v>843.95699999999999</c:v>
                </c:pt>
                <c:pt idx="3335">
                  <c:v>844.33799999999997</c:v>
                </c:pt>
                <c:pt idx="3336">
                  <c:v>844.63800000000003</c:v>
                </c:pt>
                <c:pt idx="3337">
                  <c:v>844.86400000000003</c:v>
                </c:pt>
                <c:pt idx="3338">
                  <c:v>845.35500000000002</c:v>
                </c:pt>
                <c:pt idx="3339">
                  <c:v>845.73900000000003</c:v>
                </c:pt>
                <c:pt idx="3340">
                  <c:v>845.74800000000005</c:v>
                </c:pt>
                <c:pt idx="3341">
                  <c:v>845.8</c:v>
                </c:pt>
                <c:pt idx="3342">
                  <c:v>845.69899999999996</c:v>
                </c:pt>
                <c:pt idx="3343">
                  <c:v>845.96699999999998</c:v>
                </c:pt>
                <c:pt idx="3344">
                  <c:v>846.00699999999995</c:v>
                </c:pt>
                <c:pt idx="3345">
                  <c:v>845.73500000000001</c:v>
                </c:pt>
                <c:pt idx="3346">
                  <c:v>845.71199999999999</c:v>
                </c:pt>
                <c:pt idx="3347">
                  <c:v>845.83299999999997</c:v>
                </c:pt>
                <c:pt idx="3348">
                  <c:v>845.976</c:v>
                </c:pt>
                <c:pt idx="3349">
                  <c:v>846.09</c:v>
                </c:pt>
                <c:pt idx="3350">
                  <c:v>846.18499999999995</c:v>
                </c:pt>
                <c:pt idx="3351">
                  <c:v>846.25099999999998</c:v>
                </c:pt>
                <c:pt idx="3352">
                  <c:v>846.37099999999998</c:v>
                </c:pt>
                <c:pt idx="3353">
                  <c:v>846.45899999999995</c:v>
                </c:pt>
                <c:pt idx="3354">
                  <c:v>846.63800000000003</c:v>
                </c:pt>
                <c:pt idx="3355">
                  <c:v>846.78499999999997</c:v>
                </c:pt>
                <c:pt idx="3356">
                  <c:v>846.85299999999995</c:v>
                </c:pt>
                <c:pt idx="3357">
                  <c:v>846.97299999999996</c:v>
                </c:pt>
                <c:pt idx="3358">
                  <c:v>847.17499999999995</c:v>
                </c:pt>
                <c:pt idx="3359">
                  <c:v>847.25900000000001</c:v>
                </c:pt>
                <c:pt idx="3360">
                  <c:v>847.24</c:v>
                </c:pt>
                <c:pt idx="3361">
                  <c:v>847.33500000000004</c:v>
                </c:pt>
                <c:pt idx="3362">
                  <c:v>847.50800000000004</c:v>
                </c:pt>
                <c:pt idx="3363">
                  <c:v>847.79499999999996</c:v>
                </c:pt>
                <c:pt idx="3364">
                  <c:v>847.93</c:v>
                </c:pt>
                <c:pt idx="3365">
                  <c:v>848.08500000000004</c:v>
                </c:pt>
                <c:pt idx="3366">
                  <c:v>848.245</c:v>
                </c:pt>
                <c:pt idx="3367">
                  <c:v>848.47699999999998</c:v>
                </c:pt>
                <c:pt idx="3368">
                  <c:v>848.40300000000002</c:v>
                </c:pt>
                <c:pt idx="3369">
                  <c:v>848.50400000000002</c:v>
                </c:pt>
                <c:pt idx="3370">
                  <c:v>848.50900000000001</c:v>
                </c:pt>
                <c:pt idx="3371">
                  <c:v>848.58100000000002</c:v>
                </c:pt>
                <c:pt idx="3372">
                  <c:v>848.625</c:v>
                </c:pt>
                <c:pt idx="3373">
                  <c:v>848.85400000000004</c:v>
                </c:pt>
                <c:pt idx="3374">
                  <c:v>848.95</c:v>
                </c:pt>
                <c:pt idx="3375">
                  <c:v>849.06700000000001</c:v>
                </c:pt>
                <c:pt idx="3376">
                  <c:v>848.95500000000004</c:v>
                </c:pt>
                <c:pt idx="3377">
                  <c:v>849.03800000000001</c:v>
                </c:pt>
                <c:pt idx="3378">
                  <c:v>849.21400000000006</c:v>
                </c:pt>
                <c:pt idx="3379">
                  <c:v>849.24400000000003</c:v>
                </c:pt>
                <c:pt idx="3380">
                  <c:v>849.32600000000002</c:v>
                </c:pt>
                <c:pt idx="3381">
                  <c:v>849.39300000000003</c:v>
                </c:pt>
                <c:pt idx="3382">
                  <c:v>849.399</c:v>
                </c:pt>
                <c:pt idx="3383">
                  <c:v>849.46299999999997</c:v>
                </c:pt>
                <c:pt idx="3384">
                  <c:v>849.39800000000002</c:v>
                </c:pt>
                <c:pt idx="3385">
                  <c:v>849.28499999999997</c:v>
                </c:pt>
                <c:pt idx="3386">
                  <c:v>849.31600000000003</c:v>
                </c:pt>
                <c:pt idx="3387">
                  <c:v>849.30100000000004</c:v>
                </c:pt>
                <c:pt idx="3388">
                  <c:v>849.22</c:v>
                </c:pt>
                <c:pt idx="3389">
                  <c:v>849.15300000000002</c:v>
                </c:pt>
                <c:pt idx="3390">
                  <c:v>849.08699999999999</c:v>
                </c:pt>
                <c:pt idx="3391">
                  <c:v>849.17</c:v>
                </c:pt>
                <c:pt idx="3392">
                  <c:v>849.06600000000003</c:v>
                </c:pt>
                <c:pt idx="3393">
                  <c:v>848.779</c:v>
                </c:pt>
                <c:pt idx="3394">
                  <c:v>848.88</c:v>
                </c:pt>
                <c:pt idx="3395">
                  <c:v>848.87199999999996</c:v>
                </c:pt>
                <c:pt idx="3396">
                  <c:v>848.65</c:v>
                </c:pt>
                <c:pt idx="3397">
                  <c:v>848.43499999999995</c:v>
                </c:pt>
                <c:pt idx="3398">
                  <c:v>848.48400000000004</c:v>
                </c:pt>
                <c:pt idx="3399">
                  <c:v>848.423</c:v>
                </c:pt>
                <c:pt idx="3400">
                  <c:v>848.08600000000001</c:v>
                </c:pt>
                <c:pt idx="3401">
                  <c:v>847.98299999999995</c:v>
                </c:pt>
                <c:pt idx="3402">
                  <c:v>847.85299999999995</c:v>
                </c:pt>
                <c:pt idx="3403">
                  <c:v>847.79499999999996</c:v>
                </c:pt>
                <c:pt idx="3404">
                  <c:v>847.75900000000001</c:v>
                </c:pt>
                <c:pt idx="3405">
                  <c:v>847.51800000000003</c:v>
                </c:pt>
                <c:pt idx="3406">
                  <c:v>847.51800000000003</c:v>
                </c:pt>
                <c:pt idx="3407">
                  <c:v>847.51300000000003</c:v>
                </c:pt>
                <c:pt idx="3408">
                  <c:v>847.39300000000003</c:v>
                </c:pt>
                <c:pt idx="3409">
                  <c:v>847.24900000000002</c:v>
                </c:pt>
                <c:pt idx="3410">
                  <c:v>846.92700000000002</c:v>
                </c:pt>
                <c:pt idx="3411">
                  <c:v>847.01</c:v>
                </c:pt>
                <c:pt idx="3412">
                  <c:v>846.94100000000003</c:v>
                </c:pt>
                <c:pt idx="3413">
                  <c:v>846.89800000000002</c:v>
                </c:pt>
                <c:pt idx="3414">
                  <c:v>846.79399999999998</c:v>
                </c:pt>
                <c:pt idx="3415">
                  <c:v>846.76700000000005</c:v>
                </c:pt>
                <c:pt idx="3416">
                  <c:v>846.67100000000005</c:v>
                </c:pt>
                <c:pt idx="3417">
                  <c:v>846.59100000000001</c:v>
                </c:pt>
                <c:pt idx="3418">
                  <c:v>846.54700000000003</c:v>
                </c:pt>
                <c:pt idx="3419">
                  <c:v>846.24699999999996</c:v>
                </c:pt>
                <c:pt idx="3420">
                  <c:v>846.21299999999997</c:v>
                </c:pt>
                <c:pt idx="3421">
                  <c:v>846.34100000000001</c:v>
                </c:pt>
                <c:pt idx="3422">
                  <c:v>846.27700000000004</c:v>
                </c:pt>
                <c:pt idx="3423">
                  <c:v>846.029</c:v>
                </c:pt>
                <c:pt idx="3424">
                  <c:v>846.11</c:v>
                </c:pt>
                <c:pt idx="3425">
                  <c:v>846.08600000000001</c:v>
                </c:pt>
                <c:pt idx="3426">
                  <c:v>846.096</c:v>
                </c:pt>
                <c:pt idx="3427">
                  <c:v>846.13</c:v>
                </c:pt>
                <c:pt idx="3428">
                  <c:v>845.87</c:v>
                </c:pt>
                <c:pt idx="3429">
                  <c:v>845.55200000000002</c:v>
                </c:pt>
                <c:pt idx="3430">
                  <c:v>845.53899999999999</c:v>
                </c:pt>
                <c:pt idx="3431">
                  <c:v>845.57799999999997</c:v>
                </c:pt>
                <c:pt idx="3432">
                  <c:v>845.53200000000004</c:v>
                </c:pt>
                <c:pt idx="3433">
                  <c:v>845.48400000000004</c:v>
                </c:pt>
                <c:pt idx="3434">
                  <c:v>845.16200000000003</c:v>
                </c:pt>
                <c:pt idx="3435">
                  <c:v>845.21900000000005</c:v>
                </c:pt>
                <c:pt idx="3436">
                  <c:v>845.35</c:v>
                </c:pt>
                <c:pt idx="3437">
                  <c:v>845.02499999999998</c:v>
                </c:pt>
                <c:pt idx="3438">
                  <c:v>845.03899999999999</c:v>
                </c:pt>
                <c:pt idx="3439">
                  <c:v>844.96299999999997</c:v>
                </c:pt>
                <c:pt idx="3440">
                  <c:v>844.92100000000005</c:v>
                </c:pt>
                <c:pt idx="3441">
                  <c:v>844.98599999999999</c:v>
                </c:pt>
                <c:pt idx="3442">
                  <c:v>844.79300000000001</c:v>
                </c:pt>
                <c:pt idx="3443">
                  <c:v>844.79100000000005</c:v>
                </c:pt>
                <c:pt idx="3444">
                  <c:v>844.63199999999995</c:v>
                </c:pt>
                <c:pt idx="3445">
                  <c:v>844.56200000000001</c:v>
                </c:pt>
                <c:pt idx="3446">
                  <c:v>844.48800000000006</c:v>
                </c:pt>
                <c:pt idx="3447">
                  <c:v>844.72900000000004</c:v>
                </c:pt>
                <c:pt idx="3448">
                  <c:v>844.88300000000004</c:v>
                </c:pt>
                <c:pt idx="3449">
                  <c:v>844.74699999999996</c:v>
                </c:pt>
                <c:pt idx="3450">
                  <c:v>844.42600000000004</c:v>
                </c:pt>
                <c:pt idx="3451">
                  <c:v>844.48199999999997</c:v>
                </c:pt>
                <c:pt idx="3452">
                  <c:v>844.40800000000002</c:v>
                </c:pt>
                <c:pt idx="3453">
                  <c:v>844.23800000000006</c:v>
                </c:pt>
                <c:pt idx="3454">
                  <c:v>844.29600000000005</c:v>
                </c:pt>
                <c:pt idx="3455">
                  <c:v>844.024</c:v>
                </c:pt>
                <c:pt idx="3456">
                  <c:v>843.89300000000003</c:v>
                </c:pt>
                <c:pt idx="3457">
                  <c:v>843.71799999999996</c:v>
                </c:pt>
                <c:pt idx="3458">
                  <c:v>843.755</c:v>
                </c:pt>
                <c:pt idx="3459">
                  <c:v>843.87900000000002</c:v>
                </c:pt>
                <c:pt idx="3460">
                  <c:v>843.84799999999996</c:v>
                </c:pt>
                <c:pt idx="3461">
                  <c:v>843.83</c:v>
                </c:pt>
                <c:pt idx="3462">
                  <c:v>843.79499999999996</c:v>
                </c:pt>
                <c:pt idx="3463">
                  <c:v>843.67700000000002</c:v>
                </c:pt>
                <c:pt idx="3464">
                  <c:v>843.48900000000003</c:v>
                </c:pt>
                <c:pt idx="3465">
                  <c:v>843.32</c:v>
                </c:pt>
                <c:pt idx="3466">
                  <c:v>843.28399999999999</c:v>
                </c:pt>
                <c:pt idx="3467">
                  <c:v>843.31700000000001</c:v>
                </c:pt>
                <c:pt idx="3468">
                  <c:v>843.40800000000002</c:v>
                </c:pt>
                <c:pt idx="3469">
                  <c:v>843.327</c:v>
                </c:pt>
                <c:pt idx="3470">
                  <c:v>843.30899999999997</c:v>
                </c:pt>
                <c:pt idx="3471">
                  <c:v>843.28599999999994</c:v>
                </c:pt>
                <c:pt idx="3472">
                  <c:v>843.28099999999995</c:v>
                </c:pt>
                <c:pt idx="3473">
                  <c:v>843.13599999999997</c:v>
                </c:pt>
                <c:pt idx="3474">
                  <c:v>843.072</c:v>
                </c:pt>
                <c:pt idx="3475">
                  <c:v>842.89400000000001</c:v>
                </c:pt>
                <c:pt idx="3476">
                  <c:v>842.82399999999996</c:v>
                </c:pt>
                <c:pt idx="3477">
                  <c:v>842.76499999999999</c:v>
                </c:pt>
                <c:pt idx="3478">
                  <c:v>842.69100000000003</c:v>
                </c:pt>
                <c:pt idx="3479">
                  <c:v>842.68899999999996</c:v>
                </c:pt>
                <c:pt idx="3480">
                  <c:v>842.57600000000002</c:v>
                </c:pt>
                <c:pt idx="3481">
                  <c:v>842.70100000000002</c:v>
                </c:pt>
                <c:pt idx="3482">
                  <c:v>842.74800000000005</c:v>
                </c:pt>
                <c:pt idx="3483">
                  <c:v>842.81299999999999</c:v>
                </c:pt>
                <c:pt idx="3484">
                  <c:v>842.75699999999995</c:v>
                </c:pt>
                <c:pt idx="3485">
                  <c:v>842.61400000000003</c:v>
                </c:pt>
                <c:pt idx="3486">
                  <c:v>842.47400000000005</c:v>
                </c:pt>
                <c:pt idx="3487">
                  <c:v>842.44899999999996</c:v>
                </c:pt>
                <c:pt idx="3488">
                  <c:v>842.5</c:v>
                </c:pt>
                <c:pt idx="3489">
                  <c:v>842.68</c:v>
                </c:pt>
                <c:pt idx="3490">
                  <c:v>842.61599999999999</c:v>
                </c:pt>
                <c:pt idx="3491">
                  <c:v>842.51499999999999</c:v>
                </c:pt>
                <c:pt idx="3492">
                  <c:v>842.70299999999997</c:v>
                </c:pt>
                <c:pt idx="3493">
                  <c:v>842.55100000000004</c:v>
                </c:pt>
                <c:pt idx="3494">
                  <c:v>842.50099999999998</c:v>
                </c:pt>
                <c:pt idx="3495">
                  <c:v>842.52</c:v>
                </c:pt>
                <c:pt idx="3496">
                  <c:v>842.29499999999996</c:v>
                </c:pt>
                <c:pt idx="3497">
                  <c:v>842.28399999999999</c:v>
                </c:pt>
                <c:pt idx="3498">
                  <c:v>842.15700000000004</c:v>
                </c:pt>
                <c:pt idx="3499">
                  <c:v>842.14099999999996</c:v>
                </c:pt>
                <c:pt idx="3500">
                  <c:v>842.13499999999999</c:v>
                </c:pt>
                <c:pt idx="3501">
                  <c:v>841.678</c:v>
                </c:pt>
                <c:pt idx="3502">
                  <c:v>841.66099999999994</c:v>
                </c:pt>
                <c:pt idx="3503">
                  <c:v>841.63499999999999</c:v>
                </c:pt>
                <c:pt idx="3504">
                  <c:v>841.59699999999998</c:v>
                </c:pt>
                <c:pt idx="3505">
                  <c:v>841.72400000000005</c:v>
                </c:pt>
                <c:pt idx="3506">
                  <c:v>841.76800000000003</c:v>
                </c:pt>
                <c:pt idx="3507">
                  <c:v>841.65800000000002</c:v>
                </c:pt>
                <c:pt idx="3508">
                  <c:v>841.61</c:v>
                </c:pt>
                <c:pt idx="3509">
                  <c:v>841.53800000000001</c:v>
                </c:pt>
                <c:pt idx="3510">
                  <c:v>841.428</c:v>
                </c:pt>
                <c:pt idx="3511">
                  <c:v>841.50800000000004</c:v>
                </c:pt>
                <c:pt idx="3512">
                  <c:v>841.35900000000004</c:v>
                </c:pt>
                <c:pt idx="3513">
                  <c:v>841.27300000000002</c:v>
                </c:pt>
                <c:pt idx="3514">
                  <c:v>841.32399999999996</c:v>
                </c:pt>
                <c:pt idx="3515">
                  <c:v>841.33199999999999</c:v>
                </c:pt>
                <c:pt idx="3516">
                  <c:v>841.19600000000003</c:v>
                </c:pt>
                <c:pt idx="3517">
                  <c:v>841.33699999999999</c:v>
                </c:pt>
                <c:pt idx="3518">
                  <c:v>841.38400000000001</c:v>
                </c:pt>
                <c:pt idx="3519">
                  <c:v>841.38499999999999</c:v>
                </c:pt>
                <c:pt idx="3520">
                  <c:v>841.21900000000005</c:v>
                </c:pt>
                <c:pt idx="3521">
                  <c:v>841.21900000000005</c:v>
                </c:pt>
                <c:pt idx="3522">
                  <c:v>841.07</c:v>
                </c:pt>
                <c:pt idx="3523">
                  <c:v>840.96799999999996</c:v>
                </c:pt>
                <c:pt idx="3524">
                  <c:v>840.91399999999999</c:v>
                </c:pt>
                <c:pt idx="3525">
                  <c:v>840.97699999999998</c:v>
                </c:pt>
                <c:pt idx="3526">
                  <c:v>840.80200000000002</c:v>
                </c:pt>
                <c:pt idx="3527">
                  <c:v>840.94200000000001</c:v>
                </c:pt>
                <c:pt idx="3528">
                  <c:v>841.08399999999995</c:v>
                </c:pt>
                <c:pt idx="3529">
                  <c:v>841.04</c:v>
                </c:pt>
                <c:pt idx="3530">
                  <c:v>841.06700000000001</c:v>
                </c:pt>
                <c:pt idx="3531">
                  <c:v>840.97500000000002</c:v>
                </c:pt>
                <c:pt idx="3532">
                  <c:v>840.85</c:v>
                </c:pt>
                <c:pt idx="3533">
                  <c:v>841.14400000000001</c:v>
                </c:pt>
                <c:pt idx="3534">
                  <c:v>841.07500000000005</c:v>
                </c:pt>
                <c:pt idx="3535">
                  <c:v>841.03599999999994</c:v>
                </c:pt>
                <c:pt idx="3536">
                  <c:v>841.16399999999999</c:v>
                </c:pt>
                <c:pt idx="3537">
                  <c:v>840.88699999999994</c:v>
                </c:pt>
                <c:pt idx="3538">
                  <c:v>840.95299999999997</c:v>
                </c:pt>
                <c:pt idx="3539">
                  <c:v>841.05</c:v>
                </c:pt>
                <c:pt idx="3540">
                  <c:v>840.93499999999995</c:v>
                </c:pt>
                <c:pt idx="3541">
                  <c:v>840.91800000000001</c:v>
                </c:pt>
                <c:pt idx="3542">
                  <c:v>840.74900000000002</c:v>
                </c:pt>
                <c:pt idx="3543">
                  <c:v>840.60400000000004</c:v>
                </c:pt>
                <c:pt idx="3544">
                  <c:v>840.78300000000002</c:v>
                </c:pt>
                <c:pt idx="3545">
                  <c:v>840.75699999999995</c:v>
                </c:pt>
                <c:pt idx="3546">
                  <c:v>840.47</c:v>
                </c:pt>
                <c:pt idx="3547">
                  <c:v>840.58500000000004</c:v>
                </c:pt>
                <c:pt idx="3548">
                  <c:v>840.68899999999996</c:v>
                </c:pt>
                <c:pt idx="3549">
                  <c:v>840.55200000000002</c:v>
                </c:pt>
                <c:pt idx="3550">
                  <c:v>840.58900000000006</c:v>
                </c:pt>
                <c:pt idx="3551">
                  <c:v>840.66899999999998</c:v>
                </c:pt>
                <c:pt idx="3552">
                  <c:v>840.67</c:v>
                </c:pt>
                <c:pt idx="3553">
                  <c:v>840.72799999999995</c:v>
                </c:pt>
                <c:pt idx="3554">
                  <c:v>840.74699999999996</c:v>
                </c:pt>
                <c:pt idx="3555">
                  <c:v>840.61300000000006</c:v>
                </c:pt>
                <c:pt idx="3556">
                  <c:v>840.25400000000002</c:v>
                </c:pt>
                <c:pt idx="3557">
                  <c:v>840.33699999999999</c:v>
                </c:pt>
                <c:pt idx="3558">
                  <c:v>840.37900000000002</c:v>
                </c:pt>
                <c:pt idx="3559">
                  <c:v>840.46100000000001</c:v>
                </c:pt>
                <c:pt idx="3560">
                  <c:v>840.44600000000003</c:v>
                </c:pt>
                <c:pt idx="3561">
                  <c:v>840.48900000000003</c:v>
                </c:pt>
                <c:pt idx="3562">
                  <c:v>840.529</c:v>
                </c:pt>
                <c:pt idx="3563">
                  <c:v>840.37900000000002</c:v>
                </c:pt>
                <c:pt idx="3564">
                  <c:v>840.31899999999996</c:v>
                </c:pt>
                <c:pt idx="3565">
                  <c:v>840.31899999999996</c:v>
                </c:pt>
                <c:pt idx="3566">
                  <c:v>840.33500000000004</c:v>
                </c:pt>
                <c:pt idx="3567">
                  <c:v>840.03499999999997</c:v>
                </c:pt>
                <c:pt idx="3568">
                  <c:v>839.92499999999995</c:v>
                </c:pt>
                <c:pt idx="3569">
                  <c:v>840.01499999999999</c:v>
                </c:pt>
                <c:pt idx="3570">
                  <c:v>839.83</c:v>
                </c:pt>
                <c:pt idx="3571">
                  <c:v>839.92200000000003</c:v>
                </c:pt>
                <c:pt idx="3572">
                  <c:v>840.09400000000005</c:v>
                </c:pt>
                <c:pt idx="3573">
                  <c:v>840.19399999999996</c:v>
                </c:pt>
                <c:pt idx="3574">
                  <c:v>840.19200000000001</c:v>
                </c:pt>
                <c:pt idx="3575">
                  <c:v>840.08699999999999</c:v>
                </c:pt>
                <c:pt idx="3576">
                  <c:v>840.07</c:v>
                </c:pt>
                <c:pt idx="3577">
                  <c:v>839.99699999999996</c:v>
                </c:pt>
                <c:pt idx="3578">
                  <c:v>840.14300000000003</c:v>
                </c:pt>
                <c:pt idx="3579">
                  <c:v>840.274</c:v>
                </c:pt>
                <c:pt idx="3580">
                  <c:v>840.12099999999998</c:v>
                </c:pt>
                <c:pt idx="3581">
                  <c:v>840.21699999999998</c:v>
                </c:pt>
                <c:pt idx="3582">
                  <c:v>840.22199999999998</c:v>
                </c:pt>
                <c:pt idx="3583">
                  <c:v>840.21600000000001</c:v>
                </c:pt>
                <c:pt idx="3584">
                  <c:v>840.01499999999999</c:v>
                </c:pt>
                <c:pt idx="3585">
                  <c:v>840.04600000000005</c:v>
                </c:pt>
                <c:pt idx="3586">
                  <c:v>839.89700000000005</c:v>
                </c:pt>
                <c:pt idx="3587">
                  <c:v>839.846</c:v>
                </c:pt>
                <c:pt idx="3588">
                  <c:v>839.86800000000005</c:v>
                </c:pt>
                <c:pt idx="3589">
                  <c:v>839.60400000000004</c:v>
                </c:pt>
                <c:pt idx="3590">
                  <c:v>839.745</c:v>
                </c:pt>
                <c:pt idx="3591">
                  <c:v>839.69100000000003</c:v>
                </c:pt>
                <c:pt idx="3592">
                  <c:v>839.67499999999995</c:v>
                </c:pt>
                <c:pt idx="3593">
                  <c:v>839.78099999999995</c:v>
                </c:pt>
                <c:pt idx="3594">
                  <c:v>839.67700000000002</c:v>
                </c:pt>
                <c:pt idx="3595">
                  <c:v>839.74199999999996</c:v>
                </c:pt>
                <c:pt idx="3596">
                  <c:v>839.74400000000003</c:v>
                </c:pt>
                <c:pt idx="3597">
                  <c:v>839.76</c:v>
                </c:pt>
                <c:pt idx="3598">
                  <c:v>839.72900000000004</c:v>
                </c:pt>
                <c:pt idx="3599">
                  <c:v>839.56399999999996</c:v>
                </c:pt>
                <c:pt idx="3600">
                  <c:v>839.577</c:v>
                </c:pt>
                <c:pt idx="3601">
                  <c:v>839.60199999999998</c:v>
                </c:pt>
                <c:pt idx="3602">
                  <c:v>839.61</c:v>
                </c:pt>
                <c:pt idx="3603">
                  <c:v>839.74900000000002</c:v>
                </c:pt>
                <c:pt idx="3604">
                  <c:v>839.65599999999995</c:v>
                </c:pt>
                <c:pt idx="3605">
                  <c:v>839.57299999999998</c:v>
                </c:pt>
                <c:pt idx="3606">
                  <c:v>839.37599999999998</c:v>
                </c:pt>
                <c:pt idx="3607">
                  <c:v>839.47699999999998</c:v>
                </c:pt>
                <c:pt idx="3608">
                  <c:v>839.71</c:v>
                </c:pt>
                <c:pt idx="3609">
                  <c:v>839.59400000000005</c:v>
                </c:pt>
                <c:pt idx="3610">
                  <c:v>839.58799999999997</c:v>
                </c:pt>
                <c:pt idx="3611">
                  <c:v>839.61800000000005</c:v>
                </c:pt>
                <c:pt idx="3612">
                  <c:v>839.67200000000003</c:v>
                </c:pt>
                <c:pt idx="3613">
                  <c:v>839.59900000000005</c:v>
                </c:pt>
                <c:pt idx="3614">
                  <c:v>839.61199999999997</c:v>
                </c:pt>
                <c:pt idx="3615">
                  <c:v>839.46</c:v>
                </c:pt>
                <c:pt idx="3616">
                  <c:v>839.39300000000003</c:v>
                </c:pt>
                <c:pt idx="3617">
                  <c:v>839.37900000000002</c:v>
                </c:pt>
                <c:pt idx="3618">
                  <c:v>839.42600000000004</c:v>
                </c:pt>
                <c:pt idx="3619">
                  <c:v>839.19799999999998</c:v>
                </c:pt>
                <c:pt idx="3620">
                  <c:v>839.21400000000006</c:v>
                </c:pt>
                <c:pt idx="3621">
                  <c:v>839.4</c:v>
                </c:pt>
                <c:pt idx="3622">
                  <c:v>839.5</c:v>
                </c:pt>
                <c:pt idx="3623">
                  <c:v>839.625</c:v>
                </c:pt>
                <c:pt idx="3624">
                  <c:v>839.61900000000003</c:v>
                </c:pt>
                <c:pt idx="3625">
                  <c:v>839.56</c:v>
                </c:pt>
                <c:pt idx="3626">
                  <c:v>839.65499999999997</c:v>
                </c:pt>
                <c:pt idx="3627">
                  <c:v>839.51199999999994</c:v>
                </c:pt>
                <c:pt idx="3628">
                  <c:v>839.54899999999998</c:v>
                </c:pt>
                <c:pt idx="3629">
                  <c:v>839.476</c:v>
                </c:pt>
                <c:pt idx="3630">
                  <c:v>839.46100000000001</c:v>
                </c:pt>
                <c:pt idx="3631">
                  <c:v>839.46199999999999</c:v>
                </c:pt>
                <c:pt idx="3632">
                  <c:v>839.56200000000001</c:v>
                </c:pt>
                <c:pt idx="3633">
                  <c:v>839.41</c:v>
                </c:pt>
                <c:pt idx="3634">
                  <c:v>839.17100000000005</c:v>
                </c:pt>
                <c:pt idx="3635">
                  <c:v>839.28899999999999</c:v>
                </c:pt>
                <c:pt idx="3636">
                  <c:v>839.32299999999998</c:v>
                </c:pt>
                <c:pt idx="3637">
                  <c:v>839.45299999999997</c:v>
                </c:pt>
                <c:pt idx="3638">
                  <c:v>839.49800000000005</c:v>
                </c:pt>
                <c:pt idx="3639">
                  <c:v>839.34100000000001</c:v>
                </c:pt>
                <c:pt idx="3640">
                  <c:v>839.41300000000001</c:v>
                </c:pt>
              </c:numCache>
            </c:numRef>
          </c:xVal>
          <c:yVal>
            <c:numRef>
              <c:f>'TG (2)'!$AT$2:$AT$3642</c:f>
              <c:numCache>
                <c:formatCode>General</c:formatCode>
                <c:ptCount val="3641"/>
                <c:pt idx="0">
                  <c:v>100.00936935361469</c:v>
                </c:pt>
                <c:pt idx="1">
                  <c:v>100</c:v>
                </c:pt>
                <c:pt idx="2">
                  <c:v>100.00780230782391</c:v>
                </c:pt>
                <c:pt idx="3">
                  <c:v>99.971931444512038</c:v>
                </c:pt>
                <c:pt idx="4">
                  <c:v>99.980280243094896</c:v>
                </c:pt>
                <c:pt idx="5">
                  <c:v>99.96934384368943</c:v>
                </c:pt>
                <c:pt idx="6">
                  <c:v>99.942332056476332</c:v>
                </c:pt>
                <c:pt idx="7">
                  <c:v>99.95636633422032</c:v>
                </c:pt>
                <c:pt idx="8">
                  <c:v>99.925710177909735</c:v>
                </c:pt>
                <c:pt idx="9">
                  <c:v>99.917907870085841</c:v>
                </c:pt>
                <c:pt idx="10">
                  <c:v>99.923086363844064</c:v>
                </c:pt>
                <c:pt idx="11">
                  <c:v>99.888782546322986</c:v>
                </c:pt>
                <c:pt idx="12">
                  <c:v>99.898151899937687</c:v>
                </c:pt>
                <c:pt idx="13">
                  <c:v>99.883097067161884</c:v>
                </c:pt>
                <c:pt idx="14">
                  <c:v>99.859183158287308</c:v>
                </c:pt>
                <c:pt idx="15">
                  <c:v>99.873727713547183</c:v>
                </c:pt>
                <c:pt idx="16">
                  <c:v>99.844092112268427</c:v>
                </c:pt>
                <c:pt idx="17">
                  <c:v>99.840447743170941</c:v>
                </c:pt>
                <c:pt idx="18">
                  <c:v>99.843581834752527</c:v>
                </c:pt>
                <c:pt idx="19">
                  <c:v>99.810334785506328</c:v>
                </c:pt>
                <c:pt idx="20">
                  <c:v>99.822802017459523</c:v>
                </c:pt>
                <c:pt idx="21">
                  <c:v>99.806690416408841</c:v>
                </c:pt>
                <c:pt idx="22">
                  <c:v>99.787444723776574</c:v>
                </c:pt>
                <c:pt idx="23">
                  <c:v>99.800458446488747</c:v>
                </c:pt>
                <c:pt idx="24">
                  <c:v>99.769802290178177</c:v>
                </c:pt>
                <c:pt idx="25">
                  <c:v>99.769252507306192</c:v>
                </c:pt>
                <c:pt idx="26">
                  <c:v>99.769252507306192</c:v>
                </c:pt>
                <c:pt idx="27">
                  <c:v>99.738596350995607</c:v>
                </c:pt>
                <c:pt idx="28">
                  <c:v>99.752120351223695</c:v>
                </c:pt>
                <c:pt idx="29">
                  <c:v>99.732874658591427</c:v>
                </c:pt>
                <c:pt idx="30">
                  <c:v>99.716763057540746</c:v>
                </c:pt>
                <c:pt idx="31">
                  <c:v>99.727149674074241</c:v>
                </c:pt>
                <c:pt idx="32">
                  <c:v>99.697550286038535</c:v>
                </c:pt>
                <c:pt idx="33">
                  <c:v>99.699117331829328</c:v>
                </c:pt>
                <c:pt idx="34">
                  <c:v>99.694416194456949</c:v>
                </c:pt>
                <c:pt idx="35">
                  <c:v>99.665837361453086</c:v>
                </c:pt>
                <c:pt idx="36">
                  <c:v>99.678304593406267</c:v>
                </c:pt>
                <c:pt idx="37">
                  <c:v>99.657014498597349</c:v>
                </c:pt>
                <c:pt idx="38">
                  <c:v>99.644000775885203</c:v>
                </c:pt>
                <c:pt idx="39">
                  <c:v>99.652313361224984</c:v>
                </c:pt>
                <c:pt idx="40">
                  <c:v>99.621146927398513</c:v>
                </c:pt>
                <c:pt idx="41">
                  <c:v>99.625811851527814</c:v>
                </c:pt>
                <c:pt idx="42">
                  <c:v>99.620126372366684</c:v>
                </c:pt>
                <c:pt idx="43">
                  <c:v>99.594135140185429</c:v>
                </c:pt>
                <c:pt idx="44">
                  <c:v>99.607622927170425</c:v>
                </c:pt>
                <c:pt idx="45">
                  <c:v>99.584765786570728</c:v>
                </c:pt>
                <c:pt idx="46">
                  <c:v>99.57594621582804</c:v>
                </c:pt>
                <c:pt idx="47">
                  <c:v>99.583745231538913</c:v>
                </c:pt>
                <c:pt idx="48">
                  <c:v>99.554619907776058</c:v>
                </c:pt>
                <c:pt idx="49">
                  <c:v>99.561362155212066</c:v>
                </c:pt>
                <c:pt idx="50">
                  <c:v>99.552542584469364</c:v>
                </c:pt>
                <c:pt idx="51">
                  <c:v>99.530195721385581</c:v>
                </c:pt>
                <c:pt idx="52">
                  <c:v>99.543173230854691</c:v>
                </c:pt>
                <c:pt idx="53">
                  <c:v>99.520829659883915</c:v>
                </c:pt>
                <c:pt idx="54">
                  <c:v>99.5145943978508</c:v>
                </c:pt>
                <c:pt idx="55">
                  <c:v>99.520829659883915</c:v>
                </c:pt>
                <c:pt idx="56">
                  <c:v>99.491737257251117</c:v>
                </c:pt>
                <c:pt idx="57">
                  <c:v>99.500049842590911</c:v>
                </c:pt>
                <c:pt idx="58">
                  <c:v>99.489149656428509</c:v>
                </c:pt>
                <c:pt idx="59">
                  <c:v>99.469393686280327</c:v>
                </c:pt>
                <c:pt idx="60">
                  <c:v>99.481860918233536</c:v>
                </c:pt>
                <c:pt idx="61">
                  <c:v>99.456926454327146</c:v>
                </c:pt>
                <c:pt idx="62">
                  <c:v>99.453282085229645</c:v>
                </c:pt>
                <c:pt idx="63">
                  <c:v>99.455869686052267</c:v>
                </c:pt>
                <c:pt idx="64">
                  <c:v>99.427801130564291</c:v>
                </c:pt>
                <c:pt idx="65">
                  <c:v>99.437680761694878</c:v>
                </c:pt>
                <c:pt idx="66">
                  <c:v>99.424192974709854</c:v>
                </c:pt>
                <c:pt idx="67">
                  <c:v>99.407531590787187</c:v>
                </c:pt>
                <c:pt idx="68">
                  <c:v>99.418978267708582</c:v>
                </c:pt>
                <c:pt idx="69">
                  <c:v>99.393497313043213</c:v>
                </c:pt>
                <c:pt idx="70">
                  <c:v>99.393497313043213</c:v>
                </c:pt>
                <c:pt idx="71">
                  <c:v>99.393497313043213</c:v>
                </c:pt>
                <c:pt idx="72">
                  <c:v>99.367545586218</c:v>
                </c:pt>
                <c:pt idx="73">
                  <c:v>99.37844248026741</c:v>
                </c:pt>
                <c:pt idx="74">
                  <c:v>99.362330879216728</c:v>
                </c:pt>
                <c:pt idx="75">
                  <c:v>99.349353369747618</c:v>
                </c:pt>
                <c:pt idx="76">
                  <c:v>99.359743278394106</c:v>
                </c:pt>
                <c:pt idx="77">
                  <c:v>99.334772601244651</c:v>
                </c:pt>
                <c:pt idx="78">
                  <c:v>99.336849924551373</c:v>
                </c:pt>
                <c:pt idx="79">
                  <c:v>99.33531909200363</c:v>
                </c:pt>
                <c:pt idx="80">
                  <c:v>99.312429030273876</c:v>
                </c:pt>
                <c:pt idx="81">
                  <c:v>99.323872415082249</c:v>
                </c:pt>
                <c:pt idx="82">
                  <c:v>99.307250536515667</c:v>
                </c:pt>
                <c:pt idx="83">
                  <c:v>99.297374197498073</c:v>
                </c:pt>
                <c:pt idx="84">
                  <c:v>99.306193768240774</c:v>
                </c:pt>
                <c:pt idx="85">
                  <c:v>99.280749026818469</c:v>
                </c:pt>
                <c:pt idx="86">
                  <c:v>99.284906965544891</c:v>
                </c:pt>
                <c:pt idx="87">
                  <c:v>99.280749026818469</c:v>
                </c:pt>
                <c:pt idx="88">
                  <c:v>99.258915733363608</c:v>
                </c:pt>
                <c:pt idx="89">
                  <c:v>99.270872687800889</c:v>
                </c:pt>
                <c:pt idx="90">
                  <c:v>99.252680471330493</c:v>
                </c:pt>
                <c:pt idx="91">
                  <c:v>99.244881455619634</c:v>
                </c:pt>
                <c:pt idx="92">
                  <c:v>99.251623703055614</c:v>
                </c:pt>
                <c:pt idx="93">
                  <c:v>99.227199516665152</c:v>
                </c:pt>
                <c:pt idx="94">
                  <c:v>99.23241422366641</c:v>
                </c:pt>
                <c:pt idx="95">
                  <c:v>99.226689239149238</c:v>
                </c:pt>
                <c:pt idx="96">
                  <c:v>99.207990037275948</c:v>
                </c:pt>
                <c:pt idx="97">
                  <c:v>99.219946991713229</c:v>
                </c:pt>
                <c:pt idx="98">
                  <c:v>99.200701299080976</c:v>
                </c:pt>
                <c:pt idx="99">
                  <c:v>99.195522805322739</c:v>
                </c:pt>
                <c:pt idx="100">
                  <c:v>99.200191021565061</c:v>
                </c:pt>
                <c:pt idx="101">
                  <c:v>99.176277112690471</c:v>
                </c:pt>
                <c:pt idx="102">
                  <c:v>99.184076128401372</c:v>
                </c:pt>
                <c:pt idx="103">
                  <c:v>99.176787390206385</c:v>
                </c:pt>
                <c:pt idx="104">
                  <c:v>99.159144956607975</c:v>
                </c:pt>
                <c:pt idx="105">
                  <c:v>99.170552128173284</c:v>
                </c:pt>
                <c:pt idx="106">
                  <c:v>99.150796158025116</c:v>
                </c:pt>
                <c:pt idx="107">
                  <c:v>99.148208557202508</c:v>
                </c:pt>
                <c:pt idx="108">
                  <c:v>99.151852926299995</c:v>
                </c:pt>
                <c:pt idx="109">
                  <c:v>99.128995785700312</c:v>
                </c:pt>
                <c:pt idx="110">
                  <c:v>99.137308371040092</c:v>
                </c:pt>
                <c:pt idx="111">
                  <c:v>99.127428739909519</c:v>
                </c:pt>
                <c:pt idx="112">
                  <c:v>99.11288418464963</c:v>
                </c:pt>
                <c:pt idx="113">
                  <c:v>99.123274093296118</c:v>
                </c:pt>
                <c:pt idx="114">
                  <c:v>99.103007845632035</c:v>
                </c:pt>
                <c:pt idx="115">
                  <c:v>99.10194778524415</c:v>
                </c:pt>
                <c:pt idx="116">
                  <c:v>99.102497568116121</c:v>
                </c:pt>
                <c:pt idx="117">
                  <c:v>99.081171260064153</c:v>
                </c:pt>
                <c:pt idx="118">
                  <c:v>99.091050891194755</c:v>
                </c:pt>
                <c:pt idx="119">
                  <c:v>99.07960421427336</c:v>
                </c:pt>
                <c:pt idx="120">
                  <c:v>99.066626704804264</c:v>
                </c:pt>
                <c:pt idx="121">
                  <c:v>99.075449567659959</c:v>
                </c:pt>
                <c:pt idx="122">
                  <c:v>99.054669750366969</c:v>
                </c:pt>
                <c:pt idx="123">
                  <c:v>99.056236796157776</c:v>
                </c:pt>
                <c:pt idx="124">
                  <c:v>99.055180027882884</c:v>
                </c:pt>
                <c:pt idx="125">
                  <c:v>99.03648082600958</c:v>
                </c:pt>
                <c:pt idx="126">
                  <c:v>99.04584688751126</c:v>
                </c:pt>
                <c:pt idx="127">
                  <c:v>99.032833164799115</c:v>
                </c:pt>
                <c:pt idx="128">
                  <c:v>99.024523871572299</c:v>
                </c:pt>
                <c:pt idx="129">
                  <c:v>99.031812609767272</c:v>
                </c:pt>
                <c:pt idx="130">
                  <c:v>99.011546362103203</c:v>
                </c:pt>
                <c:pt idx="131">
                  <c:v>99.01570100871659</c:v>
                </c:pt>
                <c:pt idx="132">
                  <c:v>99.013623685409897</c:v>
                </c:pt>
                <c:pt idx="133">
                  <c:v>98.996455316084322</c:v>
                </c:pt>
                <c:pt idx="134">
                  <c:v>99.006334947214924</c:v>
                </c:pt>
                <c:pt idx="135">
                  <c:v>98.991276822326114</c:v>
                </c:pt>
                <c:pt idx="136">
                  <c:v>98.985008639162956</c:v>
                </c:pt>
                <c:pt idx="137">
                  <c:v>98.991276822326114</c:v>
                </c:pt>
                <c:pt idx="138">
                  <c:v>98.971010574662031</c:v>
                </c:pt>
                <c:pt idx="139">
                  <c:v>98.976185776307247</c:v>
                </c:pt>
                <c:pt idx="140">
                  <c:v>98.970464083903053</c:v>
                </c:pt>
                <c:pt idx="141">
                  <c:v>98.954352482852372</c:v>
                </c:pt>
                <c:pt idx="142">
                  <c:v>98.964232113982959</c:v>
                </c:pt>
                <c:pt idx="143">
                  <c:v>98.94811722081927</c:v>
                </c:pt>
                <c:pt idx="144">
                  <c:v>98.943962574205869</c:v>
                </c:pt>
                <c:pt idx="145">
                  <c:v>98.948627498335171</c:v>
                </c:pt>
                <c:pt idx="146">
                  <c:v>98.928907741430081</c:v>
                </c:pt>
                <c:pt idx="147">
                  <c:v>98.936160266381989</c:v>
                </c:pt>
                <c:pt idx="148">
                  <c:v>98.929928296461895</c:v>
                </c:pt>
                <c:pt idx="149">
                  <c:v>98.9169507869928</c:v>
                </c:pt>
                <c:pt idx="150">
                  <c:v>98.925773649848495</c:v>
                </c:pt>
                <c:pt idx="151">
                  <c:v>98.908641493765998</c:v>
                </c:pt>
                <c:pt idx="152">
                  <c:v>98.906560878346284</c:v>
                </c:pt>
                <c:pt idx="153">
                  <c:v>98.909151771281898</c:v>
                </c:pt>
                <c:pt idx="154">
                  <c:v>98.890449277295602</c:v>
                </c:pt>
                <c:pt idx="155">
                  <c:v>98.897194816844618</c:v>
                </c:pt>
                <c:pt idx="156">
                  <c:v>98.889902786536638</c:v>
                </c:pt>
                <c:pt idx="157">
                  <c:v>98.876925277067528</c:v>
                </c:pt>
                <c:pt idx="158">
                  <c:v>98.886294630682201</c:v>
                </c:pt>
                <c:pt idx="159">
                  <c:v>98.869636538872555</c:v>
                </c:pt>
                <c:pt idx="160">
                  <c:v>98.869636538872555</c:v>
                </c:pt>
                <c:pt idx="161">
                  <c:v>98.871713862179249</c:v>
                </c:pt>
                <c:pt idx="162">
                  <c:v>98.854581706096752</c:v>
                </c:pt>
                <c:pt idx="163">
                  <c:v>98.862380721807639</c:v>
                </c:pt>
                <c:pt idx="164">
                  <c:v>98.853011368192952</c:v>
                </c:pt>
                <c:pt idx="165">
                  <c:v>98.841604196627657</c:v>
                </c:pt>
                <c:pt idx="166">
                  <c:v>98.84991348985443</c:v>
                </c:pt>
                <c:pt idx="167">
                  <c:v>98.83274512052887</c:v>
                </c:pt>
                <c:pt idx="168">
                  <c:v>98.833255398044784</c:v>
                </c:pt>
                <c:pt idx="169">
                  <c:v>98.833801888803762</c:v>
                </c:pt>
                <c:pt idx="170">
                  <c:v>98.818200565268981</c:v>
                </c:pt>
                <c:pt idx="171">
                  <c:v>98.827023428124676</c:v>
                </c:pt>
                <c:pt idx="172">
                  <c:v>98.816633519478188</c:v>
                </c:pt>
                <c:pt idx="173">
                  <c:v>98.808831211654294</c:v>
                </c:pt>
                <c:pt idx="174">
                  <c:v>98.815612964446359</c:v>
                </c:pt>
                <c:pt idx="175">
                  <c:v>98.799501363395677</c:v>
                </c:pt>
                <c:pt idx="176">
                  <c:v>98.802599241734185</c:v>
                </c:pt>
                <c:pt idx="177">
                  <c:v>98.801032195943407</c:v>
                </c:pt>
                <c:pt idx="178">
                  <c:v>98.786487640683504</c:v>
                </c:pt>
                <c:pt idx="179">
                  <c:v>98.795853702185198</c:v>
                </c:pt>
                <c:pt idx="180">
                  <c:v>98.78441031737681</c:v>
                </c:pt>
                <c:pt idx="181">
                  <c:v>98.778685332859638</c:v>
                </c:pt>
                <c:pt idx="182">
                  <c:v>98.784956808135789</c:v>
                </c:pt>
                <c:pt idx="183">
                  <c:v>98.768841914972114</c:v>
                </c:pt>
                <c:pt idx="184">
                  <c:v>98.772999853698494</c:v>
                </c:pt>
                <c:pt idx="185">
                  <c:v>98.770376039632822</c:v>
                </c:pt>
                <c:pt idx="186">
                  <c:v>98.756341761888834</c:v>
                </c:pt>
                <c:pt idx="187">
                  <c:v>98.765197545874614</c:v>
                </c:pt>
                <c:pt idx="188">
                  <c:v>98.752730313921404</c:v>
                </c:pt>
                <c:pt idx="189">
                  <c:v>98.748575667308018</c:v>
                </c:pt>
                <c:pt idx="190">
                  <c:v>98.753750868953219</c:v>
                </c:pt>
                <c:pt idx="191">
                  <c:v>98.738696036177416</c:v>
                </c:pt>
                <c:pt idx="192">
                  <c:v>98.742853974903838</c:v>
                </c:pt>
                <c:pt idx="193">
                  <c:v>98.739206313693344</c:v>
                </c:pt>
                <c:pt idx="194">
                  <c:v>98.726739081740135</c:v>
                </c:pt>
                <c:pt idx="195">
                  <c:v>98.735051667079944</c:v>
                </c:pt>
                <c:pt idx="196">
                  <c:v>98.72203794436777</c:v>
                </c:pt>
                <c:pt idx="197">
                  <c:v>98.721527666851856</c:v>
                </c:pt>
                <c:pt idx="198">
                  <c:v>98.721527666851856</c:v>
                </c:pt>
                <c:pt idx="199">
                  <c:v>98.705926343317088</c:v>
                </c:pt>
                <c:pt idx="200">
                  <c:v>98.712704803996147</c:v>
                </c:pt>
                <c:pt idx="201">
                  <c:v>98.708003666623782</c:v>
                </c:pt>
                <c:pt idx="202">
                  <c:v>98.699180803768073</c:v>
                </c:pt>
                <c:pt idx="203">
                  <c:v>98.706983111591981</c:v>
                </c:pt>
                <c:pt idx="204">
                  <c:v>98.693459111363879</c:v>
                </c:pt>
                <c:pt idx="205">
                  <c:v>98.691928278816164</c:v>
                </c:pt>
                <c:pt idx="206">
                  <c:v>98.693459111363879</c:v>
                </c:pt>
                <c:pt idx="207">
                  <c:v>98.678404278588076</c:v>
                </c:pt>
                <c:pt idx="208">
                  <c:v>98.685146526024099</c:v>
                </c:pt>
                <c:pt idx="209">
                  <c:v>98.676837232797297</c:v>
                </c:pt>
                <c:pt idx="210">
                  <c:v>98.668524647457502</c:v>
                </c:pt>
                <c:pt idx="211">
                  <c:v>98.674759909490604</c:v>
                </c:pt>
                <c:pt idx="212">
                  <c:v>98.660215354230701</c:v>
                </c:pt>
                <c:pt idx="213">
                  <c:v>98.660215354230701</c:v>
                </c:pt>
                <c:pt idx="214">
                  <c:v>98.659158585955822</c:v>
                </c:pt>
                <c:pt idx="215">
                  <c:v>98.643590183551098</c:v>
                </c:pt>
                <c:pt idx="216">
                  <c:v>98.650335723100113</c:v>
                </c:pt>
                <c:pt idx="217">
                  <c:v>98.64096636948544</c:v>
                </c:pt>
                <c:pt idx="218">
                  <c:v>98.633167353774539</c:v>
                </c:pt>
                <c:pt idx="219">
                  <c:v>98.637358213631003</c:v>
                </c:pt>
                <c:pt idx="220">
                  <c:v>98.622267167612137</c:v>
                </c:pt>
                <c:pt idx="221">
                  <c:v>98.622777445128051</c:v>
                </c:pt>
                <c:pt idx="222">
                  <c:v>98.620700121821358</c:v>
                </c:pt>
                <c:pt idx="223">
                  <c:v>98.605645289045555</c:v>
                </c:pt>
                <c:pt idx="224">
                  <c:v>98.611877258965649</c:v>
                </c:pt>
                <c:pt idx="225">
                  <c:v>98.600977072803232</c:v>
                </c:pt>
                <c:pt idx="226">
                  <c:v>98.594708889640074</c:v>
                </c:pt>
                <c:pt idx="227">
                  <c:v>98.597332703705746</c:v>
                </c:pt>
                <c:pt idx="228">
                  <c:v>98.581731380170979</c:v>
                </c:pt>
                <c:pt idx="229">
                  <c:v>98.583298425961758</c:v>
                </c:pt>
                <c:pt idx="230">
                  <c:v>98.579143779348357</c:v>
                </c:pt>
                <c:pt idx="231">
                  <c:v>98.566130056636197</c:v>
                </c:pt>
                <c:pt idx="232">
                  <c:v>98.570831194008576</c:v>
                </c:pt>
                <c:pt idx="233">
                  <c:v>98.557817471296403</c:v>
                </c:pt>
                <c:pt idx="234">
                  <c:v>98.552095778892209</c:v>
                </c:pt>
                <c:pt idx="235">
                  <c:v>98.553662824683002</c:v>
                </c:pt>
                <c:pt idx="236">
                  <c:v>98.538061501148221</c:v>
                </c:pt>
                <c:pt idx="237">
                  <c:v>98.539628546939014</c:v>
                </c:pt>
                <c:pt idx="238">
                  <c:v>98.532883007390012</c:v>
                </c:pt>
                <c:pt idx="239">
                  <c:v>98.519872576790846</c:v>
                </c:pt>
                <c:pt idx="240">
                  <c:v>98.523516945888332</c:v>
                </c:pt>
                <c:pt idx="241">
                  <c:v>98.508972390628443</c:v>
                </c:pt>
                <c:pt idx="242">
                  <c:v>98.503757683627157</c:v>
                </c:pt>
                <c:pt idx="243">
                  <c:v>98.504304174386121</c:v>
                </c:pt>
                <c:pt idx="244">
                  <c:v>98.487682295819525</c:v>
                </c:pt>
                <c:pt idx="245">
                  <c:v>98.488702850851354</c:v>
                </c:pt>
                <c:pt idx="246">
                  <c:v>98.480393557624552</c:v>
                </c:pt>
                <c:pt idx="247">
                  <c:v>98.468436603187257</c:v>
                </c:pt>
                <c:pt idx="248">
                  <c:v>98.471024204009879</c:v>
                </c:pt>
                <c:pt idx="249">
                  <c:v>98.455969371234076</c:v>
                </c:pt>
                <c:pt idx="250">
                  <c:v>98.451304447104761</c:v>
                </c:pt>
                <c:pt idx="251">
                  <c:v>98.448677340926082</c:v>
                </c:pt>
                <c:pt idx="252">
                  <c:v>98.431545184843586</c:v>
                </c:pt>
                <c:pt idx="253">
                  <c:v>98.434132785666193</c:v>
                </c:pt>
                <c:pt idx="254">
                  <c:v>98.423746169132698</c:v>
                </c:pt>
                <c:pt idx="255">
                  <c:v>98.412809769727247</c:v>
                </c:pt>
                <c:pt idx="256">
                  <c:v>98.412809769727247</c:v>
                </c:pt>
                <c:pt idx="257">
                  <c:v>98.397244659435529</c:v>
                </c:pt>
                <c:pt idx="258">
                  <c:v>98.392540229950143</c:v>
                </c:pt>
                <c:pt idx="259">
                  <c:v>98.387875305820842</c:v>
                </c:pt>
                <c:pt idx="260">
                  <c:v>98.369686381463467</c:v>
                </c:pt>
                <c:pt idx="261">
                  <c:v>98.370743149738345</c:v>
                </c:pt>
                <c:pt idx="262">
                  <c:v>98.358786195301064</c:v>
                </c:pt>
                <c:pt idx="263">
                  <c:v>98.34733951837967</c:v>
                </c:pt>
                <c:pt idx="264">
                  <c:v>98.34733951837967</c:v>
                </c:pt>
                <c:pt idx="265">
                  <c:v>98.330717639813088</c:v>
                </c:pt>
                <c:pt idx="266">
                  <c:v>98.327583548231502</c:v>
                </c:pt>
                <c:pt idx="267">
                  <c:v>98.321894776957379</c:v>
                </c:pt>
                <c:pt idx="268">
                  <c:v>98.304726407631804</c:v>
                </c:pt>
                <c:pt idx="269">
                  <c:v>98.304726407631804</c:v>
                </c:pt>
                <c:pt idx="270">
                  <c:v>98.290692129887816</c:v>
                </c:pt>
                <c:pt idx="271">
                  <c:v>98.279791943725414</c:v>
                </c:pt>
                <c:pt idx="272">
                  <c:v>98.277168129659742</c:v>
                </c:pt>
                <c:pt idx="273">
                  <c:v>98.260035973577246</c:v>
                </c:pt>
                <c:pt idx="274">
                  <c:v>98.255881326963845</c:v>
                </c:pt>
                <c:pt idx="275">
                  <c:v>98.24756874162405</c:v>
                </c:pt>
                <c:pt idx="276">
                  <c:v>98.231967418089269</c:v>
                </c:pt>
                <c:pt idx="277">
                  <c:v>98.231967418089269</c:v>
                </c:pt>
                <c:pt idx="278">
                  <c:v>98.216366094554502</c:v>
                </c:pt>
                <c:pt idx="279">
                  <c:v>98.2054659083921</c:v>
                </c:pt>
                <c:pt idx="280">
                  <c:v>98.202331816810499</c:v>
                </c:pt>
                <c:pt idx="281">
                  <c:v>98.183629322824217</c:v>
                </c:pt>
                <c:pt idx="282">
                  <c:v>98.179984953726731</c:v>
                </c:pt>
                <c:pt idx="283">
                  <c:v>98.169595045080229</c:v>
                </c:pt>
                <c:pt idx="284">
                  <c:v>98.153483444029533</c:v>
                </c:pt>
                <c:pt idx="285">
                  <c:v>98.151406120722825</c:v>
                </c:pt>
                <c:pt idx="286">
                  <c:v>98.134784242156243</c:v>
                </c:pt>
                <c:pt idx="287">
                  <c:v>98.124394333509741</c:v>
                </c:pt>
                <c:pt idx="288">
                  <c:v>98.11972940938044</c:v>
                </c:pt>
                <c:pt idx="289">
                  <c:v>98.100480424635165</c:v>
                </c:pt>
                <c:pt idx="290">
                  <c:v>98.097346333053594</c:v>
                </c:pt>
                <c:pt idx="291">
                  <c:v>98.084368823584484</c:v>
                </c:pt>
                <c:pt idx="292">
                  <c:v>98.068257222533802</c:v>
                </c:pt>
                <c:pt idx="293">
                  <c:v>98.065159344195294</c:v>
                </c:pt>
                <c:pt idx="294">
                  <c:v>98.047480697353819</c:v>
                </c:pt>
                <c:pt idx="295">
                  <c:v>98.038111343739132</c:v>
                </c:pt>
                <c:pt idx="296">
                  <c:v>98.031365804190131</c:v>
                </c:pt>
                <c:pt idx="297">
                  <c:v>98.012120111557863</c:v>
                </c:pt>
                <c:pt idx="298">
                  <c:v>98.007455187428562</c:v>
                </c:pt>
                <c:pt idx="299">
                  <c:v>97.993931187200474</c:v>
                </c:pt>
                <c:pt idx="300">
                  <c:v>97.97836607690877</c:v>
                </c:pt>
                <c:pt idx="301">
                  <c:v>97.974208138182362</c:v>
                </c:pt>
                <c:pt idx="302">
                  <c:v>97.954962445550109</c:v>
                </c:pt>
                <c:pt idx="303">
                  <c:v>97.946139582694386</c:v>
                </c:pt>
                <c:pt idx="304">
                  <c:v>97.93677352119272</c:v>
                </c:pt>
                <c:pt idx="305">
                  <c:v>97.917560749690523</c:v>
                </c:pt>
                <c:pt idx="306">
                  <c:v>97.912859612318144</c:v>
                </c:pt>
                <c:pt idx="307">
                  <c:v>97.897804779542341</c:v>
                </c:pt>
                <c:pt idx="308">
                  <c:v>97.882713733523474</c:v>
                </c:pt>
                <c:pt idx="309">
                  <c:v>97.877024962249351</c:v>
                </c:pt>
                <c:pt idx="310">
                  <c:v>97.857779269617083</c:v>
                </c:pt>
                <c:pt idx="311">
                  <c:v>97.848956406761374</c:v>
                </c:pt>
                <c:pt idx="312">
                  <c:v>97.838020007355908</c:v>
                </c:pt>
                <c:pt idx="313">
                  <c:v>97.818810527966704</c:v>
                </c:pt>
                <c:pt idx="314">
                  <c:v>97.813599113078425</c:v>
                </c:pt>
                <c:pt idx="315">
                  <c:v>97.796977234511829</c:v>
                </c:pt>
                <c:pt idx="316">
                  <c:v>97.782429387138933</c:v>
                </c:pt>
                <c:pt idx="317">
                  <c:v>97.775650926459861</c:v>
                </c:pt>
                <c:pt idx="318">
                  <c:v>97.754360831650956</c:v>
                </c:pt>
                <c:pt idx="319">
                  <c:v>97.746051538424155</c:v>
                </c:pt>
                <c:pt idx="320">
                  <c:v>97.734094583986874</c:v>
                </c:pt>
                <c:pt idx="321">
                  <c:v>97.714338613838706</c:v>
                </c:pt>
                <c:pt idx="322">
                  <c:v>97.70810335180559</c:v>
                </c:pt>
                <c:pt idx="323">
                  <c:v>97.689914427448215</c:v>
                </c:pt>
                <c:pt idx="324">
                  <c:v>97.675880149704227</c:v>
                </c:pt>
                <c:pt idx="325">
                  <c:v>97.668588119396247</c:v>
                </c:pt>
                <c:pt idx="326">
                  <c:v>97.64781159421625</c:v>
                </c:pt>
                <c:pt idx="327">
                  <c:v>97.63949900887647</c:v>
                </c:pt>
                <c:pt idx="328">
                  <c:v>97.62652149940736</c:v>
                </c:pt>
                <c:pt idx="329">
                  <c:v>97.608842852565886</c:v>
                </c:pt>
                <c:pt idx="330">
                  <c:v>97.60209731301687</c:v>
                </c:pt>
                <c:pt idx="331">
                  <c:v>97.583361897900531</c:v>
                </c:pt>
                <c:pt idx="332">
                  <c:v>97.569874110915507</c:v>
                </c:pt>
                <c:pt idx="333">
                  <c:v>97.561015034816734</c:v>
                </c:pt>
                <c:pt idx="334">
                  <c:v>97.540748787152651</c:v>
                </c:pt>
                <c:pt idx="335">
                  <c:v>97.531925924296942</c:v>
                </c:pt>
                <c:pt idx="336">
                  <c:v>97.517381369037039</c:v>
                </c:pt>
                <c:pt idx="337">
                  <c:v>97.498645953920686</c:v>
                </c:pt>
                <c:pt idx="338">
                  <c:v>97.491393428968792</c:v>
                </c:pt>
                <c:pt idx="339">
                  <c:v>97.472144444223517</c:v>
                </c:pt>
                <c:pt idx="340">
                  <c:v>97.459166934754393</c:v>
                </c:pt>
                <c:pt idx="341">
                  <c:v>97.447720257833026</c:v>
                </c:pt>
                <c:pt idx="342">
                  <c:v>97.426433455137129</c:v>
                </c:pt>
                <c:pt idx="343">
                  <c:v>97.417574379038356</c:v>
                </c:pt>
                <c:pt idx="344">
                  <c:v>97.40044222295586</c:v>
                </c:pt>
                <c:pt idx="345">
                  <c:v>97.382253298598471</c:v>
                </c:pt>
                <c:pt idx="346">
                  <c:v>97.373940713258676</c:v>
                </c:pt>
                <c:pt idx="347">
                  <c:v>97.35312797483563</c:v>
                </c:pt>
                <c:pt idx="348">
                  <c:v>97.341717511157299</c:v>
                </c:pt>
                <c:pt idx="349">
                  <c:v>97.329250279204118</c:v>
                </c:pt>
                <c:pt idx="350">
                  <c:v>97.309491016942928</c:v>
                </c:pt>
                <c:pt idx="351">
                  <c:v>97.301181723716127</c:v>
                </c:pt>
                <c:pt idx="352">
                  <c:v>97.283503076874652</c:v>
                </c:pt>
                <c:pt idx="353">
                  <c:v>97.266877906195063</c:v>
                </c:pt>
                <c:pt idx="354">
                  <c:v>97.257511844693397</c:v>
                </c:pt>
                <c:pt idx="355">
                  <c:v>97.236732027400393</c:v>
                </c:pt>
                <c:pt idx="356">
                  <c:v>97.225285350478998</c:v>
                </c:pt>
                <c:pt idx="357">
                  <c:v>97.212307841009903</c:v>
                </c:pt>
                <c:pt idx="358">
                  <c:v>97.192551870861735</c:v>
                </c:pt>
                <c:pt idx="359">
                  <c:v>97.18372900800604</c:v>
                </c:pt>
                <c:pt idx="360">
                  <c:v>97.164483315373772</c:v>
                </c:pt>
                <c:pt idx="361">
                  <c:v>97.147861436807162</c:v>
                </c:pt>
                <c:pt idx="362">
                  <c:v>97.137981805676574</c:v>
                </c:pt>
                <c:pt idx="363">
                  <c:v>97.117205280496592</c:v>
                </c:pt>
                <c:pt idx="364">
                  <c:v>97.105248326059311</c:v>
                </c:pt>
                <c:pt idx="365">
                  <c:v>97.091214048315322</c:v>
                </c:pt>
                <c:pt idx="366">
                  <c:v>97.070944508538233</c:v>
                </c:pt>
                <c:pt idx="367">
                  <c:v>97.062124937795517</c:v>
                </c:pt>
                <c:pt idx="368">
                  <c:v>97.043386230566171</c:v>
                </c:pt>
                <c:pt idx="369">
                  <c:v>97.027821120274453</c:v>
                </c:pt>
                <c:pt idx="370">
                  <c:v>97.016884720868973</c:v>
                </c:pt>
                <c:pt idx="371">
                  <c:v>96.99559791817309</c:v>
                </c:pt>
                <c:pt idx="372">
                  <c:v>96.984661518767624</c:v>
                </c:pt>
                <c:pt idx="373">
                  <c:v>96.96960668599182</c:v>
                </c:pt>
                <c:pt idx="374">
                  <c:v>96.950360993359553</c:v>
                </c:pt>
                <c:pt idx="375">
                  <c:v>96.941027852987929</c:v>
                </c:pt>
                <c:pt idx="376">
                  <c:v>96.92126859072674</c:v>
                </c:pt>
                <c:pt idx="377">
                  <c:v>96.906177544707887</c:v>
                </c:pt>
                <c:pt idx="378">
                  <c:v>96.895280650658492</c:v>
                </c:pt>
                <c:pt idx="379">
                  <c:v>96.873990555849574</c:v>
                </c:pt>
                <c:pt idx="380">
                  <c:v>96.863054156444107</c:v>
                </c:pt>
                <c:pt idx="381">
                  <c:v>96.846942555393426</c:v>
                </c:pt>
                <c:pt idx="382">
                  <c:v>96.828243353520136</c:v>
                </c:pt>
                <c:pt idx="383">
                  <c:v>96.818363722389549</c:v>
                </c:pt>
                <c:pt idx="384">
                  <c:v>96.798607752241367</c:v>
                </c:pt>
                <c:pt idx="385">
                  <c:v>96.785119965256357</c:v>
                </c:pt>
                <c:pt idx="386">
                  <c:v>96.773163010819076</c:v>
                </c:pt>
                <c:pt idx="387">
                  <c:v>96.752893471041986</c:v>
                </c:pt>
                <c:pt idx="388">
                  <c:v>96.743017132024391</c:v>
                </c:pt>
                <c:pt idx="389">
                  <c:v>96.726391961344817</c:v>
                </c:pt>
                <c:pt idx="390">
                  <c:v>96.708203036987413</c:v>
                </c:pt>
                <c:pt idx="391">
                  <c:v>96.69832340585684</c:v>
                </c:pt>
                <c:pt idx="392">
                  <c:v>96.678567435708658</c:v>
                </c:pt>
                <c:pt idx="393">
                  <c:v>96.66504343548057</c:v>
                </c:pt>
                <c:pt idx="394">
                  <c:v>96.65206592601146</c:v>
                </c:pt>
                <c:pt idx="395">
                  <c:v>96.631799678347392</c:v>
                </c:pt>
                <c:pt idx="396">
                  <c:v>96.622430324732719</c:v>
                </c:pt>
                <c:pt idx="397">
                  <c:v>96.60475167789123</c:v>
                </c:pt>
                <c:pt idx="398">
                  <c:v>96.588126507211641</c:v>
                </c:pt>
                <c:pt idx="399">
                  <c:v>96.577739890678146</c:v>
                </c:pt>
                <c:pt idx="400">
                  <c:v>96.557470350901056</c:v>
                </c:pt>
                <c:pt idx="401">
                  <c:v>96.546023673979676</c:v>
                </c:pt>
                <c:pt idx="402">
                  <c:v>96.532539179107673</c:v>
                </c:pt>
                <c:pt idx="403">
                  <c:v>96.513290194362398</c:v>
                </c:pt>
                <c:pt idx="404">
                  <c:v>96.503410563231824</c:v>
                </c:pt>
                <c:pt idx="405">
                  <c:v>96.485768129633399</c:v>
                </c:pt>
                <c:pt idx="406">
                  <c:v>96.469110037823754</c:v>
                </c:pt>
                <c:pt idx="407">
                  <c:v>96.458720129177252</c:v>
                </c:pt>
                <c:pt idx="408">
                  <c:v>96.438453881513169</c:v>
                </c:pt>
                <c:pt idx="409">
                  <c:v>96.425986649559988</c:v>
                </c:pt>
                <c:pt idx="410">
                  <c:v>96.411952371815985</c:v>
                </c:pt>
                <c:pt idx="411">
                  <c:v>96.393760155345603</c:v>
                </c:pt>
                <c:pt idx="412">
                  <c:v>96.384394093843923</c:v>
                </c:pt>
                <c:pt idx="413">
                  <c:v>96.367261937761427</c:v>
                </c:pt>
                <c:pt idx="414">
                  <c:v>96.352167599629539</c:v>
                </c:pt>
                <c:pt idx="415">
                  <c:v>96.341270705580143</c:v>
                </c:pt>
                <c:pt idx="416">
                  <c:v>96.321001165803054</c:v>
                </c:pt>
                <c:pt idx="417">
                  <c:v>96.309554488881687</c:v>
                </c:pt>
                <c:pt idx="418">
                  <c:v>96.296066701896663</c:v>
                </c:pt>
                <c:pt idx="419">
                  <c:v>96.275253963473617</c:v>
                </c:pt>
                <c:pt idx="420">
                  <c:v>96.265920823101993</c:v>
                </c:pt>
                <c:pt idx="421">
                  <c:v>96.248752453776433</c:v>
                </c:pt>
                <c:pt idx="422">
                  <c:v>96.234718176032445</c:v>
                </c:pt>
                <c:pt idx="423">
                  <c:v>96.22276122159515</c:v>
                </c:pt>
                <c:pt idx="424">
                  <c:v>96.206685833787532</c:v>
                </c:pt>
                <c:pt idx="425">
                  <c:v>96.19625971189798</c:v>
                </c:pt>
                <c:pt idx="426">
                  <c:v>96.180694601606262</c:v>
                </c:pt>
                <c:pt idx="427">
                  <c:v>96.163015954764802</c:v>
                </c:pt>
                <c:pt idx="428">
                  <c:v>96.154193091909079</c:v>
                </c:pt>
                <c:pt idx="429">
                  <c:v>96.136514445067604</c:v>
                </c:pt>
                <c:pt idx="430">
                  <c:v>96.122990444839544</c:v>
                </c:pt>
                <c:pt idx="431">
                  <c:v>96.112090258677114</c:v>
                </c:pt>
                <c:pt idx="432">
                  <c:v>96.092844566044846</c:v>
                </c:pt>
                <c:pt idx="433">
                  <c:v>96.083511425673251</c:v>
                </c:pt>
                <c:pt idx="434">
                  <c:v>96.06842037965437</c:v>
                </c:pt>
                <c:pt idx="435">
                  <c:v>96.052308778603688</c:v>
                </c:pt>
                <c:pt idx="436">
                  <c:v>96.043996193263894</c:v>
                </c:pt>
                <c:pt idx="437">
                  <c:v>96.022709390567996</c:v>
                </c:pt>
                <c:pt idx="438">
                  <c:v>96.011262713646616</c:v>
                </c:pt>
                <c:pt idx="439">
                  <c:v>96.000362527484214</c:v>
                </c:pt>
                <c:pt idx="440">
                  <c:v>95.985271481465347</c:v>
                </c:pt>
                <c:pt idx="441">
                  <c:v>95.97488157281883</c:v>
                </c:pt>
                <c:pt idx="442">
                  <c:v>95.958259694252249</c:v>
                </c:pt>
                <c:pt idx="443">
                  <c:v>95.942658370717467</c:v>
                </c:pt>
                <c:pt idx="444">
                  <c:v>95.933289017102794</c:v>
                </c:pt>
                <c:pt idx="445">
                  <c:v>95.915646583504383</c:v>
                </c:pt>
                <c:pt idx="446">
                  <c:v>95.904199906583003</c:v>
                </c:pt>
                <c:pt idx="447">
                  <c:v>95.892242952145722</c:v>
                </c:pt>
                <c:pt idx="448">
                  <c:v>95.874564305304247</c:v>
                </c:pt>
                <c:pt idx="449">
                  <c:v>95.865741442448538</c:v>
                </c:pt>
                <c:pt idx="450">
                  <c:v>95.850650396429671</c:v>
                </c:pt>
                <c:pt idx="451">
                  <c:v>95.836105841169783</c:v>
                </c:pt>
                <c:pt idx="452">
                  <c:v>95.826775992911152</c:v>
                </c:pt>
                <c:pt idx="453">
                  <c:v>95.809094053956684</c:v>
                </c:pt>
                <c:pt idx="454">
                  <c:v>95.79870743742319</c:v>
                </c:pt>
                <c:pt idx="455">
                  <c:v>95.786750482985894</c:v>
                </c:pt>
                <c:pt idx="456">
                  <c:v>95.770128604419313</c:v>
                </c:pt>
                <c:pt idx="457">
                  <c:v>95.76126952832054</c:v>
                </c:pt>
                <c:pt idx="458">
                  <c:v>95.746214695544737</c:v>
                </c:pt>
                <c:pt idx="459">
                  <c:v>95.732690695316649</c:v>
                </c:pt>
                <c:pt idx="460">
                  <c:v>95.722300786670161</c:v>
                </c:pt>
                <c:pt idx="461">
                  <c:v>95.704111862312772</c:v>
                </c:pt>
                <c:pt idx="462">
                  <c:v>95.694232231182184</c:v>
                </c:pt>
                <c:pt idx="463">
                  <c:v>95.681764999228989</c:v>
                </c:pt>
                <c:pt idx="464">
                  <c:v>95.665143120662407</c:v>
                </c:pt>
                <c:pt idx="465">
                  <c:v>95.656284044563634</c:v>
                </c:pt>
                <c:pt idx="466">
                  <c:v>95.641229211787831</c:v>
                </c:pt>
                <c:pt idx="467">
                  <c:v>95.628761979834621</c:v>
                </c:pt>
                <c:pt idx="468">
                  <c:v>95.618885640817055</c:v>
                </c:pt>
                <c:pt idx="469">
                  <c:v>95.601713979378474</c:v>
                </c:pt>
                <c:pt idx="470">
                  <c:v>95.591873853603957</c:v>
                </c:pt>
                <c:pt idx="471">
                  <c:v>95.579916899166676</c:v>
                </c:pt>
                <c:pt idx="472">
                  <c:v>95.564315575631895</c:v>
                </c:pt>
                <c:pt idx="473">
                  <c:v>95.556002990292086</c:v>
                </c:pt>
                <c:pt idx="474">
                  <c:v>95.540401666757319</c:v>
                </c:pt>
                <c:pt idx="475">
                  <c:v>95.527934434804123</c:v>
                </c:pt>
                <c:pt idx="476">
                  <c:v>95.518565081189436</c:v>
                </c:pt>
                <c:pt idx="477">
                  <c:v>95.502453480138755</c:v>
                </c:pt>
                <c:pt idx="478">
                  <c:v>95.493123631880138</c:v>
                </c:pt>
                <c:pt idx="479">
                  <c:v>95.479599631652064</c:v>
                </c:pt>
                <c:pt idx="480">
                  <c:v>95.464544798876261</c:v>
                </c:pt>
                <c:pt idx="481">
                  <c:v>95.456196000293389</c:v>
                </c:pt>
                <c:pt idx="482">
                  <c:v>95.440630890001685</c:v>
                </c:pt>
                <c:pt idx="483">
                  <c:v>95.429184213080319</c:v>
                </c:pt>
                <c:pt idx="484">
                  <c:v>95.419304581949717</c:v>
                </c:pt>
                <c:pt idx="485">
                  <c:v>95.403703258414936</c:v>
                </c:pt>
                <c:pt idx="486">
                  <c:v>95.394883687672234</c:v>
                </c:pt>
                <c:pt idx="487">
                  <c:v>95.38135968744416</c:v>
                </c:pt>
                <c:pt idx="488">
                  <c:v>95.36787190045915</c:v>
                </c:pt>
                <c:pt idx="489">
                  <c:v>95.359559315119341</c:v>
                </c:pt>
                <c:pt idx="490">
                  <c:v>95.343957991584574</c:v>
                </c:pt>
                <c:pt idx="491">
                  <c:v>95.333057805422172</c:v>
                </c:pt>
                <c:pt idx="492">
                  <c:v>95.32317817429157</c:v>
                </c:pt>
                <c:pt idx="493">
                  <c:v>95.307576850756803</c:v>
                </c:pt>
                <c:pt idx="494">
                  <c:v>95.299267557530001</c:v>
                </c:pt>
                <c:pt idx="495">
                  <c:v>95.285743557301942</c:v>
                </c:pt>
                <c:pt idx="496">
                  <c:v>95.272766047832832</c:v>
                </c:pt>
                <c:pt idx="497">
                  <c:v>95.263906971734059</c:v>
                </c:pt>
                <c:pt idx="498">
                  <c:v>95.248852138958256</c:v>
                </c:pt>
                <c:pt idx="499">
                  <c:v>95.238972507827668</c:v>
                </c:pt>
                <c:pt idx="500">
                  <c:v>95.228075613778259</c:v>
                </c:pt>
                <c:pt idx="501">
                  <c:v>95.212981275646399</c:v>
                </c:pt>
                <c:pt idx="502">
                  <c:v>95.204671982419583</c:v>
                </c:pt>
                <c:pt idx="503">
                  <c:v>95.191147982191524</c:v>
                </c:pt>
                <c:pt idx="504">
                  <c:v>95.178170472722414</c:v>
                </c:pt>
                <c:pt idx="505">
                  <c:v>95.169857887382605</c:v>
                </c:pt>
                <c:pt idx="506">
                  <c:v>95.154256563847838</c:v>
                </c:pt>
                <c:pt idx="507">
                  <c:v>95.144890502346158</c:v>
                </c:pt>
                <c:pt idx="508">
                  <c:v>95.133480038667841</c:v>
                </c:pt>
                <c:pt idx="509">
                  <c:v>95.119445760923853</c:v>
                </c:pt>
                <c:pt idx="510">
                  <c:v>95.111133175584058</c:v>
                </c:pt>
                <c:pt idx="511">
                  <c:v>95.097609175355984</c:v>
                </c:pt>
                <c:pt idx="512">
                  <c:v>95.086162498434604</c:v>
                </c:pt>
                <c:pt idx="513">
                  <c:v>95.077342927691902</c:v>
                </c:pt>
                <c:pt idx="514">
                  <c:v>95.062288094916099</c:v>
                </c:pt>
                <c:pt idx="515">
                  <c:v>95.053429018817326</c:v>
                </c:pt>
                <c:pt idx="516">
                  <c:v>95.042528832654924</c:v>
                </c:pt>
                <c:pt idx="517">
                  <c:v>95.02900483242685</c:v>
                </c:pt>
                <c:pt idx="518">
                  <c:v>95.021205816715963</c:v>
                </c:pt>
                <c:pt idx="519">
                  <c:v>95.00717153897196</c:v>
                </c:pt>
                <c:pt idx="520">
                  <c:v>94.996271352809558</c:v>
                </c:pt>
                <c:pt idx="521">
                  <c:v>94.986901999194885</c:v>
                </c:pt>
                <c:pt idx="522">
                  <c:v>94.972357443934982</c:v>
                </c:pt>
                <c:pt idx="523">
                  <c:v>94.96353787319228</c:v>
                </c:pt>
                <c:pt idx="524">
                  <c:v>94.952091196270899</c:v>
                </c:pt>
                <c:pt idx="525">
                  <c:v>94.939113686801804</c:v>
                </c:pt>
                <c:pt idx="526">
                  <c:v>94.930801101461995</c:v>
                </c:pt>
                <c:pt idx="527">
                  <c:v>94.916220332959043</c:v>
                </c:pt>
                <c:pt idx="528">
                  <c:v>94.90532014679664</c:v>
                </c:pt>
                <c:pt idx="529">
                  <c:v>94.89595408529496</c:v>
                </c:pt>
                <c:pt idx="530">
                  <c:v>94.881919807550986</c:v>
                </c:pt>
                <c:pt idx="531">
                  <c:v>94.873096944695277</c:v>
                </c:pt>
                <c:pt idx="532">
                  <c:v>94.860629712742067</c:v>
                </c:pt>
                <c:pt idx="533">
                  <c:v>94.847615990029908</c:v>
                </c:pt>
                <c:pt idx="534">
                  <c:v>94.839853187562085</c:v>
                </c:pt>
                <c:pt idx="535">
                  <c:v>94.825818909818096</c:v>
                </c:pt>
                <c:pt idx="536">
                  <c:v>94.815939278687509</c:v>
                </c:pt>
                <c:pt idx="537">
                  <c:v>94.806059647556921</c:v>
                </c:pt>
                <c:pt idx="538">
                  <c:v>94.792025369812933</c:v>
                </c:pt>
                <c:pt idx="539">
                  <c:v>94.784226354102046</c:v>
                </c:pt>
                <c:pt idx="540">
                  <c:v>94.771759122148865</c:v>
                </c:pt>
                <c:pt idx="541">
                  <c:v>94.758781612679755</c:v>
                </c:pt>
                <c:pt idx="542">
                  <c:v>94.750432814096882</c:v>
                </c:pt>
                <c:pt idx="543">
                  <c:v>94.736398536352894</c:v>
                </c:pt>
                <c:pt idx="544">
                  <c:v>94.727068688094292</c:v>
                </c:pt>
                <c:pt idx="545">
                  <c:v>94.716678779447804</c:v>
                </c:pt>
                <c:pt idx="546">
                  <c:v>94.702644501703801</c:v>
                </c:pt>
                <c:pt idx="547">
                  <c:v>94.694842193879921</c:v>
                </c:pt>
                <c:pt idx="548">
                  <c:v>94.682374961926712</c:v>
                </c:pt>
                <c:pt idx="549">
                  <c:v>94.669907729973517</c:v>
                </c:pt>
                <c:pt idx="550">
                  <c:v>94.660541668471836</c:v>
                </c:pt>
                <c:pt idx="551">
                  <c:v>94.647017668243763</c:v>
                </c:pt>
                <c:pt idx="552">
                  <c:v>94.638194805388068</c:v>
                </c:pt>
                <c:pt idx="553">
                  <c:v>94.627294619225651</c:v>
                </c:pt>
                <c:pt idx="554">
                  <c:v>94.613770618997563</c:v>
                </c:pt>
                <c:pt idx="555">
                  <c:v>94.605461325770776</c:v>
                </c:pt>
                <c:pt idx="556">
                  <c:v>94.59299409381758</c:v>
                </c:pt>
                <c:pt idx="557">
                  <c:v>94.5815474168962</c:v>
                </c:pt>
                <c:pt idx="558">
                  <c:v>94.573234831556405</c:v>
                </c:pt>
                <c:pt idx="559">
                  <c:v>94.559200553812417</c:v>
                </c:pt>
                <c:pt idx="560">
                  <c:v>94.549324214794822</c:v>
                </c:pt>
                <c:pt idx="561">
                  <c:v>94.53787753787347</c:v>
                </c:pt>
                <c:pt idx="562">
                  <c:v>94.525410305920261</c:v>
                </c:pt>
                <c:pt idx="563">
                  <c:v>94.517097720580466</c:v>
                </c:pt>
                <c:pt idx="564">
                  <c:v>94.503573720352392</c:v>
                </c:pt>
                <c:pt idx="565">
                  <c:v>94.491620058028104</c:v>
                </c:pt>
                <c:pt idx="566">
                  <c:v>94.481776640140581</c:v>
                </c:pt>
                <c:pt idx="567">
                  <c:v>94.467742362396606</c:v>
                </c:pt>
                <c:pt idx="568">
                  <c:v>94.458883286297819</c:v>
                </c:pt>
                <c:pt idx="569">
                  <c:v>94.447472822619503</c:v>
                </c:pt>
                <c:pt idx="570">
                  <c:v>94.434459099907329</c:v>
                </c:pt>
                <c:pt idx="571">
                  <c:v>94.426149806680542</c:v>
                </c:pt>
                <c:pt idx="572">
                  <c:v>94.412625806452468</c:v>
                </c:pt>
                <c:pt idx="573">
                  <c:v>94.401725620290065</c:v>
                </c:pt>
                <c:pt idx="574">
                  <c:v>94.392356266675378</c:v>
                </c:pt>
                <c:pt idx="575">
                  <c:v>94.37832198893139</c:v>
                </c:pt>
                <c:pt idx="576">
                  <c:v>94.368992140672788</c:v>
                </c:pt>
                <c:pt idx="577">
                  <c:v>94.356524908719578</c:v>
                </c:pt>
                <c:pt idx="578">
                  <c:v>94.344021463523333</c:v>
                </c:pt>
                <c:pt idx="579">
                  <c:v>94.33519860066761</c:v>
                </c:pt>
                <c:pt idx="580">
                  <c:v>94.32167460043955</c:v>
                </c:pt>
                <c:pt idx="581">
                  <c:v>94.311287983906041</c:v>
                </c:pt>
                <c:pt idx="582">
                  <c:v>94.300898075259553</c:v>
                </c:pt>
                <c:pt idx="583">
                  <c:v>94.286353519999651</c:v>
                </c:pt>
                <c:pt idx="584">
                  <c:v>94.277530657143942</c:v>
                </c:pt>
                <c:pt idx="585">
                  <c:v>94.264516934431768</c:v>
                </c:pt>
                <c:pt idx="586">
                  <c:v>94.251539424962672</c:v>
                </c:pt>
                <c:pt idx="587">
                  <c:v>94.242173363460992</c:v>
                </c:pt>
                <c:pt idx="588">
                  <c:v>94.228139085717004</c:v>
                </c:pt>
                <c:pt idx="589">
                  <c:v>94.217749177070516</c:v>
                </c:pt>
                <c:pt idx="590">
                  <c:v>94.206302500149135</c:v>
                </c:pt>
                <c:pt idx="591">
                  <c:v>94.191757944889247</c:v>
                </c:pt>
                <c:pt idx="592">
                  <c:v>94.182935082033538</c:v>
                </c:pt>
                <c:pt idx="593">
                  <c:v>94.167844036014671</c:v>
                </c:pt>
                <c:pt idx="594">
                  <c:v>94.153809758270683</c:v>
                </c:pt>
                <c:pt idx="595">
                  <c:v>94.143419849624181</c:v>
                </c:pt>
                <c:pt idx="596">
                  <c:v>94.127854739332463</c:v>
                </c:pt>
                <c:pt idx="597">
                  <c:v>94.117431909555918</c:v>
                </c:pt>
                <c:pt idx="598">
                  <c:v>94.106021445877587</c:v>
                </c:pt>
                <c:pt idx="599">
                  <c:v>94.091476890617713</c:v>
                </c:pt>
                <c:pt idx="600">
                  <c:v>94.08261781451894</c:v>
                </c:pt>
                <c:pt idx="601">
                  <c:v>94.068583536774952</c:v>
                </c:pt>
                <c:pt idx="602">
                  <c:v>94.056116304821757</c:v>
                </c:pt>
                <c:pt idx="603">
                  <c:v>94.046239965804162</c:v>
                </c:pt>
                <c:pt idx="604">
                  <c:v>94.031692118431266</c:v>
                </c:pt>
                <c:pt idx="605">
                  <c:v>94.020795224381871</c:v>
                </c:pt>
                <c:pt idx="606">
                  <c:v>94.008838269944576</c:v>
                </c:pt>
                <c:pt idx="607">
                  <c:v>93.994803992200588</c:v>
                </c:pt>
                <c:pt idx="608">
                  <c:v>93.984924361070014</c:v>
                </c:pt>
                <c:pt idx="609">
                  <c:v>93.970379805810097</c:v>
                </c:pt>
                <c:pt idx="610">
                  <c:v>93.957876360613852</c:v>
                </c:pt>
                <c:pt idx="611">
                  <c:v>93.94748645196735</c:v>
                </c:pt>
                <c:pt idx="612">
                  <c:v>93.932431619191533</c:v>
                </c:pt>
                <c:pt idx="613">
                  <c:v>93.922045002658052</c:v>
                </c:pt>
                <c:pt idx="614">
                  <c:v>93.909031279945879</c:v>
                </c:pt>
                <c:pt idx="615">
                  <c:v>93.89499700220189</c:v>
                </c:pt>
                <c:pt idx="616">
                  <c:v>93.884607093555417</c:v>
                </c:pt>
                <c:pt idx="617">
                  <c:v>93.870062538295514</c:v>
                </c:pt>
                <c:pt idx="618">
                  <c:v>93.857595306342319</c:v>
                </c:pt>
                <c:pt idx="619">
                  <c:v>93.845638351905023</c:v>
                </c:pt>
                <c:pt idx="620">
                  <c:v>93.831093796645135</c:v>
                </c:pt>
                <c:pt idx="621">
                  <c:v>93.820157397239655</c:v>
                </c:pt>
                <c:pt idx="622">
                  <c:v>93.806669610254644</c:v>
                </c:pt>
                <c:pt idx="623">
                  <c:v>93.792125054994756</c:v>
                </c:pt>
                <c:pt idx="624">
                  <c:v>93.780678378073375</c:v>
                </c:pt>
                <c:pt idx="625">
                  <c:v>93.765077054538594</c:v>
                </c:pt>
                <c:pt idx="626">
                  <c:v>93.752609822585413</c:v>
                </c:pt>
                <c:pt idx="627">
                  <c:v>93.740142590632203</c:v>
                </c:pt>
                <c:pt idx="628">
                  <c:v>93.725051544613336</c:v>
                </c:pt>
                <c:pt idx="629">
                  <c:v>93.713644373048027</c:v>
                </c:pt>
                <c:pt idx="630">
                  <c:v>93.699099817788124</c:v>
                </c:pt>
                <c:pt idx="631">
                  <c:v>93.685065540044135</c:v>
                </c:pt>
                <c:pt idx="632">
                  <c:v>93.673108585606855</c:v>
                </c:pt>
                <c:pt idx="633">
                  <c:v>93.657507262072087</c:v>
                </c:pt>
                <c:pt idx="634">
                  <c:v>93.644529752602978</c:v>
                </c:pt>
                <c:pt idx="635">
                  <c:v>93.631516029890818</c:v>
                </c:pt>
                <c:pt idx="636">
                  <c:v>93.615401136727115</c:v>
                </c:pt>
                <c:pt idx="637">
                  <c:v>93.603957751918742</c:v>
                </c:pt>
                <c:pt idx="638">
                  <c:v>93.588902919142939</c:v>
                </c:pt>
                <c:pt idx="639">
                  <c:v>93.57486864139895</c:v>
                </c:pt>
                <c:pt idx="640">
                  <c:v>93.562401409445769</c:v>
                </c:pt>
                <c:pt idx="641">
                  <c:v>93.546289808395073</c:v>
                </c:pt>
                <c:pt idx="642">
                  <c:v>93.533822576441878</c:v>
                </c:pt>
                <c:pt idx="643">
                  <c:v>93.51978829869789</c:v>
                </c:pt>
                <c:pt idx="644">
                  <c:v>93.503163128018301</c:v>
                </c:pt>
                <c:pt idx="645">
                  <c:v>93.490659682822042</c:v>
                </c:pt>
                <c:pt idx="646">
                  <c:v>93.475094572530324</c:v>
                </c:pt>
                <c:pt idx="647">
                  <c:v>93.460003526511457</c:v>
                </c:pt>
                <c:pt idx="648">
                  <c:v>93.447536294558262</c:v>
                </c:pt>
                <c:pt idx="649">
                  <c:v>93.430914415991666</c:v>
                </c:pt>
                <c:pt idx="650">
                  <c:v>93.417900693279492</c:v>
                </c:pt>
                <c:pt idx="651">
                  <c:v>93.402845860503703</c:v>
                </c:pt>
                <c:pt idx="652">
                  <c:v>93.386734259453021</c:v>
                </c:pt>
                <c:pt idx="653">
                  <c:v>93.373210259224919</c:v>
                </c:pt>
                <c:pt idx="654">
                  <c:v>93.356588380658337</c:v>
                </c:pt>
                <c:pt idx="655">
                  <c:v>93.340987057123556</c:v>
                </c:pt>
                <c:pt idx="656">
                  <c:v>93.326952779379582</c:v>
                </c:pt>
                <c:pt idx="657">
                  <c:v>93.309820623297071</c:v>
                </c:pt>
                <c:pt idx="658">
                  <c:v>93.295272775924175</c:v>
                </c:pt>
                <c:pt idx="659">
                  <c:v>93.279671452389394</c:v>
                </c:pt>
                <c:pt idx="660">
                  <c:v>93.263049573822798</c:v>
                </c:pt>
                <c:pt idx="661">
                  <c:v>93.249015296078824</c:v>
                </c:pt>
                <c:pt idx="662">
                  <c:v>93.231846926753249</c:v>
                </c:pt>
                <c:pt idx="663">
                  <c:v>93.216281816461546</c:v>
                </c:pt>
                <c:pt idx="664">
                  <c:v>93.201737261201643</c:v>
                </c:pt>
                <c:pt idx="665">
                  <c:v>93.184055322247161</c:v>
                </c:pt>
                <c:pt idx="666">
                  <c:v>93.169510766987273</c:v>
                </c:pt>
                <c:pt idx="667">
                  <c:v>93.152852675177613</c:v>
                </c:pt>
                <c:pt idx="668">
                  <c:v>93.135210241579202</c:v>
                </c:pt>
                <c:pt idx="669">
                  <c:v>93.120629473076249</c:v>
                </c:pt>
                <c:pt idx="670">
                  <c:v>93.10244054871886</c:v>
                </c:pt>
                <c:pt idx="671">
                  <c:v>93.085815378039257</c:v>
                </c:pt>
                <c:pt idx="672">
                  <c:v>93.070760545263468</c:v>
                </c:pt>
                <c:pt idx="673">
                  <c:v>93.052571620906079</c:v>
                </c:pt>
                <c:pt idx="674">
                  <c:v>93.037480574887226</c:v>
                </c:pt>
                <c:pt idx="675">
                  <c:v>93.020348418804716</c:v>
                </c:pt>
                <c:pt idx="676">
                  <c:v>93.002666479850234</c:v>
                </c:pt>
                <c:pt idx="677">
                  <c:v>92.987065156315452</c:v>
                </c:pt>
                <c:pt idx="678">
                  <c:v>92.967855676926249</c:v>
                </c:pt>
                <c:pt idx="679">
                  <c:v>92.950687307600688</c:v>
                </c:pt>
                <c:pt idx="680">
                  <c:v>92.935122197308985</c:v>
                </c:pt>
                <c:pt idx="681">
                  <c:v>92.915362935047796</c:v>
                </c:pt>
                <c:pt idx="682">
                  <c:v>92.899761611513028</c:v>
                </c:pt>
                <c:pt idx="683">
                  <c:v>92.881572687155639</c:v>
                </c:pt>
                <c:pt idx="684">
                  <c:v>92.862870193169343</c:v>
                </c:pt>
                <c:pt idx="685">
                  <c:v>92.846758592118661</c:v>
                </c:pt>
                <c:pt idx="686">
                  <c:v>92.826492344454579</c:v>
                </c:pt>
                <c:pt idx="687">
                  <c:v>92.808300127984182</c:v>
                </c:pt>
                <c:pt idx="688">
                  <c:v>92.791167971901686</c:v>
                </c:pt>
                <c:pt idx="689">
                  <c:v>92.771412001753518</c:v>
                </c:pt>
                <c:pt idx="690">
                  <c:v>92.754790123186922</c:v>
                </c:pt>
                <c:pt idx="691">
                  <c:v>92.736051415957547</c:v>
                </c:pt>
                <c:pt idx="692">
                  <c:v>92.716841936568358</c:v>
                </c:pt>
                <c:pt idx="693">
                  <c:v>92.700220058001761</c:v>
                </c:pt>
                <c:pt idx="694">
                  <c:v>92.679950518224672</c:v>
                </c:pt>
                <c:pt idx="695">
                  <c:v>92.662271871383211</c:v>
                </c:pt>
                <c:pt idx="696">
                  <c:v>92.643572669509908</c:v>
                </c:pt>
                <c:pt idx="697">
                  <c:v>92.622756638973854</c:v>
                </c:pt>
                <c:pt idx="698">
                  <c:v>92.605624482891344</c:v>
                </c:pt>
                <c:pt idx="699">
                  <c:v>92.585354943114268</c:v>
                </c:pt>
                <c:pt idx="700">
                  <c:v>92.565088695450171</c:v>
                </c:pt>
                <c:pt idx="701">
                  <c:v>92.547410048608711</c:v>
                </c:pt>
                <c:pt idx="702">
                  <c:v>92.526083740556729</c:v>
                </c:pt>
                <c:pt idx="703">
                  <c:v>92.507894816199354</c:v>
                </c:pt>
                <c:pt idx="704">
                  <c:v>92.488682044697143</c:v>
                </c:pt>
                <c:pt idx="705">
                  <c:v>92.46790551951716</c:v>
                </c:pt>
                <c:pt idx="706">
                  <c:v>92.449716595159771</c:v>
                </c:pt>
                <c:pt idx="707">
                  <c:v>92.428390287107817</c:v>
                </c:pt>
                <c:pt idx="708">
                  <c:v>92.408124039443734</c:v>
                </c:pt>
                <c:pt idx="709">
                  <c:v>92.389421545457438</c:v>
                </c:pt>
                <c:pt idx="710">
                  <c:v>92.367077974486662</c:v>
                </c:pt>
                <c:pt idx="711">
                  <c:v>92.348375480500366</c:v>
                </c:pt>
                <c:pt idx="712">
                  <c:v>92.327562742077305</c:v>
                </c:pt>
                <c:pt idx="713">
                  <c:v>92.305726156509422</c:v>
                </c:pt>
                <c:pt idx="714">
                  <c:v>92.287026954636147</c:v>
                </c:pt>
                <c:pt idx="715">
                  <c:v>92.26468009155235</c:v>
                </c:pt>
                <c:pt idx="716">
                  <c:v>92.243903566372353</c:v>
                </c:pt>
                <c:pt idx="717">
                  <c:v>92.224144304111192</c:v>
                </c:pt>
                <c:pt idx="718">
                  <c:v>92.201290455624488</c:v>
                </c:pt>
                <c:pt idx="719">
                  <c:v>92.182041470879213</c:v>
                </c:pt>
                <c:pt idx="720">
                  <c:v>92.160754668183316</c:v>
                </c:pt>
                <c:pt idx="721">
                  <c:v>92.138407805099547</c:v>
                </c:pt>
                <c:pt idx="722">
                  <c:v>92.118651834951365</c:v>
                </c:pt>
                <c:pt idx="723">
                  <c:v>92.095248203592703</c:v>
                </c:pt>
                <c:pt idx="724">
                  <c:v>92.074471678412706</c:v>
                </c:pt>
                <c:pt idx="725">
                  <c:v>92.054202138635631</c:v>
                </c:pt>
                <c:pt idx="726">
                  <c:v>92.030834720520019</c:v>
                </c:pt>
                <c:pt idx="727">
                  <c:v>92.010568472855937</c:v>
                </c:pt>
                <c:pt idx="728">
                  <c:v>91.98818539652909</c:v>
                </c:pt>
                <c:pt idx="729">
                  <c:v>91.9653315480424</c:v>
                </c:pt>
                <c:pt idx="730">
                  <c:v>91.94455173074941</c:v>
                </c:pt>
                <c:pt idx="731">
                  <c:v>91.920641113987841</c:v>
                </c:pt>
                <c:pt idx="732">
                  <c:v>91.898804528419959</c:v>
                </c:pt>
                <c:pt idx="733">
                  <c:v>91.878024711126955</c:v>
                </c:pt>
                <c:pt idx="734">
                  <c:v>91.8541140943654</c:v>
                </c:pt>
                <c:pt idx="735">
                  <c:v>91.833334277072396</c:v>
                </c:pt>
                <c:pt idx="736">
                  <c:v>91.810480428585706</c:v>
                </c:pt>
                <c:pt idx="737">
                  <c:v>91.78656651971113</c:v>
                </c:pt>
                <c:pt idx="738">
                  <c:v>91.765750489175076</c:v>
                </c:pt>
                <c:pt idx="739">
                  <c:v>91.741329594897593</c:v>
                </c:pt>
                <c:pt idx="740">
                  <c:v>91.71898273181381</c:v>
                </c:pt>
                <c:pt idx="741">
                  <c:v>91.696635868730013</c:v>
                </c:pt>
                <c:pt idx="742">
                  <c:v>91.672214974452544</c:v>
                </c:pt>
                <c:pt idx="743">
                  <c:v>91.65092487964364</c:v>
                </c:pt>
                <c:pt idx="744">
                  <c:v>91.627010970769064</c:v>
                </c:pt>
                <c:pt idx="745">
                  <c:v>91.603610631523395</c:v>
                </c:pt>
                <c:pt idx="746">
                  <c:v>91.581774045955527</c:v>
                </c:pt>
                <c:pt idx="747">
                  <c:v>91.557349859565051</c:v>
                </c:pt>
                <c:pt idx="748">
                  <c:v>91.535006288594275</c:v>
                </c:pt>
                <c:pt idx="749">
                  <c:v>91.512149147994577</c:v>
                </c:pt>
                <c:pt idx="750">
                  <c:v>91.487214684088173</c:v>
                </c:pt>
                <c:pt idx="751">
                  <c:v>91.464871113117397</c:v>
                </c:pt>
                <c:pt idx="752">
                  <c:v>91.439900435967957</c:v>
                </c:pt>
                <c:pt idx="753">
                  <c:v>91.416533017852345</c:v>
                </c:pt>
                <c:pt idx="754">
                  <c:v>91.393642956122605</c:v>
                </c:pt>
                <c:pt idx="755">
                  <c:v>91.368708492216186</c:v>
                </c:pt>
                <c:pt idx="756">
                  <c:v>91.345341074100602</c:v>
                </c:pt>
                <c:pt idx="757">
                  <c:v>91.322447720257841</c:v>
                </c:pt>
                <c:pt idx="758">
                  <c:v>91.297006270948543</c:v>
                </c:pt>
                <c:pt idx="759">
                  <c:v>91.274112917105782</c:v>
                </c:pt>
                <c:pt idx="760">
                  <c:v>91.249688730715292</c:v>
                </c:pt>
                <c:pt idx="761">
                  <c:v>91.225264544324816</c:v>
                </c:pt>
                <c:pt idx="762">
                  <c:v>91.202410695838125</c:v>
                </c:pt>
                <c:pt idx="763">
                  <c:v>91.177476231931735</c:v>
                </c:pt>
                <c:pt idx="764">
                  <c:v>91.153562323057159</c:v>
                </c:pt>
                <c:pt idx="765">
                  <c:v>91.12914142877969</c:v>
                </c:pt>
                <c:pt idx="766">
                  <c:v>91.103150196598406</c:v>
                </c:pt>
                <c:pt idx="767">
                  <c:v>91.080803333514609</c:v>
                </c:pt>
                <c:pt idx="768">
                  <c:v>91.05481210133334</c:v>
                </c:pt>
                <c:pt idx="769">
                  <c:v>91.030387914942864</c:v>
                </c:pt>
                <c:pt idx="770">
                  <c:v>91.00698757569721</c:v>
                </c:pt>
                <c:pt idx="771">
                  <c:v>90.980996343515926</c:v>
                </c:pt>
                <c:pt idx="772">
                  <c:v>90.957118647884428</c:v>
                </c:pt>
                <c:pt idx="773">
                  <c:v>90.931637693219045</c:v>
                </c:pt>
                <c:pt idx="774">
                  <c:v>90.906706521425662</c:v>
                </c:pt>
                <c:pt idx="775">
                  <c:v>90.883302890067</c:v>
                </c:pt>
                <c:pt idx="776">
                  <c:v>90.857311657885731</c:v>
                </c:pt>
                <c:pt idx="777">
                  <c:v>90.832887471495241</c:v>
                </c:pt>
                <c:pt idx="778">
                  <c:v>90.80846328510475</c:v>
                </c:pt>
                <c:pt idx="779">
                  <c:v>90.781965067520588</c:v>
                </c:pt>
                <c:pt idx="780">
                  <c:v>90.758051158646012</c:v>
                </c:pt>
                <c:pt idx="781">
                  <c:v>90.732606417223707</c:v>
                </c:pt>
                <c:pt idx="782">
                  <c:v>90.707125462558352</c:v>
                </c:pt>
                <c:pt idx="783">
                  <c:v>90.682701276167847</c:v>
                </c:pt>
                <c:pt idx="784">
                  <c:v>90.656203058583671</c:v>
                </c:pt>
                <c:pt idx="785">
                  <c:v>90.63072210391833</c:v>
                </c:pt>
                <c:pt idx="786">
                  <c:v>90.605787640011926</c:v>
                </c:pt>
                <c:pt idx="787">
                  <c:v>90.579286130314728</c:v>
                </c:pt>
                <c:pt idx="788">
                  <c:v>90.554861943924266</c:v>
                </c:pt>
                <c:pt idx="789">
                  <c:v>90.528360434227068</c:v>
                </c:pt>
                <c:pt idx="790">
                  <c:v>90.502879479561713</c:v>
                </c:pt>
                <c:pt idx="791">
                  <c:v>90.47845858528423</c:v>
                </c:pt>
                <c:pt idx="792">
                  <c:v>90.451446798071132</c:v>
                </c:pt>
                <c:pt idx="793">
                  <c:v>90.425965843405777</c:v>
                </c:pt>
                <c:pt idx="794">
                  <c:v>90.400484888740408</c:v>
                </c:pt>
                <c:pt idx="795">
                  <c:v>90.37347310152731</c:v>
                </c:pt>
                <c:pt idx="796">
                  <c:v>90.349048915136834</c:v>
                </c:pt>
                <c:pt idx="797">
                  <c:v>90.321490637164771</c:v>
                </c:pt>
                <c:pt idx="798">
                  <c:v>90.296049187855473</c:v>
                </c:pt>
                <c:pt idx="799">
                  <c:v>90.270568233190119</c:v>
                </c:pt>
                <c:pt idx="800">
                  <c:v>90.243556445977035</c:v>
                </c:pt>
                <c:pt idx="801">
                  <c:v>90.218075491311652</c:v>
                </c:pt>
                <c:pt idx="802">
                  <c:v>90.191573981614482</c:v>
                </c:pt>
                <c:pt idx="803">
                  <c:v>90.16456219440137</c:v>
                </c:pt>
                <c:pt idx="804">
                  <c:v>90.139081239736015</c:v>
                </c:pt>
                <c:pt idx="805">
                  <c:v>90.112069452522931</c:v>
                </c:pt>
                <c:pt idx="806">
                  <c:v>90.085021452066769</c:v>
                </c:pt>
                <c:pt idx="807">
                  <c:v>90.0590302198855</c:v>
                </c:pt>
                <c:pt idx="808">
                  <c:v>90.030451386881609</c:v>
                </c:pt>
                <c:pt idx="809">
                  <c:v>90.004463446813361</c:v>
                </c:pt>
                <c:pt idx="810">
                  <c:v>89.977451659600263</c:v>
                </c:pt>
                <c:pt idx="811">
                  <c:v>89.9493831041123</c:v>
                </c:pt>
                <c:pt idx="812">
                  <c:v>89.923391871931017</c:v>
                </c:pt>
                <c:pt idx="813">
                  <c:v>89.89481303892714</c:v>
                </c:pt>
                <c:pt idx="814">
                  <c:v>89.867801251714042</c:v>
                </c:pt>
                <c:pt idx="815">
                  <c:v>89.841299742016858</c:v>
                </c:pt>
                <c:pt idx="816">
                  <c:v>89.812720909012981</c:v>
                </c:pt>
                <c:pt idx="817">
                  <c:v>89.786219399315797</c:v>
                </c:pt>
                <c:pt idx="818">
                  <c:v>89.758150843827821</c:v>
                </c:pt>
                <c:pt idx="819">
                  <c:v>89.730082288339844</c:v>
                </c:pt>
                <c:pt idx="820">
                  <c:v>89.703034287883696</c:v>
                </c:pt>
                <c:pt idx="821">
                  <c:v>89.673945177363905</c:v>
                </c:pt>
                <c:pt idx="822">
                  <c:v>89.646933390150821</c:v>
                </c:pt>
                <c:pt idx="823">
                  <c:v>89.619375112178759</c:v>
                </c:pt>
                <c:pt idx="824">
                  <c:v>89.590796279174882</c:v>
                </c:pt>
                <c:pt idx="825">
                  <c:v>89.564294769477684</c:v>
                </c:pt>
                <c:pt idx="826">
                  <c:v>89.535715936473821</c:v>
                </c:pt>
                <c:pt idx="827">
                  <c:v>89.50713710346993</c:v>
                </c:pt>
                <c:pt idx="828">
                  <c:v>89.479578825497867</c:v>
                </c:pt>
                <c:pt idx="829">
                  <c:v>89.449943224219098</c:v>
                </c:pt>
                <c:pt idx="830">
                  <c:v>89.422421159490113</c:v>
                </c:pt>
                <c:pt idx="831">
                  <c:v>89.393295835727258</c:v>
                </c:pt>
                <c:pt idx="832">
                  <c:v>89.364206725207467</c:v>
                </c:pt>
                <c:pt idx="833">
                  <c:v>89.336645155122397</c:v>
                </c:pt>
                <c:pt idx="834">
                  <c:v>89.306499276327727</c:v>
                </c:pt>
                <c:pt idx="835">
                  <c:v>89.277410165807922</c:v>
                </c:pt>
                <c:pt idx="836">
                  <c:v>89.249341610319945</c:v>
                </c:pt>
                <c:pt idx="837">
                  <c:v>89.218685454009389</c:v>
                </c:pt>
                <c:pt idx="838">
                  <c:v>89.190106621005498</c:v>
                </c:pt>
                <c:pt idx="839">
                  <c:v>89.158903973935949</c:v>
                </c:pt>
                <c:pt idx="840">
                  <c:v>89.127223970480543</c:v>
                </c:pt>
                <c:pt idx="841">
                  <c:v>89.098098646717688</c:v>
                </c:pt>
                <c:pt idx="842">
                  <c:v>89.067442490407117</c:v>
                </c:pt>
                <c:pt idx="843">
                  <c:v>89.037296611612447</c:v>
                </c:pt>
                <c:pt idx="844">
                  <c:v>89.00871777860857</c:v>
                </c:pt>
                <c:pt idx="845">
                  <c:v>88.978061622297972</c:v>
                </c:pt>
                <c:pt idx="846">
                  <c:v>88.94842602101923</c:v>
                </c:pt>
                <c:pt idx="847">
                  <c:v>88.919333618386432</c:v>
                </c:pt>
                <c:pt idx="848">
                  <c:v>88.888677462075847</c:v>
                </c:pt>
                <c:pt idx="849">
                  <c:v>88.860608906587885</c:v>
                </c:pt>
                <c:pt idx="850">
                  <c:v>88.829952750277286</c:v>
                </c:pt>
                <c:pt idx="851">
                  <c:v>88.798750103207752</c:v>
                </c:pt>
                <c:pt idx="852">
                  <c:v>88.769150715172046</c:v>
                </c:pt>
                <c:pt idx="853">
                  <c:v>88.736924220957675</c:v>
                </c:pt>
                <c:pt idx="854">
                  <c:v>88.706778342163005</c:v>
                </c:pt>
                <c:pt idx="855">
                  <c:v>88.676122185852421</c:v>
                </c:pt>
                <c:pt idx="856">
                  <c:v>88.644409261266972</c:v>
                </c:pt>
                <c:pt idx="857">
                  <c:v>88.614263382472288</c:v>
                </c:pt>
                <c:pt idx="858">
                  <c:v>88.582547165773832</c:v>
                </c:pt>
                <c:pt idx="859">
                  <c:v>88.551891009463247</c:v>
                </c:pt>
                <c:pt idx="860">
                  <c:v>88.521745130668577</c:v>
                </c:pt>
                <c:pt idx="861">
                  <c:v>88.490068419326192</c:v>
                </c:pt>
                <c:pt idx="862">
                  <c:v>88.459372757659537</c:v>
                </c:pt>
                <c:pt idx="863">
                  <c:v>88.427696046317138</c:v>
                </c:pt>
                <c:pt idx="864">
                  <c:v>88.395472844215774</c:v>
                </c:pt>
                <c:pt idx="865">
                  <c:v>88.36532696542109</c:v>
                </c:pt>
                <c:pt idx="866">
                  <c:v>88.33259019369082</c:v>
                </c:pt>
                <c:pt idx="867">
                  <c:v>88.300877269105357</c:v>
                </c:pt>
                <c:pt idx="868">
                  <c:v>88.269164344519893</c:v>
                </c:pt>
                <c:pt idx="869">
                  <c:v>88.236427572789609</c:v>
                </c:pt>
                <c:pt idx="870">
                  <c:v>88.204750861447209</c:v>
                </c:pt>
                <c:pt idx="871">
                  <c:v>88.17303793686176</c:v>
                </c:pt>
                <c:pt idx="872">
                  <c:v>88.140301165131476</c:v>
                </c:pt>
                <c:pt idx="873">
                  <c:v>88.109098518061927</c:v>
                </c:pt>
                <c:pt idx="874">
                  <c:v>88.076365038444635</c:v>
                </c:pt>
                <c:pt idx="875">
                  <c:v>88.04362826671435</c:v>
                </c:pt>
                <c:pt idx="876">
                  <c:v>88.011405064613001</c:v>
                </c:pt>
                <c:pt idx="877">
                  <c:v>87.977614816720816</c:v>
                </c:pt>
                <c:pt idx="878">
                  <c:v>87.94538832250646</c:v>
                </c:pt>
                <c:pt idx="879">
                  <c:v>87.912654842889182</c:v>
                </c:pt>
                <c:pt idx="880">
                  <c:v>87.879921363271905</c:v>
                </c:pt>
                <c:pt idx="881">
                  <c:v>87.84769486905752</c:v>
                </c:pt>
                <c:pt idx="882">
                  <c:v>87.813904621165378</c:v>
                </c:pt>
                <c:pt idx="883">
                  <c:v>87.781171141548086</c:v>
                </c:pt>
                <c:pt idx="884">
                  <c:v>87.747924092301886</c:v>
                </c:pt>
                <c:pt idx="885">
                  <c:v>87.71362356689383</c:v>
                </c:pt>
                <c:pt idx="886">
                  <c:v>87.680850581920481</c:v>
                </c:pt>
                <c:pt idx="887">
                  <c:v>87.647096547271403</c:v>
                </c:pt>
                <c:pt idx="888">
                  <c:v>87.612792729750311</c:v>
                </c:pt>
                <c:pt idx="889">
                  <c:v>87.579512759374069</c:v>
                </c:pt>
                <c:pt idx="890">
                  <c:v>87.545212233965998</c:v>
                </c:pt>
                <c:pt idx="891">
                  <c:v>87.511965184719813</c:v>
                </c:pt>
                <c:pt idx="892">
                  <c:v>87.478174936827642</c:v>
                </c:pt>
                <c:pt idx="893">
                  <c:v>87.44285056427475</c:v>
                </c:pt>
                <c:pt idx="894">
                  <c:v>87.410117084657486</c:v>
                </c:pt>
                <c:pt idx="895">
                  <c:v>87.375266776377444</c:v>
                </c:pt>
                <c:pt idx="896">
                  <c:v>87.340455973453444</c:v>
                </c:pt>
                <c:pt idx="897">
                  <c:v>87.306662433448281</c:v>
                </c:pt>
                <c:pt idx="898">
                  <c:v>87.27134135300841</c:v>
                </c:pt>
                <c:pt idx="899">
                  <c:v>87.237547813003246</c:v>
                </c:pt>
                <c:pt idx="900">
                  <c:v>87.202226732563361</c:v>
                </c:pt>
                <c:pt idx="901">
                  <c:v>87.16686614676739</c:v>
                </c:pt>
                <c:pt idx="902">
                  <c:v>87.133112112118312</c:v>
                </c:pt>
                <c:pt idx="903">
                  <c:v>87.096730971290526</c:v>
                </c:pt>
                <c:pt idx="904">
                  <c:v>87.061883955123506</c:v>
                </c:pt>
                <c:pt idx="905">
                  <c:v>87.027580137602428</c:v>
                </c:pt>
                <c:pt idx="906">
                  <c:v>86.991748779646642</c:v>
                </c:pt>
                <c:pt idx="907">
                  <c:v>86.956898471366586</c:v>
                </c:pt>
                <c:pt idx="908">
                  <c:v>86.920520622651807</c:v>
                </c:pt>
                <c:pt idx="909">
                  <c:v>86.884685972583014</c:v>
                </c:pt>
                <c:pt idx="910">
                  <c:v>86.849325386787072</c:v>
                </c:pt>
                <c:pt idx="911">
                  <c:v>86.812947538072308</c:v>
                </c:pt>
                <c:pt idx="912">
                  <c:v>86.776566397244537</c:v>
                </c:pt>
                <c:pt idx="913">
                  <c:v>86.740735039288751</c:v>
                </c:pt>
                <c:pt idx="914">
                  <c:v>86.704353898460965</c:v>
                </c:pt>
                <c:pt idx="915">
                  <c:v>86.668483035149094</c:v>
                </c:pt>
                <c:pt idx="916">
                  <c:v>86.63210518643433</c:v>
                </c:pt>
                <c:pt idx="917">
                  <c:v>86.595213768090659</c:v>
                </c:pt>
                <c:pt idx="918">
                  <c:v>86.558835919375895</c:v>
                </c:pt>
                <c:pt idx="919">
                  <c:v>86.521908287789159</c:v>
                </c:pt>
                <c:pt idx="920">
                  <c:v>86.486073637720352</c:v>
                </c:pt>
                <c:pt idx="921">
                  <c:v>86.44914929824661</c:v>
                </c:pt>
                <c:pt idx="922">
                  <c:v>86.411747602387038</c:v>
                </c:pt>
                <c:pt idx="923">
                  <c:v>86.375366461559253</c:v>
                </c:pt>
                <c:pt idx="924">
                  <c:v>86.337931844569596</c:v>
                </c:pt>
                <c:pt idx="925">
                  <c:v>86.301040426225924</c:v>
                </c:pt>
                <c:pt idx="926">
                  <c:v>86.264149007882239</c:v>
                </c:pt>
                <c:pt idx="927">
                  <c:v>86.226204113376681</c:v>
                </c:pt>
                <c:pt idx="928">
                  <c:v>86.188802417517095</c:v>
                </c:pt>
                <c:pt idx="929">
                  <c:v>86.15187478593036</c:v>
                </c:pt>
                <c:pt idx="930">
                  <c:v>86.113966104667867</c:v>
                </c:pt>
                <c:pt idx="931">
                  <c:v>86.077038473081117</c:v>
                </c:pt>
                <c:pt idx="932">
                  <c:v>86.039126499705617</c:v>
                </c:pt>
                <c:pt idx="933">
                  <c:v>86.001178313087067</c:v>
                </c:pt>
                <c:pt idx="934">
                  <c:v>85.963743696097424</c:v>
                </c:pt>
                <c:pt idx="935">
                  <c:v>85.925285231962945</c:v>
                </c:pt>
                <c:pt idx="936">
                  <c:v>85.887373258587445</c:v>
                </c:pt>
                <c:pt idx="937">
                  <c:v>85.849428364081902</c:v>
                </c:pt>
                <c:pt idx="938">
                  <c:v>85.810459622431523</c:v>
                </c:pt>
                <c:pt idx="939">
                  <c:v>85.773021713328859</c:v>
                </c:pt>
                <c:pt idx="940">
                  <c:v>85.735073526710295</c:v>
                </c:pt>
                <c:pt idx="941">
                  <c:v>85.697128632204738</c:v>
                </c:pt>
                <c:pt idx="942">
                  <c:v>85.659216658829251</c:v>
                </c:pt>
                <c:pt idx="943">
                  <c:v>85.620211703935809</c:v>
                </c:pt>
                <c:pt idx="944">
                  <c:v>85.581753239801344</c:v>
                </c:pt>
                <c:pt idx="945">
                  <c:v>85.542784498150965</c:v>
                </c:pt>
                <c:pt idx="946">
                  <c:v>85.503308771097679</c:v>
                </c:pt>
                <c:pt idx="947">
                  <c:v>85.465360584479129</c:v>
                </c:pt>
                <c:pt idx="948">
                  <c:v>85.425845352069771</c:v>
                </c:pt>
                <c:pt idx="949">
                  <c:v>85.386876610419392</c:v>
                </c:pt>
                <c:pt idx="950">
                  <c:v>85.348418146284914</c:v>
                </c:pt>
                <c:pt idx="951">
                  <c:v>85.308395928472663</c:v>
                </c:pt>
                <c:pt idx="952">
                  <c:v>85.269427186822284</c:v>
                </c:pt>
                <c:pt idx="953">
                  <c:v>85.230458445171905</c:v>
                </c:pt>
                <c:pt idx="954">
                  <c:v>85.190943212762548</c:v>
                </c:pt>
                <c:pt idx="955">
                  <c:v>85.151974471112169</c:v>
                </c:pt>
                <c:pt idx="956">
                  <c:v>85.111438683670997</c:v>
                </c:pt>
                <c:pt idx="957">
                  <c:v>85.071413173745739</c:v>
                </c:pt>
                <c:pt idx="958">
                  <c:v>85.032958001724268</c:v>
                </c:pt>
                <c:pt idx="959">
                  <c:v>84.99242221428311</c:v>
                </c:pt>
                <c:pt idx="960">
                  <c:v>84.953453472632731</c:v>
                </c:pt>
                <c:pt idx="961">
                  <c:v>84.913427962707473</c:v>
                </c:pt>
                <c:pt idx="962">
                  <c:v>84.873402452782216</c:v>
                </c:pt>
                <c:pt idx="963">
                  <c:v>84.834433711131851</c:v>
                </c:pt>
                <c:pt idx="964">
                  <c:v>84.793901215803672</c:v>
                </c:pt>
                <c:pt idx="965">
                  <c:v>84.753365428362514</c:v>
                </c:pt>
                <c:pt idx="966">
                  <c:v>84.713339918437256</c:v>
                </c:pt>
                <c:pt idx="967">
                  <c:v>84.67280413099607</c:v>
                </c:pt>
                <c:pt idx="968">
                  <c:v>84.633288898586727</c:v>
                </c:pt>
                <c:pt idx="969">
                  <c:v>84.592753111145555</c:v>
                </c:pt>
                <c:pt idx="970">
                  <c:v>84.551707046188483</c:v>
                </c:pt>
                <c:pt idx="971">
                  <c:v>84.511681536263211</c:v>
                </c:pt>
                <c:pt idx="972">
                  <c:v>84.470635471306139</c:v>
                </c:pt>
                <c:pt idx="973">
                  <c:v>84.430099683864967</c:v>
                </c:pt>
                <c:pt idx="974">
                  <c:v>84.389563896423809</c:v>
                </c:pt>
                <c:pt idx="975">
                  <c:v>84.348517831466737</c:v>
                </c:pt>
                <c:pt idx="976">
                  <c:v>84.308495613654486</c:v>
                </c:pt>
                <c:pt idx="977">
                  <c:v>84.267413335454336</c:v>
                </c:pt>
                <c:pt idx="978">
                  <c:v>84.226367270497263</c:v>
                </c:pt>
                <c:pt idx="979">
                  <c:v>84.186341760572006</c:v>
                </c:pt>
                <c:pt idx="980">
                  <c:v>84.144785418099005</c:v>
                </c:pt>
                <c:pt idx="981">
                  <c:v>84.103192862382969</c:v>
                </c:pt>
                <c:pt idx="982">
                  <c:v>84.062146797425896</c:v>
                </c:pt>
                <c:pt idx="983">
                  <c:v>84.020043964193945</c:v>
                </c:pt>
                <c:pt idx="984">
                  <c:v>83.978487621720944</c:v>
                </c:pt>
                <c:pt idx="985">
                  <c:v>83.936895066004894</c:v>
                </c:pt>
                <c:pt idx="986">
                  <c:v>83.896359278563722</c:v>
                </c:pt>
                <c:pt idx="987">
                  <c:v>83.855313213606649</c:v>
                </c:pt>
                <c:pt idx="988">
                  <c:v>83.814230935406499</c:v>
                </c:pt>
                <c:pt idx="989">
                  <c:v>83.773184870449441</c:v>
                </c:pt>
                <c:pt idx="990">
                  <c:v>83.732138805492369</c:v>
                </c:pt>
                <c:pt idx="991">
                  <c:v>83.690035972260404</c:v>
                </c:pt>
                <c:pt idx="992">
                  <c:v>83.648989907303331</c:v>
                </c:pt>
                <c:pt idx="993">
                  <c:v>83.606887074071352</c:v>
                </c:pt>
                <c:pt idx="994">
                  <c:v>83.565294518355302</c:v>
                </c:pt>
                <c:pt idx="995">
                  <c:v>83.524248453398229</c:v>
                </c:pt>
                <c:pt idx="996">
                  <c:v>83.482145620166278</c:v>
                </c:pt>
                <c:pt idx="997">
                  <c:v>83.441609832725106</c:v>
                </c:pt>
                <c:pt idx="998">
                  <c:v>83.400053490252134</c:v>
                </c:pt>
                <c:pt idx="999">
                  <c:v>83.35689388874529</c:v>
                </c:pt>
                <c:pt idx="1000">
                  <c:v>83.315847823788189</c:v>
                </c:pt>
                <c:pt idx="1001">
                  <c:v>83.273234713040338</c:v>
                </c:pt>
                <c:pt idx="1002">
                  <c:v>83.231131879808387</c:v>
                </c:pt>
                <c:pt idx="1003">
                  <c:v>83.190085814851315</c:v>
                </c:pt>
                <c:pt idx="1004">
                  <c:v>83.147472704103436</c:v>
                </c:pt>
                <c:pt idx="1005">
                  <c:v>83.105880148387385</c:v>
                </c:pt>
                <c:pt idx="1006">
                  <c:v>83.063777315155434</c:v>
                </c:pt>
                <c:pt idx="1007">
                  <c:v>83.020653926891654</c:v>
                </c:pt>
                <c:pt idx="1008">
                  <c:v>82.979061371175618</c:v>
                </c:pt>
                <c:pt idx="1009">
                  <c:v>82.936448260427738</c:v>
                </c:pt>
                <c:pt idx="1010">
                  <c:v>82.894345427195773</c:v>
                </c:pt>
                <c:pt idx="1011">
                  <c:v>82.852789084722801</c:v>
                </c:pt>
                <c:pt idx="1012">
                  <c:v>82.809665696459035</c:v>
                </c:pt>
                <c:pt idx="1013">
                  <c:v>82.76807314074297</c:v>
                </c:pt>
                <c:pt idx="1014">
                  <c:v>82.725460029995105</c:v>
                </c:pt>
                <c:pt idx="1015">
                  <c:v>82.682336641731325</c:v>
                </c:pt>
                <c:pt idx="1016">
                  <c:v>82.64023380849936</c:v>
                </c:pt>
                <c:pt idx="1017">
                  <c:v>82.597070914879524</c:v>
                </c:pt>
                <c:pt idx="1018">
                  <c:v>82.554457804131658</c:v>
                </c:pt>
                <c:pt idx="1019">
                  <c:v>82.511844693383793</c:v>
                </c:pt>
                <c:pt idx="1020">
                  <c:v>82.468721305119999</c:v>
                </c:pt>
                <c:pt idx="1021">
                  <c:v>82.426618471888048</c:v>
                </c:pt>
                <c:pt idx="1022">
                  <c:v>82.383495083624283</c:v>
                </c:pt>
                <c:pt idx="1023">
                  <c:v>82.339825204601539</c:v>
                </c:pt>
                <c:pt idx="1024">
                  <c:v>82.297722371369574</c:v>
                </c:pt>
                <c:pt idx="1025">
                  <c:v>82.254598983105808</c:v>
                </c:pt>
                <c:pt idx="1026">
                  <c:v>82.211985872357928</c:v>
                </c:pt>
                <c:pt idx="1027">
                  <c:v>82.168862484094163</c:v>
                </c:pt>
                <c:pt idx="1028">
                  <c:v>82.125189312958398</c:v>
                </c:pt>
                <c:pt idx="1029">
                  <c:v>82.082576202210532</c:v>
                </c:pt>
                <c:pt idx="1030">
                  <c:v>82.038906323187788</c:v>
                </c:pt>
                <c:pt idx="1031">
                  <c:v>81.995272657408108</c:v>
                </c:pt>
                <c:pt idx="1032">
                  <c:v>81.951602778385364</c:v>
                </c:pt>
                <c:pt idx="1033">
                  <c:v>81.90796911260567</c:v>
                </c:pt>
                <c:pt idx="1034">
                  <c:v>81.864299233582926</c:v>
                </c:pt>
                <c:pt idx="1035">
                  <c:v>81.820665567803246</c:v>
                </c:pt>
                <c:pt idx="1036">
                  <c:v>81.776992396667481</c:v>
                </c:pt>
                <c:pt idx="1037">
                  <c:v>81.733869008403715</c:v>
                </c:pt>
                <c:pt idx="1038">
                  <c:v>81.689688851865071</c:v>
                </c:pt>
                <c:pt idx="1039">
                  <c:v>81.646018972842313</c:v>
                </c:pt>
                <c:pt idx="1040">
                  <c:v>81.601838816303655</c:v>
                </c:pt>
                <c:pt idx="1041">
                  <c:v>81.557148382249082</c:v>
                </c:pt>
                <c:pt idx="1042">
                  <c:v>81.512964933597431</c:v>
                </c:pt>
                <c:pt idx="1043">
                  <c:v>81.469331267817736</c:v>
                </c:pt>
                <c:pt idx="1044">
                  <c:v>81.424640833763178</c:v>
                </c:pt>
                <c:pt idx="1045">
                  <c:v>81.380970954740434</c:v>
                </c:pt>
                <c:pt idx="1046">
                  <c:v>81.335770243169961</c:v>
                </c:pt>
                <c:pt idx="1047">
                  <c:v>81.291076517002381</c:v>
                </c:pt>
                <c:pt idx="1048">
                  <c:v>81.246896360463737</c:v>
                </c:pt>
                <c:pt idx="1049">
                  <c:v>81.2016594356502</c:v>
                </c:pt>
                <c:pt idx="1050">
                  <c:v>81.156969001595613</c:v>
                </c:pt>
                <c:pt idx="1051">
                  <c:v>81.111764997912147</c:v>
                </c:pt>
                <c:pt idx="1052">
                  <c:v>81.067074563857574</c:v>
                </c:pt>
                <c:pt idx="1053">
                  <c:v>81.022384129803015</c:v>
                </c:pt>
                <c:pt idx="1054">
                  <c:v>80.976126649957664</c:v>
                </c:pt>
                <c:pt idx="1055">
                  <c:v>80.930376155515219</c:v>
                </c:pt>
                <c:pt idx="1056">
                  <c:v>80.885685721460632</c:v>
                </c:pt>
                <c:pt idx="1057">
                  <c:v>80.839974732374259</c:v>
                </c:pt>
                <c:pt idx="1058">
                  <c:v>80.794737807560722</c:v>
                </c:pt>
                <c:pt idx="1059">
                  <c:v>80.749023526361341</c:v>
                </c:pt>
                <c:pt idx="1060">
                  <c:v>80.70327632403189</c:v>
                </c:pt>
                <c:pt idx="1061">
                  <c:v>80.657529121702439</c:v>
                </c:pt>
                <c:pt idx="1062">
                  <c:v>80.61126834974408</c:v>
                </c:pt>
                <c:pt idx="1063">
                  <c:v>80.565047083141778</c:v>
                </c:pt>
                <c:pt idx="1064">
                  <c:v>80.519299880812341</c:v>
                </c:pt>
                <c:pt idx="1065">
                  <c:v>80.472018553822167</c:v>
                </c:pt>
                <c:pt idx="1066">
                  <c:v>80.426271351492716</c:v>
                </c:pt>
                <c:pt idx="1067">
                  <c:v>80.378446825856571</c:v>
                </c:pt>
                <c:pt idx="1068">
                  <c:v>80.332186053898226</c:v>
                </c:pt>
                <c:pt idx="1069">
                  <c:v>80.286475064811839</c:v>
                </c:pt>
                <c:pt idx="1070">
                  <c:v>80.239160816691609</c:v>
                </c:pt>
                <c:pt idx="1071">
                  <c:v>80.192389767217321</c:v>
                </c:pt>
                <c:pt idx="1072">
                  <c:v>80.145622009856069</c:v>
                </c:pt>
                <c:pt idx="1073">
                  <c:v>80.097833697462974</c:v>
                </c:pt>
                <c:pt idx="1074">
                  <c:v>80.051026434745665</c:v>
                </c:pt>
                <c:pt idx="1075">
                  <c:v>80.003748399868471</c:v>
                </c:pt>
                <c:pt idx="1076">
                  <c:v>79.956467072878311</c:v>
                </c:pt>
                <c:pt idx="1077">
                  <c:v>79.908642547242152</c:v>
                </c:pt>
                <c:pt idx="1078">
                  <c:v>79.8603044519771</c:v>
                </c:pt>
                <c:pt idx="1079">
                  <c:v>79.812479926340956</c:v>
                </c:pt>
                <c:pt idx="1080">
                  <c:v>79.764181336431975</c:v>
                </c:pt>
                <c:pt idx="1081">
                  <c:v>79.71529675040793</c:v>
                </c:pt>
                <c:pt idx="1082">
                  <c:v>79.666998160498949</c:v>
                </c:pt>
                <c:pt idx="1083">
                  <c:v>79.618113574474904</c:v>
                </c:pt>
                <c:pt idx="1084">
                  <c:v>79.569775479209852</c:v>
                </c:pt>
                <c:pt idx="1085">
                  <c:v>79.521476889300857</c:v>
                </c:pt>
                <c:pt idx="1086">
                  <c:v>79.472082025760926</c:v>
                </c:pt>
                <c:pt idx="1087">
                  <c:v>79.423747222608853</c:v>
                </c:pt>
                <c:pt idx="1088">
                  <c:v>79.374388572311986</c:v>
                </c:pt>
                <c:pt idx="1089">
                  <c:v>79.324997000885048</c:v>
                </c:pt>
                <c:pt idx="1090">
                  <c:v>79.275638350588181</c:v>
                </c:pt>
                <c:pt idx="1091">
                  <c:v>79.225736501645343</c:v>
                </c:pt>
                <c:pt idx="1092">
                  <c:v>79.175867573832534</c:v>
                </c:pt>
                <c:pt idx="1093">
                  <c:v>79.12647600240561</c:v>
                </c:pt>
                <c:pt idx="1094">
                  <c:v>79.076060583833865</c:v>
                </c:pt>
                <c:pt idx="1095">
                  <c:v>79.026701933536984</c:v>
                </c:pt>
                <c:pt idx="1096">
                  <c:v>78.975779529562331</c:v>
                </c:pt>
                <c:pt idx="1097">
                  <c:v>78.925364110990557</c:v>
                </c:pt>
                <c:pt idx="1098">
                  <c:v>78.874948692418798</c:v>
                </c:pt>
                <c:pt idx="1099">
                  <c:v>78.824026288444145</c:v>
                </c:pt>
                <c:pt idx="1100">
                  <c:v>78.772554101597507</c:v>
                </c:pt>
                <c:pt idx="1101">
                  <c:v>78.721628405509847</c:v>
                </c:pt>
                <c:pt idx="1102">
                  <c:v>78.670195724019266</c:v>
                </c:pt>
                <c:pt idx="1103">
                  <c:v>78.618723537172642</c:v>
                </c:pt>
                <c:pt idx="1104">
                  <c:v>78.567287563569067</c:v>
                </c:pt>
                <c:pt idx="1105">
                  <c:v>78.515818668835422</c:v>
                </c:pt>
                <c:pt idx="1106">
                  <c:v>78.464892972747762</c:v>
                </c:pt>
                <c:pt idx="1107">
                  <c:v>78.412910508385224</c:v>
                </c:pt>
                <c:pt idx="1108">
                  <c:v>78.360964257265735</c:v>
                </c:pt>
                <c:pt idx="1109">
                  <c:v>78.308985085016189</c:v>
                </c:pt>
                <c:pt idx="1110">
                  <c:v>78.255982065621822</c:v>
                </c:pt>
                <c:pt idx="1111">
                  <c:v>78.202979046227469</c:v>
                </c:pt>
                <c:pt idx="1112">
                  <c:v>78.149429536074109</c:v>
                </c:pt>
                <c:pt idx="1113">
                  <c:v>78.09693679419567</c:v>
                </c:pt>
                <c:pt idx="1114">
                  <c:v>78.044447344430225</c:v>
                </c:pt>
                <c:pt idx="1115">
                  <c:v>77.990934047519943</c:v>
                </c:pt>
                <c:pt idx="1116">
                  <c:v>77.937384537366597</c:v>
                </c:pt>
                <c:pt idx="1117">
                  <c:v>77.88438151797223</c:v>
                </c:pt>
                <c:pt idx="1118">
                  <c:v>77.829811452787084</c:v>
                </c:pt>
                <c:pt idx="1119">
                  <c:v>77.777318710908631</c:v>
                </c:pt>
                <c:pt idx="1120">
                  <c:v>77.724318983627256</c:v>
                </c:pt>
                <c:pt idx="1121">
                  <c:v>77.671315964232903</c:v>
                </c:pt>
                <c:pt idx="1122">
                  <c:v>77.618276731595472</c:v>
                </c:pt>
                <c:pt idx="1123">
                  <c:v>77.563706666410326</c:v>
                </c:pt>
                <c:pt idx="1124">
                  <c:v>77.508626323709265</c:v>
                </c:pt>
                <c:pt idx="1125">
                  <c:v>77.453545981008205</c:v>
                </c:pt>
                <c:pt idx="1126">
                  <c:v>77.398975915823044</c:v>
                </c:pt>
                <c:pt idx="1127">
                  <c:v>77.343895573121983</c:v>
                </c:pt>
                <c:pt idx="1128">
                  <c:v>77.288779017177859</c:v>
                </c:pt>
                <c:pt idx="1129">
                  <c:v>77.233188396960884</c:v>
                </c:pt>
                <c:pt idx="1130">
                  <c:v>77.178618331775738</c:v>
                </c:pt>
                <c:pt idx="1131">
                  <c:v>77.122991498315699</c:v>
                </c:pt>
                <c:pt idx="1132">
                  <c:v>77.067400878098724</c:v>
                </c:pt>
                <c:pt idx="1133">
                  <c:v>77.012830812913563</c:v>
                </c:pt>
                <c:pt idx="1134">
                  <c:v>76.957240192696588</c:v>
                </c:pt>
                <c:pt idx="1135">
                  <c:v>76.902673419624449</c:v>
                </c:pt>
                <c:pt idx="1136">
                  <c:v>76.846533016535503</c:v>
                </c:pt>
                <c:pt idx="1137">
                  <c:v>76.790906183075464</c:v>
                </c:pt>
                <c:pt idx="1138">
                  <c:v>76.735315562858489</c:v>
                </c:pt>
                <c:pt idx="1139">
                  <c:v>76.678668174366635</c:v>
                </c:pt>
                <c:pt idx="1140">
                  <c:v>76.622531063390696</c:v>
                </c:pt>
                <c:pt idx="1141">
                  <c:v>76.566393952414757</c:v>
                </c:pt>
                <c:pt idx="1142">
                  <c:v>76.509746563922889</c:v>
                </c:pt>
                <c:pt idx="1143">
                  <c:v>76.454155943705914</c:v>
                </c:pt>
                <c:pt idx="1144">
                  <c:v>76.397508555214074</c:v>
                </c:pt>
                <c:pt idx="1145">
                  <c:v>76.340861166722206</c:v>
                </c:pt>
                <c:pt idx="1146">
                  <c:v>76.284724055746267</c:v>
                </c:pt>
                <c:pt idx="1147">
                  <c:v>76.227566389738513</c:v>
                </c:pt>
                <c:pt idx="1148">
                  <c:v>76.170919001246659</c:v>
                </c:pt>
                <c:pt idx="1149">
                  <c:v>76.113214844479927</c:v>
                </c:pt>
                <c:pt idx="1150">
                  <c:v>76.055546900956259</c:v>
                </c:pt>
                <c:pt idx="1151">
                  <c:v>75.998349729592434</c:v>
                </c:pt>
                <c:pt idx="1152">
                  <c:v>75.940171508552837</c:v>
                </c:pt>
                <c:pt idx="1153">
                  <c:v>75.882467351786119</c:v>
                </c:pt>
                <c:pt idx="1154">
                  <c:v>75.82530968577835</c:v>
                </c:pt>
                <c:pt idx="1155">
                  <c:v>75.767605529011618</c:v>
                </c:pt>
                <c:pt idx="1156">
                  <c:v>75.71044786300385</c:v>
                </c:pt>
                <c:pt idx="1157">
                  <c:v>75.652743706237118</c:v>
                </c:pt>
                <c:pt idx="1158">
                  <c:v>75.595072470600442</c:v>
                </c:pt>
                <c:pt idx="1159">
                  <c:v>75.536858036317795</c:v>
                </c:pt>
                <c:pt idx="1160">
                  <c:v>75.479190092794141</c:v>
                </c:pt>
                <c:pt idx="1161">
                  <c:v>75.42046538099558</c:v>
                </c:pt>
                <c:pt idx="1162">
                  <c:v>75.361740669197019</c:v>
                </c:pt>
                <c:pt idx="1163">
                  <c:v>75.303522942801379</c:v>
                </c:pt>
                <c:pt idx="1164">
                  <c:v>75.245818786034647</c:v>
                </c:pt>
                <c:pt idx="1165">
                  <c:v>75.187604351752</c:v>
                </c:pt>
                <c:pt idx="1166">
                  <c:v>75.129426130712417</c:v>
                </c:pt>
                <c:pt idx="1167">
                  <c:v>75.071211696429785</c:v>
                </c:pt>
                <c:pt idx="1168">
                  <c:v>75.012483692518231</c:v>
                </c:pt>
                <c:pt idx="1169">
                  <c:v>74.954269258235584</c:v>
                </c:pt>
                <c:pt idx="1170">
                  <c:v>74.895544546437023</c:v>
                </c:pt>
                <c:pt idx="1171">
                  <c:v>74.83681983463849</c:v>
                </c:pt>
                <c:pt idx="1172">
                  <c:v>74.778605400355829</c:v>
                </c:pt>
                <c:pt idx="1173">
                  <c:v>74.72038767396019</c:v>
                </c:pt>
                <c:pt idx="1174">
                  <c:v>74.661662962161628</c:v>
                </c:pt>
                <c:pt idx="1175">
                  <c:v>74.60348474112206</c:v>
                </c:pt>
                <c:pt idx="1176">
                  <c:v>74.544213538564534</c:v>
                </c:pt>
                <c:pt idx="1177">
                  <c:v>74.486545595040866</c:v>
                </c:pt>
                <c:pt idx="1178">
                  <c:v>74.427817591129326</c:v>
                </c:pt>
                <c:pt idx="1179">
                  <c:v>74.369092879330765</c:v>
                </c:pt>
                <c:pt idx="1180">
                  <c:v>74.311388722564018</c:v>
                </c:pt>
                <c:pt idx="1181">
                  <c:v>74.252664010765486</c:v>
                </c:pt>
                <c:pt idx="1182">
                  <c:v>74.194449576482839</c:v>
                </c:pt>
                <c:pt idx="1183">
                  <c:v>74.136268063330249</c:v>
                </c:pt>
                <c:pt idx="1184">
                  <c:v>74.077507138288638</c:v>
                </c:pt>
                <c:pt idx="1185">
                  <c:v>74.019328917249055</c:v>
                </c:pt>
                <c:pt idx="1186">
                  <c:v>73.961114482966408</c:v>
                </c:pt>
                <c:pt idx="1187">
                  <c:v>73.901879493651961</c:v>
                </c:pt>
                <c:pt idx="1188">
                  <c:v>73.843661767256293</c:v>
                </c:pt>
                <c:pt idx="1189">
                  <c:v>73.78493705545776</c:v>
                </c:pt>
                <c:pt idx="1190">
                  <c:v>73.726212343659199</c:v>
                </c:pt>
                <c:pt idx="1191">
                  <c:v>73.667997909376552</c:v>
                </c:pt>
                <c:pt idx="1192">
                  <c:v>73.610290460496813</c:v>
                </c:pt>
                <c:pt idx="1193">
                  <c:v>73.552112239457244</c:v>
                </c:pt>
                <c:pt idx="1194">
                  <c:v>73.493897805174598</c:v>
                </c:pt>
                <c:pt idx="1195">
                  <c:v>73.436193648407865</c:v>
                </c:pt>
                <c:pt idx="1196">
                  <c:v>73.378525704884197</c:v>
                </c:pt>
                <c:pt idx="1197">
                  <c:v>73.321368038876443</c:v>
                </c:pt>
                <c:pt idx="1198">
                  <c:v>73.263663882109697</c:v>
                </c:pt>
                <c:pt idx="1199">
                  <c:v>73.204935878198143</c:v>
                </c:pt>
                <c:pt idx="1200">
                  <c:v>73.146721443915496</c:v>
                </c:pt>
                <c:pt idx="1201">
                  <c:v>73.089053500391827</c:v>
                </c:pt>
                <c:pt idx="1202">
                  <c:v>73.031349343625109</c:v>
                </c:pt>
                <c:pt idx="1203">
                  <c:v>72.973681400101427</c:v>
                </c:pt>
                <c:pt idx="1204">
                  <c:v>72.915977243334694</c:v>
                </c:pt>
                <c:pt idx="1205">
                  <c:v>72.858306007698005</c:v>
                </c:pt>
                <c:pt idx="1206">
                  <c:v>72.801112128447187</c:v>
                </c:pt>
                <c:pt idx="1207">
                  <c:v>72.743954462439433</c:v>
                </c:pt>
                <c:pt idx="1208">
                  <c:v>72.686796796431665</c:v>
                </c:pt>
                <c:pt idx="1209">
                  <c:v>72.630149407939811</c:v>
                </c:pt>
                <c:pt idx="1210">
                  <c:v>72.572445251173093</c:v>
                </c:pt>
                <c:pt idx="1211">
                  <c:v>72.515287585165325</c:v>
                </c:pt>
                <c:pt idx="1212">
                  <c:v>72.458640196673471</c:v>
                </c:pt>
                <c:pt idx="1213">
                  <c:v>72.401482530665717</c:v>
                </c:pt>
                <c:pt idx="1214">
                  <c:v>72.344285359301878</c:v>
                </c:pt>
                <c:pt idx="1215">
                  <c:v>72.28712769329411</c:v>
                </c:pt>
                <c:pt idx="1216">
                  <c:v>72.229970027286356</c:v>
                </c:pt>
                <c:pt idx="1217">
                  <c:v>72.173832916310403</c:v>
                </c:pt>
                <c:pt idx="1218">
                  <c:v>72.116675250302649</c:v>
                </c:pt>
                <c:pt idx="1219">
                  <c:v>72.060027861810781</c:v>
                </c:pt>
                <c:pt idx="1220">
                  <c:v>72.003890750834842</c:v>
                </c:pt>
                <c:pt idx="1221">
                  <c:v>71.947243362343002</c:v>
                </c:pt>
                <c:pt idx="1222">
                  <c:v>71.891106251367063</c:v>
                </c:pt>
                <c:pt idx="1223">
                  <c:v>71.835005353634159</c:v>
                </c:pt>
                <c:pt idx="1224">
                  <c:v>71.777811474383341</c:v>
                </c:pt>
                <c:pt idx="1225">
                  <c:v>71.721674363407402</c:v>
                </c:pt>
                <c:pt idx="1226">
                  <c:v>71.666083743190441</c:v>
                </c:pt>
                <c:pt idx="1227">
                  <c:v>71.610456909730388</c:v>
                </c:pt>
                <c:pt idx="1228">
                  <c:v>71.555376567029327</c:v>
                </c:pt>
                <c:pt idx="1229">
                  <c:v>71.499785946812352</c:v>
                </c:pt>
                <c:pt idx="1230">
                  <c:v>71.444705604111292</c:v>
                </c:pt>
                <c:pt idx="1231">
                  <c:v>71.388568493135352</c:v>
                </c:pt>
                <c:pt idx="1232">
                  <c:v>71.332941659675328</c:v>
                </c:pt>
                <c:pt idx="1233">
                  <c:v>71.278371594490167</c:v>
                </c:pt>
                <c:pt idx="1234">
                  <c:v>71.222780974273206</c:v>
                </c:pt>
                <c:pt idx="1235">
                  <c:v>71.167154140813167</c:v>
                </c:pt>
                <c:pt idx="1236">
                  <c:v>71.112584075627993</c:v>
                </c:pt>
                <c:pt idx="1237">
                  <c:v>71.057503732926932</c:v>
                </c:pt>
                <c:pt idx="1238">
                  <c:v>71.002933667741786</c:v>
                </c:pt>
                <c:pt idx="1239">
                  <c:v>70.947343047524811</c:v>
                </c:pt>
                <c:pt idx="1240">
                  <c:v>70.893283259855565</c:v>
                </c:pt>
                <c:pt idx="1241">
                  <c:v>70.839223472186333</c:v>
                </c:pt>
                <c:pt idx="1242">
                  <c:v>70.785710175276051</c:v>
                </c:pt>
                <c:pt idx="1243">
                  <c:v>70.731140110090905</c:v>
                </c:pt>
                <c:pt idx="1244">
                  <c:v>70.677080322421645</c:v>
                </c:pt>
                <c:pt idx="1245">
                  <c:v>70.621999979720584</c:v>
                </c:pt>
                <c:pt idx="1246">
                  <c:v>70.567943484164346</c:v>
                </c:pt>
                <c:pt idx="1247">
                  <c:v>70.5138836964951</c:v>
                </c:pt>
                <c:pt idx="1248">
                  <c:v>70.459823908825854</c:v>
                </c:pt>
                <c:pt idx="1249">
                  <c:v>70.406310611915572</c:v>
                </c:pt>
                <c:pt idx="1250">
                  <c:v>70.35225082424634</c:v>
                </c:pt>
                <c:pt idx="1251">
                  <c:v>70.299247804851973</c:v>
                </c:pt>
                <c:pt idx="1252">
                  <c:v>70.246755062973506</c:v>
                </c:pt>
                <c:pt idx="1253">
                  <c:v>70.19426561320806</c:v>
                </c:pt>
                <c:pt idx="1254">
                  <c:v>70.141772871329621</c:v>
                </c:pt>
                <c:pt idx="1255">
                  <c:v>70.089280129451154</c:v>
                </c:pt>
                <c:pt idx="1256">
                  <c:v>70.036787387572701</c:v>
                </c:pt>
                <c:pt idx="1257">
                  <c:v>69.98484442856622</c:v>
                </c:pt>
                <c:pt idx="1258">
                  <c:v>69.932351686687767</c:v>
                </c:pt>
                <c:pt idx="1259">
                  <c:v>69.880369222325214</c:v>
                </c:pt>
                <c:pt idx="1260">
                  <c:v>69.828386757962662</c:v>
                </c:pt>
                <c:pt idx="1261">
                  <c:v>69.776443798956194</c:v>
                </c:pt>
                <c:pt idx="1262">
                  <c:v>69.724461334593656</c:v>
                </c:pt>
                <c:pt idx="1263">
                  <c:v>69.672989147747003</c:v>
                </c:pt>
                <c:pt idx="1264">
                  <c:v>69.621042896627529</c:v>
                </c:pt>
                <c:pt idx="1265">
                  <c:v>69.569574001893898</c:v>
                </c:pt>
                <c:pt idx="1266">
                  <c:v>69.518648305806224</c:v>
                </c:pt>
                <c:pt idx="1267">
                  <c:v>69.467212332202649</c:v>
                </c:pt>
                <c:pt idx="1268">
                  <c:v>69.416800205743897</c:v>
                </c:pt>
                <c:pt idx="1269">
                  <c:v>69.366384787172123</c:v>
                </c:pt>
                <c:pt idx="1270">
                  <c:v>69.316479646116292</c:v>
                </c:pt>
                <c:pt idx="1271">
                  <c:v>69.266577797173454</c:v>
                </c:pt>
                <c:pt idx="1272">
                  <c:v>69.216162378601695</c:v>
                </c:pt>
                <c:pt idx="1273">
                  <c:v>69.166807020417821</c:v>
                </c:pt>
                <c:pt idx="1274">
                  <c:v>69.116901879361976</c:v>
                </c:pt>
                <c:pt idx="1275">
                  <c:v>69.067546521178102</c:v>
                </c:pt>
                <c:pt idx="1276">
                  <c:v>69.018698148397135</c:v>
                </c:pt>
                <c:pt idx="1277">
                  <c:v>68.97036334524509</c:v>
                </c:pt>
                <c:pt idx="1278">
                  <c:v>68.921514972464109</c:v>
                </c:pt>
                <c:pt idx="1279">
                  <c:v>68.873690446827965</c:v>
                </c:pt>
                <c:pt idx="1280">
                  <c:v>68.824842074046998</c:v>
                </c:pt>
                <c:pt idx="1281">
                  <c:v>68.777564039169832</c:v>
                </c:pt>
                <c:pt idx="1282">
                  <c:v>68.72973622142068</c:v>
                </c:pt>
                <c:pt idx="1283">
                  <c:v>68.681911695784535</c:v>
                </c:pt>
                <c:pt idx="1284">
                  <c:v>68.634120091278433</c:v>
                </c:pt>
                <c:pt idx="1285">
                  <c:v>68.586295565642317</c:v>
                </c:pt>
                <c:pt idx="1286">
                  <c:v>68.539527808281036</c:v>
                </c:pt>
                <c:pt idx="1287">
                  <c:v>68.492210268047785</c:v>
                </c:pt>
                <c:pt idx="1288">
                  <c:v>68.446499278961412</c:v>
                </c:pt>
                <c:pt idx="1289">
                  <c:v>68.400238507003039</c:v>
                </c:pt>
                <c:pt idx="1290">
                  <c:v>68.354491304673616</c:v>
                </c:pt>
                <c:pt idx="1291">
                  <c:v>68.308270038071313</c:v>
                </c:pt>
                <c:pt idx="1292">
                  <c:v>68.263033113257762</c:v>
                </c:pt>
                <c:pt idx="1293">
                  <c:v>68.216772341299418</c:v>
                </c:pt>
                <c:pt idx="1294">
                  <c:v>68.171571629728945</c:v>
                </c:pt>
                <c:pt idx="1295">
                  <c:v>68.125824427399493</c:v>
                </c:pt>
                <c:pt idx="1296">
                  <c:v>68.080620423716013</c:v>
                </c:pt>
                <c:pt idx="1297">
                  <c:v>68.03592998966144</c:v>
                </c:pt>
                <c:pt idx="1298">
                  <c:v>67.991239555606896</c:v>
                </c:pt>
                <c:pt idx="1299">
                  <c:v>67.947059399068237</c:v>
                </c:pt>
                <c:pt idx="1300">
                  <c:v>67.902879242529565</c:v>
                </c:pt>
                <c:pt idx="1301">
                  <c:v>67.858695793877914</c:v>
                </c:pt>
                <c:pt idx="1302">
                  <c:v>67.815062128098219</c:v>
                </c:pt>
                <c:pt idx="1303">
                  <c:v>67.771392249075475</c:v>
                </c:pt>
                <c:pt idx="1304">
                  <c:v>67.72877913832761</c:v>
                </c:pt>
                <c:pt idx="1305">
                  <c:v>67.686166027579745</c:v>
                </c:pt>
                <c:pt idx="1306">
                  <c:v>67.643552916831879</c:v>
                </c:pt>
                <c:pt idx="1307">
                  <c:v>67.600939806084014</c:v>
                </c:pt>
                <c:pt idx="1308">
                  <c:v>67.558326695336149</c:v>
                </c:pt>
                <c:pt idx="1309">
                  <c:v>67.516223862104184</c:v>
                </c:pt>
                <c:pt idx="1310">
                  <c:v>67.473610751356318</c:v>
                </c:pt>
                <c:pt idx="1311">
                  <c:v>67.431507918124368</c:v>
                </c:pt>
                <c:pt idx="1312">
                  <c:v>67.389915362408303</c:v>
                </c:pt>
                <c:pt idx="1313">
                  <c:v>67.34835901993533</c:v>
                </c:pt>
                <c:pt idx="1314">
                  <c:v>67.306766464219265</c:v>
                </c:pt>
                <c:pt idx="1315">
                  <c:v>67.267287445052986</c:v>
                </c:pt>
                <c:pt idx="1316">
                  <c:v>67.227772212643629</c:v>
                </c:pt>
                <c:pt idx="1317">
                  <c:v>67.188803470993264</c:v>
                </c:pt>
                <c:pt idx="1318">
                  <c:v>67.148267683552092</c:v>
                </c:pt>
                <c:pt idx="1319">
                  <c:v>67.107731896110934</c:v>
                </c:pt>
                <c:pt idx="1320">
                  <c:v>67.068219955814584</c:v>
                </c:pt>
                <c:pt idx="1321">
                  <c:v>67.027684168373412</c:v>
                </c:pt>
                <c:pt idx="1322">
                  <c:v>66.98714838093224</c:v>
                </c:pt>
                <c:pt idx="1323">
                  <c:v>66.946612593491068</c:v>
                </c:pt>
                <c:pt idx="1324">
                  <c:v>66.907643851840689</c:v>
                </c:pt>
                <c:pt idx="1325">
                  <c:v>66.86867511019031</c:v>
                </c:pt>
                <c:pt idx="1326">
                  <c:v>66.830219938168852</c:v>
                </c:pt>
                <c:pt idx="1327">
                  <c:v>66.791761474034388</c:v>
                </c:pt>
                <c:pt idx="1328">
                  <c:v>66.754833842447638</c:v>
                </c:pt>
                <c:pt idx="1329">
                  <c:v>66.717432146588052</c:v>
                </c:pt>
                <c:pt idx="1330">
                  <c:v>66.678976974566581</c:v>
                </c:pt>
                <c:pt idx="1331">
                  <c:v>66.641539065463931</c:v>
                </c:pt>
                <c:pt idx="1332">
                  <c:v>66.603627092088431</c:v>
                </c:pt>
                <c:pt idx="1333">
                  <c:v>66.566189182985781</c:v>
                </c:pt>
                <c:pt idx="1334">
                  <c:v>66.528790779239202</c:v>
                </c:pt>
                <c:pt idx="1335">
                  <c:v>66.491863147652452</c:v>
                </c:pt>
                <c:pt idx="1336">
                  <c:v>66.454971729308781</c:v>
                </c:pt>
                <c:pt idx="1337">
                  <c:v>66.418593880594003</c:v>
                </c:pt>
                <c:pt idx="1338">
                  <c:v>66.382723017282146</c:v>
                </c:pt>
                <c:pt idx="1339">
                  <c:v>66.34740193684226</c:v>
                </c:pt>
                <c:pt idx="1340">
                  <c:v>66.311531073530404</c:v>
                </c:pt>
                <c:pt idx="1341">
                  <c:v>66.275153224815639</c:v>
                </c:pt>
                <c:pt idx="1342">
                  <c:v>66.238772083987868</c:v>
                </c:pt>
                <c:pt idx="1343">
                  <c:v>66.202390943160097</c:v>
                </c:pt>
                <c:pt idx="1344">
                  <c:v>66.166523371961219</c:v>
                </c:pt>
                <c:pt idx="1345">
                  <c:v>66.13119899940834</c:v>
                </c:pt>
                <c:pt idx="1346">
                  <c:v>66.096388196484369</c:v>
                </c:pt>
                <c:pt idx="1347">
                  <c:v>66.061574101447377</c:v>
                </c:pt>
                <c:pt idx="1348">
                  <c:v>66.026727085280342</c:v>
                </c:pt>
                <c:pt idx="1349">
                  <c:v>65.991402712727464</c:v>
                </c:pt>
                <c:pt idx="1350">
                  <c:v>65.956591909803478</c:v>
                </c:pt>
                <c:pt idx="1351">
                  <c:v>65.9222880922824</c:v>
                </c:pt>
                <c:pt idx="1352">
                  <c:v>65.886930798599465</c:v>
                </c:pt>
                <c:pt idx="1353">
                  <c:v>65.852626981078387</c:v>
                </c:pt>
                <c:pt idx="1354">
                  <c:v>65.817816178154402</c:v>
                </c:pt>
                <c:pt idx="1355">
                  <c:v>65.783512360633324</c:v>
                </c:pt>
                <c:pt idx="1356">
                  <c:v>65.749722112741182</c:v>
                </c:pt>
                <c:pt idx="1357">
                  <c:v>65.715964785979082</c:v>
                </c:pt>
                <c:pt idx="1358">
                  <c:v>65.681664260571011</c:v>
                </c:pt>
                <c:pt idx="1359">
                  <c:v>65.647870720565848</c:v>
                </c:pt>
                <c:pt idx="1360">
                  <c:v>65.613570195157791</c:v>
                </c:pt>
                <c:pt idx="1361">
                  <c:v>65.579776655152614</c:v>
                </c:pt>
                <c:pt idx="1362">
                  <c:v>65.546022620503507</c:v>
                </c:pt>
                <c:pt idx="1363">
                  <c:v>65.51172209509545</c:v>
                </c:pt>
                <c:pt idx="1364">
                  <c:v>65.477928555090287</c:v>
                </c:pt>
                <c:pt idx="1365">
                  <c:v>65.445195075473009</c:v>
                </c:pt>
                <c:pt idx="1366">
                  <c:v>65.411401535467846</c:v>
                </c:pt>
                <c:pt idx="1367">
                  <c:v>65.377611287575689</c:v>
                </c:pt>
                <c:pt idx="1368">
                  <c:v>65.344367530442511</c:v>
                </c:pt>
                <c:pt idx="1369">
                  <c:v>65.310063712921433</c:v>
                </c:pt>
                <c:pt idx="1370">
                  <c:v>65.276783742545177</c:v>
                </c:pt>
                <c:pt idx="1371">
                  <c:v>65.243536693298992</c:v>
                </c:pt>
                <c:pt idx="1372">
                  <c:v>65.2102929361658</c:v>
                </c:pt>
                <c:pt idx="1373">
                  <c:v>65.177009673676537</c:v>
                </c:pt>
                <c:pt idx="1374">
                  <c:v>65.143765916543359</c:v>
                </c:pt>
                <c:pt idx="1375">
                  <c:v>65.110485946167117</c:v>
                </c:pt>
                <c:pt idx="1376">
                  <c:v>65.078259451952732</c:v>
                </c:pt>
                <c:pt idx="1377">
                  <c:v>65.045525972335454</c:v>
                </c:pt>
                <c:pt idx="1378">
                  <c:v>65.012282215202276</c:v>
                </c:pt>
                <c:pt idx="1379">
                  <c:v>64.979509230228928</c:v>
                </c:pt>
                <c:pt idx="1380">
                  <c:v>64.946265473095735</c:v>
                </c:pt>
                <c:pt idx="1381">
                  <c:v>64.913531993478458</c:v>
                </c:pt>
                <c:pt idx="1382">
                  <c:v>64.880248730989194</c:v>
                </c:pt>
                <c:pt idx="1383">
                  <c:v>64.847515251371917</c:v>
                </c:pt>
                <c:pt idx="1384">
                  <c:v>64.814268202125731</c:v>
                </c:pt>
                <c:pt idx="1385">
                  <c:v>64.781534722508454</c:v>
                </c:pt>
                <c:pt idx="1386">
                  <c:v>64.748765029648112</c:v>
                </c:pt>
                <c:pt idx="1387">
                  <c:v>64.715007702886012</c:v>
                </c:pt>
                <c:pt idx="1388">
                  <c:v>64.681727732509756</c:v>
                </c:pt>
                <c:pt idx="1389">
                  <c:v>64.648990960779471</c:v>
                </c:pt>
                <c:pt idx="1390">
                  <c:v>64.616257481162194</c:v>
                </c:pt>
                <c:pt idx="1391">
                  <c:v>64.583524001544916</c:v>
                </c:pt>
                <c:pt idx="1392">
                  <c:v>64.551297507330545</c:v>
                </c:pt>
                <c:pt idx="1393">
                  <c:v>64.518527814470204</c:v>
                </c:pt>
                <c:pt idx="1394">
                  <c:v>64.486851103127819</c:v>
                </c:pt>
                <c:pt idx="1395">
                  <c:v>64.454114331397534</c:v>
                </c:pt>
                <c:pt idx="1396">
                  <c:v>64.421344638537192</c:v>
                </c:pt>
                <c:pt idx="1397">
                  <c:v>64.389121436435815</c:v>
                </c:pt>
                <c:pt idx="1398">
                  <c:v>64.356384664705544</c:v>
                </c:pt>
                <c:pt idx="1399">
                  <c:v>64.323651185088266</c:v>
                </c:pt>
                <c:pt idx="1400">
                  <c:v>64.291427982986889</c:v>
                </c:pt>
                <c:pt idx="1401">
                  <c:v>64.258691211256604</c:v>
                </c:pt>
                <c:pt idx="1402">
                  <c:v>64.226468009155241</c:v>
                </c:pt>
                <c:pt idx="1403">
                  <c:v>64.194244807053863</c:v>
                </c:pt>
                <c:pt idx="1404">
                  <c:v>64.162018312839493</c:v>
                </c:pt>
                <c:pt idx="1405">
                  <c:v>64.129284833222215</c:v>
                </c:pt>
                <c:pt idx="1406">
                  <c:v>64.097061631120852</c:v>
                </c:pt>
                <c:pt idx="1407">
                  <c:v>64.064835136906481</c:v>
                </c:pt>
                <c:pt idx="1408">
                  <c:v>64.032611934805104</c:v>
                </c:pt>
                <c:pt idx="1409">
                  <c:v>64.000388732703726</c:v>
                </c:pt>
                <c:pt idx="1410">
                  <c:v>63.968712021361334</c:v>
                </c:pt>
                <c:pt idx="1411">
                  <c:v>63.936485527146971</c:v>
                </c:pt>
                <c:pt idx="1412">
                  <c:v>63.904262325045593</c:v>
                </c:pt>
                <c:pt idx="1413">
                  <c:v>63.87254940046013</c:v>
                </c:pt>
                <c:pt idx="1414">
                  <c:v>63.840322906245753</c:v>
                </c:pt>
                <c:pt idx="1415">
                  <c:v>63.808609981660304</c:v>
                </c:pt>
                <c:pt idx="1416">
                  <c:v>63.776933270317905</c:v>
                </c:pt>
                <c:pt idx="1417">
                  <c:v>63.745217053619434</c:v>
                </c:pt>
                <c:pt idx="1418">
                  <c:v>63.713504129033971</c:v>
                </c:pt>
                <c:pt idx="1419">
                  <c:v>63.681280926932615</c:v>
                </c:pt>
                <c:pt idx="1420">
                  <c:v>63.649604215590216</c:v>
                </c:pt>
                <c:pt idx="1421">
                  <c:v>63.617377721375831</c:v>
                </c:pt>
                <c:pt idx="1422">
                  <c:v>63.585664796790368</c:v>
                </c:pt>
                <c:pt idx="1423">
                  <c:v>63.553951872204919</c:v>
                </c:pt>
                <c:pt idx="1424">
                  <c:v>63.523292423781328</c:v>
                </c:pt>
                <c:pt idx="1425">
                  <c:v>63.492125989954836</c:v>
                </c:pt>
                <c:pt idx="1426">
                  <c:v>63.45990278785348</c:v>
                </c:pt>
                <c:pt idx="1427">
                  <c:v>63.428189863268017</c:v>
                </c:pt>
                <c:pt idx="1428">
                  <c:v>63.39650985981261</c:v>
                </c:pt>
                <c:pt idx="1429">
                  <c:v>63.364286657711247</c:v>
                </c:pt>
                <c:pt idx="1430">
                  <c:v>63.332573733125777</c:v>
                </c:pt>
                <c:pt idx="1431">
                  <c:v>63.300857516427321</c:v>
                </c:pt>
                <c:pt idx="1432">
                  <c:v>63.270201360116729</c:v>
                </c:pt>
                <c:pt idx="1433">
                  <c:v>63.238488435531281</c:v>
                </c:pt>
                <c:pt idx="1434">
                  <c:v>63.207832279220696</c:v>
                </c:pt>
                <c:pt idx="1435">
                  <c:v>63.17615227576529</c:v>
                </c:pt>
                <c:pt idx="1436">
                  <c:v>63.144439351179841</c:v>
                </c:pt>
                <c:pt idx="1437">
                  <c:v>63.113272917353356</c:v>
                </c:pt>
                <c:pt idx="1438">
                  <c:v>63.082070270283793</c:v>
                </c:pt>
                <c:pt idx="1439">
                  <c:v>63.050354053585338</c:v>
                </c:pt>
                <c:pt idx="1440">
                  <c:v>63.019187619758839</c:v>
                </c:pt>
                <c:pt idx="1441">
                  <c:v>62.988021185932354</c:v>
                </c:pt>
                <c:pt idx="1442">
                  <c:v>62.956818538862805</c:v>
                </c:pt>
                <c:pt idx="1443">
                  <c:v>62.925648812923306</c:v>
                </c:pt>
                <c:pt idx="1444">
                  <c:v>62.893935888337843</c:v>
                </c:pt>
                <c:pt idx="1445">
                  <c:v>62.862222963752394</c:v>
                </c:pt>
                <c:pt idx="1446">
                  <c:v>62.831056529925903</c:v>
                </c:pt>
                <c:pt idx="1447">
                  <c:v>62.799340313227432</c:v>
                </c:pt>
                <c:pt idx="1448">
                  <c:v>62.76766360188504</c:v>
                </c:pt>
                <c:pt idx="1449">
                  <c:v>62.735950677299577</c:v>
                </c:pt>
                <c:pt idx="1450">
                  <c:v>62.705294520989</c:v>
                </c:pt>
                <c:pt idx="1451">
                  <c:v>62.675145350081323</c:v>
                </c:pt>
                <c:pt idx="1452">
                  <c:v>62.643942703011767</c:v>
                </c:pt>
                <c:pt idx="1453">
                  <c:v>62.612776269185289</c:v>
                </c:pt>
                <c:pt idx="1454">
                  <c:v>62.582120112874705</c:v>
                </c:pt>
                <c:pt idx="1455">
                  <c:v>62.549893618660327</c:v>
                </c:pt>
                <c:pt idx="1456">
                  <c:v>62.519237462349757</c:v>
                </c:pt>
                <c:pt idx="1457">
                  <c:v>62.487524537764294</c:v>
                </c:pt>
                <c:pt idx="1458">
                  <c:v>62.456358103937802</c:v>
                </c:pt>
                <c:pt idx="1459">
                  <c:v>62.425152164755254</c:v>
                </c:pt>
                <c:pt idx="1460">
                  <c:v>62.394496008444662</c:v>
                </c:pt>
                <c:pt idx="1461">
                  <c:v>62.363839852134092</c:v>
                </c:pt>
                <c:pt idx="1462">
                  <c:v>62.3326734183076</c:v>
                </c:pt>
                <c:pt idx="1463">
                  <c:v>62.301981048753952</c:v>
                </c:pt>
                <c:pt idx="1464">
                  <c:v>62.270811322814467</c:v>
                </c:pt>
                <c:pt idx="1465">
                  <c:v>62.239644888987975</c:v>
                </c:pt>
                <c:pt idx="1466">
                  <c:v>62.208442241918419</c:v>
                </c:pt>
                <c:pt idx="1467">
                  <c:v>62.177275808091935</c:v>
                </c:pt>
                <c:pt idx="1468">
                  <c:v>62.146069868909379</c:v>
                </c:pt>
                <c:pt idx="1469">
                  <c:v>62.115413712598802</c:v>
                </c:pt>
                <c:pt idx="1470">
                  <c:v>62.084757556288217</c:v>
                </c:pt>
                <c:pt idx="1471">
                  <c:v>62.055121955009461</c:v>
                </c:pt>
                <c:pt idx="1472">
                  <c:v>62.024465798698877</c:v>
                </c:pt>
                <c:pt idx="1473">
                  <c:v>61.9943166277912</c:v>
                </c:pt>
                <c:pt idx="1474">
                  <c:v>61.963660471480623</c:v>
                </c:pt>
                <c:pt idx="1475">
                  <c:v>61.933004315170052</c:v>
                </c:pt>
                <c:pt idx="1476">
                  <c:v>61.902348158859468</c:v>
                </c:pt>
                <c:pt idx="1477">
                  <c:v>61.872202280064798</c:v>
                </c:pt>
                <c:pt idx="1478">
                  <c:v>61.842053109157121</c:v>
                </c:pt>
                <c:pt idx="1479">
                  <c:v>61.811396952846543</c:v>
                </c:pt>
                <c:pt idx="1480">
                  <c:v>61.780194305776988</c:v>
                </c:pt>
                <c:pt idx="1481">
                  <c:v>61.74953814946641</c:v>
                </c:pt>
                <c:pt idx="1482">
                  <c:v>61.71939227067174</c:v>
                </c:pt>
                <c:pt idx="1483">
                  <c:v>61.689243099764063</c:v>
                </c:pt>
                <c:pt idx="1484">
                  <c:v>61.658586943453479</c:v>
                </c:pt>
                <c:pt idx="1485">
                  <c:v>61.628441064658816</c:v>
                </c:pt>
                <c:pt idx="1486">
                  <c:v>61.598841676623117</c:v>
                </c:pt>
                <c:pt idx="1487">
                  <c:v>61.568695797828447</c:v>
                </c:pt>
                <c:pt idx="1488">
                  <c:v>61.539060196549677</c:v>
                </c:pt>
                <c:pt idx="1489">
                  <c:v>61.508911025642</c:v>
                </c:pt>
                <c:pt idx="1490">
                  <c:v>61.479311637606308</c:v>
                </c:pt>
                <c:pt idx="1491">
                  <c:v>61.449165758811631</c:v>
                </c:pt>
                <c:pt idx="1492">
                  <c:v>61.419019880016968</c:v>
                </c:pt>
                <c:pt idx="1493">
                  <c:v>61.389384278738213</c:v>
                </c:pt>
                <c:pt idx="1494">
                  <c:v>61.359238399943536</c:v>
                </c:pt>
                <c:pt idx="1495">
                  <c:v>61.329089229035858</c:v>
                </c:pt>
                <c:pt idx="1496">
                  <c:v>61.298943350241188</c:v>
                </c:pt>
                <c:pt idx="1497">
                  <c:v>61.268797471446518</c:v>
                </c:pt>
                <c:pt idx="1498">
                  <c:v>61.239708360926741</c:v>
                </c:pt>
                <c:pt idx="1499">
                  <c:v>61.210072759647964</c:v>
                </c:pt>
                <c:pt idx="1500">
                  <c:v>61.180473371612273</c:v>
                </c:pt>
                <c:pt idx="1501">
                  <c:v>61.151348047849417</c:v>
                </c:pt>
                <c:pt idx="1502">
                  <c:v>61.121748659813719</c:v>
                </c:pt>
                <c:pt idx="1503">
                  <c:v>61.092109766421949</c:v>
                </c:pt>
                <c:pt idx="1504">
                  <c:v>61.063020655902164</c:v>
                </c:pt>
                <c:pt idx="1505">
                  <c:v>61.033385054623395</c:v>
                </c:pt>
                <c:pt idx="1506">
                  <c:v>61.00429594410361</c:v>
                </c:pt>
                <c:pt idx="1507">
                  <c:v>60.974150065308933</c:v>
                </c:pt>
                <c:pt idx="1508">
                  <c:v>60.944514464030171</c:v>
                </c:pt>
                <c:pt idx="1509">
                  <c:v>60.915425353510386</c:v>
                </c:pt>
                <c:pt idx="1510">
                  <c:v>60.886300029747538</c:v>
                </c:pt>
                <c:pt idx="1511">
                  <c:v>60.857210919227747</c:v>
                </c:pt>
                <c:pt idx="1512">
                  <c:v>60.828118516594948</c:v>
                </c:pt>
                <c:pt idx="1513">
                  <c:v>60.799503470348</c:v>
                </c:pt>
                <c:pt idx="1514">
                  <c:v>60.770414359828216</c:v>
                </c:pt>
                <c:pt idx="1515">
                  <c:v>60.741835526824339</c:v>
                </c:pt>
                <c:pt idx="1516">
                  <c:v>60.712710203061476</c:v>
                </c:pt>
                <c:pt idx="1517">
                  <c:v>60.683110815025792</c:v>
                </c:pt>
                <c:pt idx="1518">
                  <c:v>60.653985491262937</c:v>
                </c:pt>
                <c:pt idx="1519">
                  <c:v>60.624896380743138</c:v>
                </c:pt>
                <c:pt idx="1520">
                  <c:v>60.595260779464375</c:v>
                </c:pt>
                <c:pt idx="1521">
                  <c:v>60.567192223976406</c:v>
                </c:pt>
                <c:pt idx="1522">
                  <c:v>60.538103113456621</c:v>
                </c:pt>
                <c:pt idx="1523">
                  <c:v>60.507953942548937</c:v>
                </c:pt>
                <c:pt idx="1524">
                  <c:v>60.47937510954506</c:v>
                </c:pt>
                <c:pt idx="1525">
                  <c:v>60.450796276541183</c:v>
                </c:pt>
                <c:pt idx="1526">
                  <c:v>60.421707166021399</c:v>
                </c:pt>
                <c:pt idx="1527">
                  <c:v>60.393092119774451</c:v>
                </c:pt>
                <c:pt idx="1528">
                  <c:v>60.364513286770567</c:v>
                </c:pt>
                <c:pt idx="1529">
                  <c:v>60.335934453766683</c:v>
                </c:pt>
                <c:pt idx="1530">
                  <c:v>60.307355620762806</c:v>
                </c:pt>
                <c:pt idx="1531">
                  <c:v>60.279287065274829</c:v>
                </c:pt>
                <c:pt idx="1532">
                  <c:v>60.249651463996074</c:v>
                </c:pt>
                <c:pt idx="1533">
                  <c:v>60.221072630992182</c:v>
                </c:pt>
                <c:pt idx="1534">
                  <c:v>60.191983520472398</c:v>
                </c:pt>
                <c:pt idx="1535">
                  <c:v>60.162894409952621</c:v>
                </c:pt>
                <c:pt idx="1536">
                  <c:v>60.134825854464644</c:v>
                </c:pt>
                <c:pt idx="1537">
                  <c:v>60.10624702146076</c:v>
                </c:pt>
                <c:pt idx="1538">
                  <c:v>60.07817517385979</c:v>
                </c:pt>
                <c:pt idx="1539">
                  <c:v>60.049596340855913</c:v>
                </c:pt>
                <c:pt idx="1540">
                  <c:v>60.021527785367923</c:v>
                </c:pt>
                <c:pt idx="1541">
                  <c:v>59.992948952364046</c:v>
                </c:pt>
                <c:pt idx="1542">
                  <c:v>59.964880396876069</c:v>
                </c:pt>
                <c:pt idx="1543">
                  <c:v>59.936811841388099</c:v>
                </c:pt>
                <c:pt idx="1544">
                  <c:v>59.908233008384222</c:v>
                </c:pt>
                <c:pt idx="1545">
                  <c:v>59.880164452896253</c:v>
                </c:pt>
                <c:pt idx="1546">
                  <c:v>59.851585619892376</c:v>
                </c:pt>
                <c:pt idx="1547">
                  <c:v>59.822970573645428</c:v>
                </c:pt>
                <c:pt idx="1548">
                  <c:v>59.794391740641544</c:v>
                </c:pt>
                <c:pt idx="1549">
                  <c:v>59.76581290763766</c:v>
                </c:pt>
                <c:pt idx="1550">
                  <c:v>59.736723797117875</c:v>
                </c:pt>
                <c:pt idx="1551">
                  <c:v>59.708655241629906</c:v>
                </c:pt>
                <c:pt idx="1552">
                  <c:v>59.680586686141929</c:v>
                </c:pt>
                <c:pt idx="1553">
                  <c:v>59.652518130653959</c:v>
                </c:pt>
                <c:pt idx="1554">
                  <c:v>59.624996065924961</c:v>
                </c:pt>
                <c:pt idx="1555">
                  <c:v>59.596927510436991</c:v>
                </c:pt>
                <c:pt idx="1556">
                  <c:v>59.568858954949022</c:v>
                </c:pt>
                <c:pt idx="1557">
                  <c:v>59.540790399461052</c:v>
                </c:pt>
                <c:pt idx="1558">
                  <c:v>59.51323212148899</c:v>
                </c:pt>
                <c:pt idx="1559">
                  <c:v>59.485710056759991</c:v>
                </c:pt>
                <c:pt idx="1560">
                  <c:v>59.457641501272001</c:v>
                </c:pt>
                <c:pt idx="1561">
                  <c:v>59.429062668268124</c:v>
                </c:pt>
                <c:pt idx="1562">
                  <c:v>59.400994112780154</c:v>
                </c:pt>
                <c:pt idx="1563">
                  <c:v>59.372925557292184</c:v>
                </c:pt>
                <c:pt idx="1564">
                  <c:v>59.344857001804208</c:v>
                </c:pt>
                <c:pt idx="1565">
                  <c:v>59.316788446316238</c:v>
                </c:pt>
                <c:pt idx="1566">
                  <c:v>59.288719890828268</c:v>
                </c:pt>
                <c:pt idx="1567">
                  <c:v>59.26119782609927</c:v>
                </c:pt>
                <c:pt idx="1568">
                  <c:v>59.2331292706113</c:v>
                </c:pt>
                <c:pt idx="1569">
                  <c:v>59.205570992639238</c:v>
                </c:pt>
                <c:pt idx="1570">
                  <c:v>59.177502437151261</c:v>
                </c:pt>
                <c:pt idx="1571">
                  <c:v>59.149980372422263</c:v>
                </c:pt>
                <c:pt idx="1572">
                  <c:v>59.121911816934293</c:v>
                </c:pt>
                <c:pt idx="1573">
                  <c:v>59.094863816478131</c:v>
                </c:pt>
                <c:pt idx="1574">
                  <c:v>59.066831474233226</c:v>
                </c:pt>
                <c:pt idx="1575">
                  <c:v>59.039273196261163</c:v>
                </c:pt>
                <c:pt idx="1576">
                  <c:v>59.011204640773194</c:v>
                </c:pt>
                <c:pt idx="1577">
                  <c:v>58.983646362801132</c:v>
                </c:pt>
                <c:pt idx="1578">
                  <c:v>58.956124298072133</c:v>
                </c:pt>
                <c:pt idx="1579">
                  <c:v>58.928055742584164</c:v>
                </c:pt>
                <c:pt idx="1580">
                  <c:v>58.89998718709618</c:v>
                </c:pt>
                <c:pt idx="1581">
                  <c:v>58.872975399883089</c:v>
                </c:pt>
                <c:pt idx="1582">
                  <c:v>58.845417121911026</c:v>
                </c:pt>
                <c:pt idx="1583">
                  <c:v>58.817858843938964</c:v>
                </c:pt>
                <c:pt idx="1584">
                  <c:v>58.791357334241781</c:v>
                </c:pt>
                <c:pt idx="1585">
                  <c:v>58.763835269512782</c:v>
                </c:pt>
                <c:pt idx="1586">
                  <c:v>58.73627699154072</c:v>
                </c:pt>
                <c:pt idx="1587">
                  <c:v>58.708718713568651</c:v>
                </c:pt>
                <c:pt idx="1588">
                  <c:v>58.681196648839659</c:v>
                </c:pt>
                <c:pt idx="1589">
                  <c:v>58.653128093351683</c:v>
                </c:pt>
                <c:pt idx="1590">
                  <c:v>58.62556981537962</c:v>
                </c:pt>
                <c:pt idx="1591">
                  <c:v>58.598558028166529</c:v>
                </c:pt>
                <c:pt idx="1592">
                  <c:v>58.571546240953431</c:v>
                </c:pt>
                <c:pt idx="1593">
                  <c:v>58.543987962981376</c:v>
                </c:pt>
                <c:pt idx="1594">
                  <c:v>58.516976175768285</c:v>
                </c:pt>
                <c:pt idx="1595">
                  <c:v>58.490474666071101</c:v>
                </c:pt>
                <c:pt idx="1596">
                  <c:v>58.463936943130854</c:v>
                </c:pt>
                <c:pt idx="1597">
                  <c:v>58.43743543343367</c:v>
                </c:pt>
                <c:pt idx="1598">
                  <c:v>58.409913368704672</c:v>
                </c:pt>
                <c:pt idx="1599">
                  <c:v>58.382865368248524</c:v>
                </c:pt>
                <c:pt idx="1600">
                  <c:v>58.355853581035433</c:v>
                </c:pt>
                <c:pt idx="1601">
                  <c:v>58.328845085935335</c:v>
                </c:pt>
                <c:pt idx="1602">
                  <c:v>58.301797085479187</c:v>
                </c:pt>
                <c:pt idx="1603">
                  <c:v>58.275295575782003</c:v>
                </c:pt>
                <c:pt idx="1604">
                  <c:v>58.248283788568912</c:v>
                </c:pt>
                <c:pt idx="1605">
                  <c:v>58.221235788112757</c:v>
                </c:pt>
                <c:pt idx="1606">
                  <c:v>58.194734278415574</c:v>
                </c:pt>
                <c:pt idx="1607">
                  <c:v>58.168232768718397</c:v>
                </c:pt>
                <c:pt idx="1608">
                  <c:v>58.142241536537121</c:v>
                </c:pt>
                <c:pt idx="1609">
                  <c:v>58.116250304355844</c:v>
                </c:pt>
                <c:pt idx="1610">
                  <c:v>58.090295285417646</c:v>
                </c:pt>
                <c:pt idx="1611">
                  <c:v>58.063793775720463</c:v>
                </c:pt>
                <c:pt idx="1612">
                  <c:v>58.036749067377315</c:v>
                </c:pt>
                <c:pt idx="1613">
                  <c:v>58.010247557680124</c:v>
                </c:pt>
                <c:pt idx="1614">
                  <c:v>57.98374604798294</c:v>
                </c:pt>
                <c:pt idx="1615">
                  <c:v>57.957244538285757</c:v>
                </c:pt>
                <c:pt idx="1616">
                  <c:v>57.931763583620395</c:v>
                </c:pt>
                <c:pt idx="1617">
                  <c:v>57.905772351439118</c:v>
                </c:pt>
                <c:pt idx="1618">
                  <c:v>57.87981733250092</c:v>
                </c:pt>
                <c:pt idx="1619">
                  <c:v>57.853826100319637</c:v>
                </c:pt>
                <c:pt idx="1620">
                  <c:v>57.82783486813836</c:v>
                </c:pt>
                <c:pt idx="1621">
                  <c:v>57.802357205586013</c:v>
                </c:pt>
                <c:pt idx="1622">
                  <c:v>57.776365973404737</c:v>
                </c:pt>
                <c:pt idx="1623">
                  <c:v>57.750410954466524</c:v>
                </c:pt>
                <c:pt idx="1624">
                  <c:v>57.724419722285248</c:v>
                </c:pt>
                <c:pt idx="1625">
                  <c:v>57.697918212588078</c:v>
                </c:pt>
                <c:pt idx="1626">
                  <c:v>57.672437257922695</c:v>
                </c:pt>
                <c:pt idx="1627">
                  <c:v>57.64644602574144</c:v>
                </c:pt>
                <c:pt idx="1628">
                  <c:v>57.620458085673164</c:v>
                </c:pt>
                <c:pt idx="1629">
                  <c:v>57.595013344250859</c:v>
                </c:pt>
                <c:pt idx="1630">
                  <c:v>57.569022112069582</c:v>
                </c:pt>
                <c:pt idx="1631">
                  <c:v>57.543541157404221</c:v>
                </c:pt>
                <c:pt idx="1632">
                  <c:v>57.518606693497823</c:v>
                </c:pt>
                <c:pt idx="1633">
                  <c:v>57.493125738832461</c:v>
                </c:pt>
                <c:pt idx="1634">
                  <c:v>57.46768428952317</c:v>
                </c:pt>
                <c:pt idx="1635">
                  <c:v>57.442713612373716</c:v>
                </c:pt>
                <c:pt idx="1636">
                  <c:v>57.417779148467318</c:v>
                </c:pt>
                <c:pt idx="1637">
                  <c:v>57.392844684560934</c:v>
                </c:pt>
                <c:pt idx="1638">
                  <c:v>57.368420498170437</c:v>
                </c:pt>
                <c:pt idx="1639">
                  <c:v>57.342942835618075</c:v>
                </c:pt>
                <c:pt idx="1640">
                  <c:v>57.317461880952713</c:v>
                </c:pt>
                <c:pt idx="1641">
                  <c:v>57.292017139530415</c:v>
                </c:pt>
                <c:pt idx="1642">
                  <c:v>57.266536184865053</c:v>
                </c:pt>
                <c:pt idx="1643">
                  <c:v>57.241091443442748</c:v>
                </c:pt>
                <c:pt idx="1644">
                  <c:v>57.215100211261486</c:v>
                </c:pt>
                <c:pt idx="1645">
                  <c:v>57.190169039468095</c:v>
                </c:pt>
                <c:pt idx="1646">
                  <c:v>57.165198362318634</c:v>
                </c:pt>
                <c:pt idx="1647">
                  <c:v>57.140263898412243</c:v>
                </c:pt>
                <c:pt idx="1648">
                  <c:v>57.115329434505838</c:v>
                </c:pt>
                <c:pt idx="1649">
                  <c:v>57.089848479840491</c:v>
                </c:pt>
                <c:pt idx="1650">
                  <c:v>57.065427585563</c:v>
                </c:pt>
                <c:pt idx="1651">
                  <c:v>57.041003399172524</c:v>
                </c:pt>
                <c:pt idx="1652">
                  <c:v>57.01603272202307</c:v>
                </c:pt>
                <c:pt idx="1653">
                  <c:v>56.991608535632579</c:v>
                </c:pt>
                <c:pt idx="1654">
                  <c:v>56.96718764135511</c:v>
                </c:pt>
                <c:pt idx="1655">
                  <c:v>56.943273732480527</c:v>
                </c:pt>
                <c:pt idx="1656">
                  <c:v>56.918849546090044</c:v>
                </c:pt>
                <c:pt idx="1657">
                  <c:v>56.894425359699568</c:v>
                </c:pt>
                <c:pt idx="1658">
                  <c:v>56.86949089579317</c:v>
                </c:pt>
                <c:pt idx="1659">
                  <c:v>56.845580279031608</c:v>
                </c:pt>
                <c:pt idx="1660">
                  <c:v>56.820645815125211</c:v>
                </c:pt>
                <c:pt idx="1661">
                  <c:v>56.796731906250635</c:v>
                </c:pt>
                <c:pt idx="1662">
                  <c:v>56.772311011973152</c:v>
                </c:pt>
                <c:pt idx="1663">
                  <c:v>56.748397103098576</c:v>
                </c:pt>
                <c:pt idx="1664">
                  <c:v>56.724483194224</c:v>
                </c:pt>
                <c:pt idx="1665">
                  <c:v>56.700569285349431</c:v>
                </c:pt>
                <c:pt idx="1666">
                  <c:v>56.676694881830926</c:v>
                </c:pt>
                <c:pt idx="1667">
                  <c:v>56.65278097295635</c:v>
                </c:pt>
                <c:pt idx="1668">
                  <c:v>56.628867064081774</c:v>
                </c:pt>
                <c:pt idx="1669">
                  <c:v>56.604953155207191</c:v>
                </c:pt>
                <c:pt idx="1670">
                  <c:v>56.581589029204601</c:v>
                </c:pt>
                <c:pt idx="1671">
                  <c:v>56.557128629571054</c:v>
                </c:pt>
                <c:pt idx="1672">
                  <c:v>56.534271488971363</c:v>
                </c:pt>
                <c:pt idx="1673">
                  <c:v>56.510907362968759</c:v>
                </c:pt>
                <c:pt idx="1674">
                  <c:v>56.486993454094183</c:v>
                </c:pt>
                <c:pt idx="1675">
                  <c:v>56.464100100251422</c:v>
                </c:pt>
                <c:pt idx="1676">
                  <c:v>56.440735974248824</c:v>
                </c:pt>
                <c:pt idx="1677">
                  <c:v>56.416822065374248</c:v>
                </c:pt>
                <c:pt idx="1678">
                  <c:v>56.393964924774558</c:v>
                </c:pt>
                <c:pt idx="1679">
                  <c:v>56.371074863044811</c:v>
                </c:pt>
                <c:pt idx="1680">
                  <c:v>56.347707444929206</c:v>
                </c:pt>
                <c:pt idx="1681">
                  <c:v>56.325360581845423</c:v>
                </c:pt>
                <c:pt idx="1682">
                  <c:v>56.302506733358733</c:v>
                </c:pt>
                <c:pt idx="1683">
                  <c:v>56.279613379515979</c:v>
                </c:pt>
                <c:pt idx="1684">
                  <c:v>56.256756238916275</c:v>
                </c:pt>
                <c:pt idx="1685">
                  <c:v>56.234412667945492</c:v>
                </c:pt>
                <c:pt idx="1686">
                  <c:v>56.211555527345801</c:v>
                </c:pt>
                <c:pt idx="1687">
                  <c:v>56.189211956375026</c:v>
                </c:pt>
                <c:pt idx="1688">
                  <c:v>56.166318602532264</c:v>
                </c:pt>
                <c:pt idx="1689">
                  <c:v>56.143971739448482</c:v>
                </c:pt>
                <c:pt idx="1690">
                  <c:v>56.121628168477706</c:v>
                </c:pt>
                <c:pt idx="1691">
                  <c:v>56.099791582909823</c:v>
                </c:pt>
                <c:pt idx="1692">
                  <c:v>56.076424164794226</c:v>
                </c:pt>
                <c:pt idx="1693">
                  <c:v>56.054590871339357</c:v>
                </c:pt>
                <c:pt idx="1694">
                  <c:v>56.032754285771475</c:v>
                </c:pt>
                <c:pt idx="1695">
                  <c:v>56.010410714800699</c:v>
                </c:pt>
                <c:pt idx="1696">
                  <c:v>55.988574129232823</c:v>
                </c:pt>
                <c:pt idx="1697">
                  <c:v>55.966227266149033</c:v>
                </c:pt>
                <c:pt idx="1698">
                  <c:v>55.944393972694165</c:v>
                </c:pt>
                <c:pt idx="1699">
                  <c:v>55.922047109610382</c:v>
                </c:pt>
                <c:pt idx="1700">
                  <c:v>55.90025002939857</c:v>
                </c:pt>
                <c:pt idx="1701">
                  <c:v>55.878923721346595</c:v>
                </c:pt>
                <c:pt idx="1702">
                  <c:v>55.858147196166605</c:v>
                </c:pt>
                <c:pt idx="1703">
                  <c:v>55.83631061059873</c:v>
                </c:pt>
                <c:pt idx="1704">
                  <c:v>55.814987594659776</c:v>
                </c:pt>
                <c:pt idx="1705">
                  <c:v>55.793187222334964</c:v>
                </c:pt>
                <c:pt idx="1706">
                  <c:v>55.771860914282989</c:v>
                </c:pt>
                <c:pt idx="1707">
                  <c:v>55.750574111587099</c:v>
                </c:pt>
                <c:pt idx="1708">
                  <c:v>55.729758081051031</c:v>
                </c:pt>
                <c:pt idx="1709">
                  <c:v>55.708471278355134</c:v>
                </c:pt>
                <c:pt idx="1710">
                  <c:v>55.687691461062144</c:v>
                </c:pt>
                <c:pt idx="1711">
                  <c:v>55.66687872263909</c:v>
                </c:pt>
                <c:pt idx="1712">
                  <c:v>55.646098905346093</c:v>
                </c:pt>
                <c:pt idx="1713">
                  <c:v>55.625832657682011</c:v>
                </c:pt>
                <c:pt idx="1714">
                  <c:v>55.605052840389021</c:v>
                </c:pt>
                <c:pt idx="1715">
                  <c:v>55.584786592724932</c:v>
                </c:pt>
                <c:pt idx="1716">
                  <c:v>55.564520345060849</c:v>
                </c:pt>
                <c:pt idx="1717">
                  <c:v>55.544250805283767</c:v>
                </c:pt>
                <c:pt idx="1718">
                  <c:v>55.523984557619684</c:v>
                </c:pt>
                <c:pt idx="1719">
                  <c:v>55.503715017842595</c:v>
                </c:pt>
                <c:pt idx="1720">
                  <c:v>55.483448770178519</c:v>
                </c:pt>
                <c:pt idx="1721">
                  <c:v>55.46317923040143</c:v>
                </c:pt>
                <c:pt idx="1722">
                  <c:v>55.442876769494276</c:v>
                </c:pt>
                <c:pt idx="1723">
                  <c:v>55.42366399799208</c:v>
                </c:pt>
                <c:pt idx="1724">
                  <c:v>55.404418305359819</c:v>
                </c:pt>
                <c:pt idx="1725">
                  <c:v>55.384698548454708</c:v>
                </c:pt>
                <c:pt idx="1726">
                  <c:v>55.365449563709433</c:v>
                </c:pt>
                <c:pt idx="1727">
                  <c:v>55.345693593561265</c:v>
                </c:pt>
                <c:pt idx="1728">
                  <c:v>55.326480822059054</c:v>
                </c:pt>
                <c:pt idx="1729">
                  <c:v>55.307235129426793</c:v>
                </c:pt>
                <c:pt idx="1730">
                  <c:v>55.287515372521682</c:v>
                </c:pt>
                <c:pt idx="1731">
                  <c:v>55.268776665292314</c:v>
                </c:pt>
                <c:pt idx="1732">
                  <c:v>55.24905690838721</c:v>
                </c:pt>
                <c:pt idx="1733">
                  <c:v>55.23031820115785</c:v>
                </c:pt>
                <c:pt idx="1734">
                  <c:v>55.211618999284561</c:v>
                </c:pt>
                <c:pt idx="1735">
                  <c:v>55.192409519895364</c:v>
                </c:pt>
                <c:pt idx="1736">
                  <c:v>55.173160535150089</c:v>
                </c:pt>
                <c:pt idx="1737">
                  <c:v>55.1549716107927</c:v>
                </c:pt>
                <c:pt idx="1738">
                  <c:v>55.136782686435325</c:v>
                </c:pt>
                <c:pt idx="1739">
                  <c:v>55.118590469964936</c:v>
                </c:pt>
                <c:pt idx="1740">
                  <c:v>55.100401545607561</c:v>
                </c:pt>
                <c:pt idx="1741">
                  <c:v>55.082212621250171</c:v>
                </c:pt>
                <c:pt idx="1742">
                  <c:v>55.064023696892789</c:v>
                </c:pt>
                <c:pt idx="1743">
                  <c:v>55.046341757938308</c:v>
                </c:pt>
                <c:pt idx="1744">
                  <c:v>55.028152833580933</c:v>
                </c:pt>
                <c:pt idx="1745">
                  <c:v>55.010510399982508</c:v>
                </c:pt>
                <c:pt idx="1746">
                  <c:v>54.992828461028026</c:v>
                </c:pt>
                <c:pt idx="1747">
                  <c:v>54.975660091702466</c:v>
                </c:pt>
                <c:pt idx="1748">
                  <c:v>54.958527935619969</c:v>
                </c:pt>
                <c:pt idx="1749">
                  <c:v>54.940849288778494</c:v>
                </c:pt>
                <c:pt idx="1750">
                  <c:v>54.923713840582984</c:v>
                </c:pt>
                <c:pt idx="1751">
                  <c:v>54.906035193741502</c:v>
                </c:pt>
                <c:pt idx="1752">
                  <c:v>54.888903037659006</c:v>
                </c:pt>
                <c:pt idx="1753">
                  <c:v>54.871734668333445</c:v>
                </c:pt>
                <c:pt idx="1754">
                  <c:v>54.855112789766849</c:v>
                </c:pt>
                <c:pt idx="1755">
                  <c:v>54.837941128328275</c:v>
                </c:pt>
                <c:pt idx="1756">
                  <c:v>54.821319249761686</c:v>
                </c:pt>
                <c:pt idx="1757">
                  <c:v>54.804697371195097</c:v>
                </c:pt>
                <c:pt idx="1758">
                  <c:v>54.78752900186953</c:v>
                </c:pt>
                <c:pt idx="1759">
                  <c:v>54.770903831189926</c:v>
                </c:pt>
                <c:pt idx="1760">
                  <c:v>54.754281952623337</c:v>
                </c:pt>
                <c:pt idx="1761">
                  <c:v>54.737660074056748</c:v>
                </c:pt>
                <c:pt idx="1762">
                  <c:v>54.72205875052196</c:v>
                </c:pt>
                <c:pt idx="1763">
                  <c:v>54.705947149471278</c:v>
                </c:pt>
                <c:pt idx="1764">
                  <c:v>54.689835548420596</c:v>
                </c:pt>
                <c:pt idx="1765">
                  <c:v>54.673720655256908</c:v>
                </c:pt>
                <c:pt idx="1766">
                  <c:v>54.657609054206226</c:v>
                </c:pt>
                <c:pt idx="1767">
                  <c:v>54.641497453155537</c:v>
                </c:pt>
                <c:pt idx="1768">
                  <c:v>54.625896129620763</c:v>
                </c:pt>
                <c:pt idx="1769">
                  <c:v>54.609820741813145</c:v>
                </c:pt>
                <c:pt idx="1770">
                  <c:v>54.594219418278371</c:v>
                </c:pt>
                <c:pt idx="1771">
                  <c:v>54.578618094743589</c:v>
                </c:pt>
                <c:pt idx="1772">
                  <c:v>54.562503201579894</c:v>
                </c:pt>
                <c:pt idx="1773">
                  <c:v>54.546901878045126</c:v>
                </c:pt>
                <c:pt idx="1774">
                  <c:v>54.530790276994445</c:v>
                </c:pt>
                <c:pt idx="1775">
                  <c:v>54.515735444218642</c:v>
                </c:pt>
                <c:pt idx="1776">
                  <c:v>54.50013412068386</c:v>
                </c:pt>
                <c:pt idx="1777">
                  <c:v>54.484022519633179</c:v>
                </c:pt>
                <c:pt idx="1778">
                  <c:v>54.469477964373276</c:v>
                </c:pt>
                <c:pt idx="1779">
                  <c:v>54.453876640838516</c:v>
                </c:pt>
                <c:pt idx="1780">
                  <c:v>54.439332085578606</c:v>
                </c:pt>
                <c:pt idx="1781">
                  <c:v>54.42478753031871</c:v>
                </c:pt>
                <c:pt idx="1782">
                  <c:v>54.409182914670943</c:v>
                </c:pt>
                <c:pt idx="1783">
                  <c:v>54.394638359411033</c:v>
                </c:pt>
                <c:pt idx="1784">
                  <c:v>54.37958352663523</c:v>
                </c:pt>
                <c:pt idx="1785">
                  <c:v>54.365002758132277</c:v>
                </c:pt>
                <c:pt idx="1786">
                  <c:v>54.349947925356474</c:v>
                </c:pt>
                <c:pt idx="1787">
                  <c:v>54.335403370096579</c:v>
                </c:pt>
                <c:pt idx="1788">
                  <c:v>54.32085881483669</c:v>
                </c:pt>
                <c:pt idx="1789">
                  <c:v>54.306278046333723</c:v>
                </c:pt>
                <c:pt idx="1790">
                  <c:v>54.291733491073828</c:v>
                </c:pt>
                <c:pt idx="1791">
                  <c:v>54.277699213329846</c:v>
                </c:pt>
                <c:pt idx="1792">
                  <c:v>54.263664935585858</c:v>
                </c:pt>
                <c:pt idx="1793">
                  <c:v>54.249120380325969</c:v>
                </c:pt>
                <c:pt idx="1794">
                  <c:v>54.235086102581981</c:v>
                </c:pt>
                <c:pt idx="1795">
                  <c:v>54.221051824838</c:v>
                </c:pt>
                <c:pt idx="1796">
                  <c:v>54.207017547094011</c:v>
                </c:pt>
                <c:pt idx="1797">
                  <c:v>54.192472991834109</c:v>
                </c:pt>
                <c:pt idx="1798">
                  <c:v>54.178438714090127</c:v>
                </c:pt>
                <c:pt idx="1799">
                  <c:v>54.164404436346139</c:v>
                </c:pt>
                <c:pt idx="1800">
                  <c:v>54.150916649361129</c:v>
                </c:pt>
                <c:pt idx="1801">
                  <c:v>54.136882371617133</c:v>
                </c:pt>
                <c:pt idx="1802">
                  <c:v>54.12335837138906</c:v>
                </c:pt>
                <c:pt idx="1803">
                  <c:v>54.109834371160986</c:v>
                </c:pt>
                <c:pt idx="1804">
                  <c:v>54.096346584175969</c:v>
                </c:pt>
                <c:pt idx="1805">
                  <c:v>54.082822583947895</c:v>
                </c:pt>
                <c:pt idx="1806">
                  <c:v>54.070355351994692</c:v>
                </c:pt>
                <c:pt idx="1807">
                  <c:v>54.056831351766618</c:v>
                </c:pt>
                <c:pt idx="1808">
                  <c:v>54.043307351538544</c:v>
                </c:pt>
                <c:pt idx="1809">
                  <c:v>54.030329842069435</c:v>
                </c:pt>
                <c:pt idx="1810">
                  <c:v>54.017352332600339</c:v>
                </c:pt>
                <c:pt idx="1811">
                  <c:v>54.004338609888173</c:v>
                </c:pt>
                <c:pt idx="1812">
                  <c:v>53.991871377934963</c:v>
                </c:pt>
                <c:pt idx="1813">
                  <c:v>53.978893868465867</c:v>
                </c:pt>
                <c:pt idx="1814">
                  <c:v>53.966390423269608</c:v>
                </c:pt>
                <c:pt idx="1815">
                  <c:v>53.953416205913506</c:v>
                </c:pt>
                <c:pt idx="1816">
                  <c:v>53.940402483201339</c:v>
                </c:pt>
                <c:pt idx="1817">
                  <c:v>53.928481742007122</c:v>
                </c:pt>
                <c:pt idx="1818">
                  <c:v>53.915978296810856</c:v>
                </c:pt>
                <c:pt idx="1819">
                  <c:v>53.903511064857653</c:v>
                </c:pt>
                <c:pt idx="1820">
                  <c:v>53.890533555388558</c:v>
                </c:pt>
                <c:pt idx="1821">
                  <c:v>53.87857660095127</c:v>
                </c:pt>
                <c:pt idx="1822">
                  <c:v>53.866619646513982</c:v>
                </c:pt>
                <c:pt idx="1823">
                  <c:v>53.85415241456078</c:v>
                </c:pt>
                <c:pt idx="1824">
                  <c:v>53.841688474720591</c:v>
                </c:pt>
                <c:pt idx="1825">
                  <c:v>53.829731520283303</c:v>
                </c:pt>
                <c:pt idx="1826">
                  <c:v>53.817774565846015</c:v>
                </c:pt>
                <c:pt idx="1827">
                  <c:v>53.805817611408727</c:v>
                </c:pt>
                <c:pt idx="1828">
                  <c:v>53.794370934487347</c:v>
                </c:pt>
                <c:pt idx="1829">
                  <c:v>53.782413980050059</c:v>
                </c:pt>
                <c:pt idx="1830">
                  <c:v>53.770457025612764</c:v>
                </c:pt>
                <c:pt idx="1831">
                  <c:v>53.758539576531554</c:v>
                </c:pt>
                <c:pt idx="1832">
                  <c:v>53.747092899610173</c:v>
                </c:pt>
                <c:pt idx="1833">
                  <c:v>53.735646222688793</c:v>
                </c:pt>
                <c:pt idx="1834">
                  <c:v>53.724235759010483</c:v>
                </c:pt>
                <c:pt idx="1835">
                  <c:v>53.712278804573195</c:v>
                </c:pt>
                <c:pt idx="1836">
                  <c:v>53.700832127651815</c:v>
                </c:pt>
                <c:pt idx="1837">
                  <c:v>53.689388742843448</c:v>
                </c:pt>
                <c:pt idx="1838">
                  <c:v>53.677431788406146</c:v>
                </c:pt>
                <c:pt idx="1839">
                  <c:v>53.666531602243744</c:v>
                </c:pt>
                <c:pt idx="1840">
                  <c:v>53.655084925322377</c:v>
                </c:pt>
                <c:pt idx="1841">
                  <c:v>53.643674461644054</c:v>
                </c:pt>
                <c:pt idx="1842">
                  <c:v>53.632227784722673</c:v>
                </c:pt>
                <c:pt idx="1843">
                  <c:v>53.621330890673278</c:v>
                </c:pt>
                <c:pt idx="1844">
                  <c:v>53.609884213751897</c:v>
                </c:pt>
                <c:pt idx="1845">
                  <c:v>53.598437536830517</c:v>
                </c:pt>
                <c:pt idx="1846">
                  <c:v>53.587537350668107</c:v>
                </c:pt>
                <c:pt idx="1847">
                  <c:v>53.576637164505705</c:v>
                </c:pt>
                <c:pt idx="1848">
                  <c:v>53.565193779697324</c:v>
                </c:pt>
                <c:pt idx="1849">
                  <c:v>53.553747102775951</c:v>
                </c:pt>
                <c:pt idx="1850">
                  <c:v>53.543357194129456</c:v>
                </c:pt>
                <c:pt idx="1851">
                  <c:v>53.531910517208075</c:v>
                </c:pt>
                <c:pt idx="1852">
                  <c:v>53.521010331045666</c:v>
                </c:pt>
                <c:pt idx="1853">
                  <c:v>53.510113436996264</c:v>
                </c:pt>
                <c:pt idx="1854">
                  <c:v>53.49917703759079</c:v>
                </c:pt>
                <c:pt idx="1855">
                  <c:v>53.487766573912481</c:v>
                </c:pt>
                <c:pt idx="1856">
                  <c:v>53.476830174507008</c:v>
                </c:pt>
                <c:pt idx="1857">
                  <c:v>53.465933280457612</c:v>
                </c:pt>
                <c:pt idx="1858">
                  <c:v>53.45554337181111</c:v>
                </c:pt>
                <c:pt idx="1859">
                  <c:v>53.444606972405637</c:v>
                </c:pt>
                <c:pt idx="1860">
                  <c:v>53.433706786243228</c:v>
                </c:pt>
                <c:pt idx="1861">
                  <c:v>53.42331687759674</c:v>
                </c:pt>
                <c:pt idx="1862">
                  <c:v>53.412383770304281</c:v>
                </c:pt>
                <c:pt idx="1863">
                  <c:v>53.402504139173686</c:v>
                </c:pt>
                <c:pt idx="1864">
                  <c:v>53.392114230527184</c:v>
                </c:pt>
                <c:pt idx="1865">
                  <c:v>53.381214044364782</c:v>
                </c:pt>
                <c:pt idx="1866">
                  <c:v>53.370317150315387</c:v>
                </c:pt>
                <c:pt idx="1867">
                  <c:v>53.360437519184792</c:v>
                </c:pt>
                <c:pt idx="1868">
                  <c:v>53.35004761053829</c:v>
                </c:pt>
                <c:pt idx="1869">
                  <c:v>53.339621488648731</c:v>
                </c:pt>
                <c:pt idx="1870">
                  <c:v>53.329234872115244</c:v>
                </c:pt>
                <c:pt idx="1871">
                  <c:v>53.319355240984656</c:v>
                </c:pt>
                <c:pt idx="1872">
                  <c:v>53.308965332338154</c:v>
                </c:pt>
                <c:pt idx="1873">
                  <c:v>53.298575423691652</c:v>
                </c:pt>
                <c:pt idx="1874">
                  <c:v>53.288188807158164</c:v>
                </c:pt>
                <c:pt idx="1875">
                  <c:v>53.27830917602757</c:v>
                </c:pt>
                <c:pt idx="1876">
                  <c:v>53.267919267381082</c:v>
                </c:pt>
                <c:pt idx="1877">
                  <c:v>53.258553205879409</c:v>
                </c:pt>
                <c:pt idx="1878">
                  <c:v>53.248673574748814</c:v>
                </c:pt>
                <c:pt idx="1879">
                  <c:v>53.238283666102312</c:v>
                </c:pt>
                <c:pt idx="1880">
                  <c:v>53.227893757455817</c:v>
                </c:pt>
                <c:pt idx="1881">
                  <c:v>53.218017418438222</c:v>
                </c:pt>
                <c:pt idx="1882">
                  <c:v>53.208137787307642</c:v>
                </c:pt>
                <c:pt idx="1883">
                  <c:v>53.198258156177047</c:v>
                </c:pt>
                <c:pt idx="1884">
                  <c:v>53.18786824753056</c:v>
                </c:pt>
                <c:pt idx="1885">
                  <c:v>53.177991908512965</c:v>
                </c:pt>
                <c:pt idx="1886">
                  <c:v>53.168148490625441</c:v>
                </c:pt>
                <c:pt idx="1887">
                  <c:v>53.158779137010768</c:v>
                </c:pt>
                <c:pt idx="1888">
                  <c:v>53.149413075509088</c:v>
                </c:pt>
                <c:pt idx="1889">
                  <c:v>53.139533444378493</c:v>
                </c:pt>
                <c:pt idx="1890">
                  <c:v>53.130710581522791</c:v>
                </c:pt>
                <c:pt idx="1891">
                  <c:v>53.120834242505211</c:v>
                </c:pt>
                <c:pt idx="1892">
                  <c:v>53.111501102133595</c:v>
                </c:pt>
                <c:pt idx="1893">
                  <c:v>53.102642026034822</c:v>
                </c:pt>
                <c:pt idx="1894">
                  <c:v>53.093312177776212</c:v>
                </c:pt>
                <c:pt idx="1895">
                  <c:v>53.083942824161525</c:v>
                </c:pt>
                <c:pt idx="1896">
                  <c:v>53.074063193030945</c:v>
                </c:pt>
                <c:pt idx="1897">
                  <c:v>53.064697131529272</c:v>
                </c:pt>
                <c:pt idx="1898">
                  <c:v>53.055363991157648</c:v>
                </c:pt>
                <c:pt idx="1899">
                  <c:v>53.045994637542975</c:v>
                </c:pt>
                <c:pt idx="1900">
                  <c:v>53.037175066800273</c:v>
                </c:pt>
                <c:pt idx="1901">
                  <c:v>53.027805713185586</c:v>
                </c:pt>
                <c:pt idx="1902">
                  <c:v>53.018982850329884</c:v>
                </c:pt>
                <c:pt idx="1903">
                  <c:v>53.009106511312304</c:v>
                </c:pt>
                <c:pt idx="1904">
                  <c:v>53.000283648456588</c:v>
                </c:pt>
                <c:pt idx="1905">
                  <c:v>52.990914294841915</c:v>
                </c:pt>
                <c:pt idx="1906">
                  <c:v>52.982094724099213</c:v>
                </c:pt>
                <c:pt idx="1907">
                  <c:v>52.973235648000433</c:v>
                </c:pt>
                <c:pt idx="1908">
                  <c:v>52.963902507628823</c:v>
                </c:pt>
                <c:pt idx="1909">
                  <c:v>52.954536446127143</c:v>
                </c:pt>
                <c:pt idx="1910">
                  <c:v>52.946223860787335</c:v>
                </c:pt>
                <c:pt idx="1911">
                  <c:v>52.936854507172661</c:v>
                </c:pt>
                <c:pt idx="1912">
                  <c:v>52.928034936429952</c:v>
                </c:pt>
                <c:pt idx="1913">
                  <c:v>52.918665582815272</c:v>
                </c:pt>
                <c:pt idx="1914">
                  <c:v>52.910356289588485</c:v>
                </c:pt>
                <c:pt idx="1915">
                  <c:v>52.900986935973798</c:v>
                </c:pt>
                <c:pt idx="1916">
                  <c:v>52.892674350634003</c:v>
                </c:pt>
                <c:pt idx="1917">
                  <c:v>52.883854779891301</c:v>
                </c:pt>
                <c:pt idx="1918">
                  <c:v>52.875031917035585</c:v>
                </c:pt>
                <c:pt idx="1919">
                  <c:v>52.866719331695791</c:v>
                </c:pt>
                <c:pt idx="1920">
                  <c:v>52.858373825225939</c:v>
                </c:pt>
                <c:pt idx="1921">
                  <c:v>52.850061239886131</c:v>
                </c:pt>
                <c:pt idx="1922">
                  <c:v>52.841751946659336</c:v>
                </c:pt>
                <c:pt idx="1923">
                  <c:v>52.832929083803634</c:v>
                </c:pt>
                <c:pt idx="1924">
                  <c:v>52.825126775979747</c:v>
                </c:pt>
                <c:pt idx="1925">
                  <c:v>52.816307205237045</c:v>
                </c:pt>
                <c:pt idx="1926">
                  <c:v>52.80795840665418</c:v>
                </c:pt>
                <c:pt idx="1927">
                  <c:v>52.799649113427385</c:v>
                </c:pt>
                <c:pt idx="1928">
                  <c:v>52.791336528087584</c:v>
                </c:pt>
                <c:pt idx="1929">
                  <c:v>52.784080711022668</c:v>
                </c:pt>
                <c:pt idx="1930">
                  <c:v>52.775771417795873</c:v>
                </c:pt>
                <c:pt idx="1931">
                  <c:v>52.7669123416971</c:v>
                </c:pt>
                <c:pt idx="1932">
                  <c:v>52.759659816745184</c:v>
                </c:pt>
                <c:pt idx="1933">
                  <c:v>52.751311018162326</c:v>
                </c:pt>
                <c:pt idx="1934">
                  <c:v>52.742488155306624</c:v>
                </c:pt>
                <c:pt idx="1935">
                  <c:v>52.73468913959573</c:v>
                </c:pt>
                <c:pt idx="1936">
                  <c:v>52.726376554255936</c:v>
                </c:pt>
                <c:pt idx="1937">
                  <c:v>52.718067261029141</c:v>
                </c:pt>
                <c:pt idx="1938">
                  <c:v>52.709754675689346</c:v>
                </c:pt>
                <c:pt idx="1939">
                  <c:v>52.701442090349538</c:v>
                </c:pt>
                <c:pt idx="1940">
                  <c:v>52.693132797122757</c:v>
                </c:pt>
                <c:pt idx="1941">
                  <c:v>52.685330489298856</c:v>
                </c:pt>
                <c:pt idx="1942">
                  <c:v>52.677021196072069</c:v>
                </c:pt>
                <c:pt idx="1943">
                  <c:v>52.669729165764082</c:v>
                </c:pt>
                <c:pt idx="1944">
                  <c:v>52.661930150053195</c:v>
                </c:pt>
                <c:pt idx="1945">
                  <c:v>52.654127842229308</c:v>
                </c:pt>
                <c:pt idx="1946">
                  <c:v>52.646875317277392</c:v>
                </c:pt>
                <c:pt idx="1947">
                  <c:v>52.63856273193759</c:v>
                </c:pt>
                <c:pt idx="1948">
                  <c:v>52.630760424113703</c:v>
                </c:pt>
                <c:pt idx="1949">
                  <c:v>52.623471685918723</c:v>
                </c:pt>
                <c:pt idx="1950">
                  <c:v>52.615159100578921</c:v>
                </c:pt>
                <c:pt idx="1951">
                  <c:v>52.606849807352134</c:v>
                </c:pt>
                <c:pt idx="1952">
                  <c:v>52.59904749952824</c:v>
                </c:pt>
                <c:pt idx="1953">
                  <c:v>52.591794974576331</c:v>
                </c:pt>
                <c:pt idx="1954">
                  <c:v>52.584502944268344</c:v>
                </c:pt>
                <c:pt idx="1955">
                  <c:v>52.576700636444457</c:v>
                </c:pt>
                <c:pt idx="1956">
                  <c:v>52.56890162073357</c:v>
                </c:pt>
                <c:pt idx="1957">
                  <c:v>52.561645803668654</c:v>
                </c:pt>
                <c:pt idx="1958">
                  <c:v>52.554357065473674</c:v>
                </c:pt>
                <c:pt idx="1959">
                  <c:v>52.545534202617965</c:v>
                </c:pt>
                <c:pt idx="1960">
                  <c:v>52.537735186907085</c:v>
                </c:pt>
                <c:pt idx="1961">
                  <c:v>52.529932879083191</c:v>
                </c:pt>
                <c:pt idx="1962">
                  <c:v>52.522133863372304</c:v>
                </c:pt>
                <c:pt idx="1963">
                  <c:v>52.514878046307395</c:v>
                </c:pt>
                <c:pt idx="1964">
                  <c:v>52.506529247724522</c:v>
                </c:pt>
                <c:pt idx="1965">
                  <c:v>52.498766445256706</c:v>
                </c:pt>
                <c:pt idx="1966">
                  <c:v>52.491474414948726</c:v>
                </c:pt>
                <c:pt idx="1967">
                  <c:v>52.483675399237839</c:v>
                </c:pt>
                <c:pt idx="1968">
                  <c:v>52.476419582172923</c:v>
                </c:pt>
                <c:pt idx="1969">
                  <c:v>52.469130843977943</c:v>
                </c:pt>
                <c:pt idx="1970">
                  <c:v>52.461838813669964</c:v>
                </c:pt>
                <c:pt idx="1971">
                  <c:v>52.454039797959076</c:v>
                </c:pt>
                <c:pt idx="1972">
                  <c:v>52.446273703378253</c:v>
                </c:pt>
                <c:pt idx="1973">
                  <c:v>52.439495242699188</c:v>
                </c:pt>
                <c:pt idx="1974">
                  <c:v>52.431182657359386</c:v>
                </c:pt>
                <c:pt idx="1975">
                  <c:v>52.423930132407477</c:v>
                </c:pt>
                <c:pt idx="1976">
                  <c:v>52.41663810209949</c:v>
                </c:pt>
                <c:pt idx="1977">
                  <c:v>52.408835794275596</c:v>
                </c:pt>
                <c:pt idx="1978">
                  <c:v>52.401583269323687</c:v>
                </c:pt>
                <c:pt idx="1979">
                  <c:v>52.394291239015708</c:v>
                </c:pt>
                <c:pt idx="1980">
                  <c:v>52.387002500820728</c:v>
                </c:pt>
                <c:pt idx="1981">
                  <c:v>52.379200192996834</c:v>
                </c:pt>
                <c:pt idx="1982">
                  <c:v>52.371947668044918</c:v>
                </c:pt>
                <c:pt idx="1983">
                  <c:v>52.364145360221038</c:v>
                </c:pt>
                <c:pt idx="1984">
                  <c:v>52.356346344510143</c:v>
                </c:pt>
                <c:pt idx="1985">
                  <c:v>52.349090527445227</c:v>
                </c:pt>
                <c:pt idx="1986">
                  <c:v>52.34129151173434</c:v>
                </c:pt>
                <c:pt idx="1987">
                  <c:v>52.33399948142636</c:v>
                </c:pt>
                <c:pt idx="1988">
                  <c:v>52.326197173602473</c:v>
                </c:pt>
                <c:pt idx="1989">
                  <c:v>52.318398157891579</c:v>
                </c:pt>
                <c:pt idx="1990">
                  <c:v>52.311142340826663</c:v>
                </c:pt>
                <c:pt idx="1991">
                  <c:v>52.30385360263169</c:v>
                </c:pt>
                <c:pt idx="1992">
                  <c:v>52.296597785566767</c:v>
                </c:pt>
                <c:pt idx="1993">
                  <c:v>52.289309047371795</c:v>
                </c:pt>
                <c:pt idx="1994">
                  <c:v>52.282563507822786</c:v>
                </c:pt>
                <c:pt idx="1995">
                  <c:v>52.275274769627806</c:v>
                </c:pt>
                <c:pt idx="1996">
                  <c:v>52.267982739319827</c:v>
                </c:pt>
                <c:pt idx="1997">
                  <c:v>52.260730214367918</c:v>
                </c:pt>
                <c:pt idx="1998">
                  <c:v>52.252927906544024</c:v>
                </c:pt>
                <c:pt idx="1999">
                  <c:v>52.245639168349051</c:v>
                </c:pt>
                <c:pt idx="2000">
                  <c:v>52.238383351284128</c:v>
                </c:pt>
                <c:pt idx="2001">
                  <c:v>52.231094613089155</c:v>
                </c:pt>
                <c:pt idx="2002">
                  <c:v>52.223838796024239</c:v>
                </c:pt>
                <c:pt idx="2003">
                  <c:v>52.216550057829259</c:v>
                </c:pt>
                <c:pt idx="2004">
                  <c:v>52.20925802752128</c:v>
                </c:pt>
                <c:pt idx="2005">
                  <c:v>52.202515780085278</c:v>
                </c:pt>
                <c:pt idx="2006">
                  <c:v>52.195770240536262</c:v>
                </c:pt>
                <c:pt idx="2007">
                  <c:v>52.188991779857197</c:v>
                </c:pt>
                <c:pt idx="2008">
                  <c:v>52.181735962792274</c:v>
                </c:pt>
                <c:pt idx="2009">
                  <c:v>52.174447224597301</c:v>
                </c:pt>
                <c:pt idx="2010">
                  <c:v>52.167701685048293</c:v>
                </c:pt>
                <c:pt idx="2011">
                  <c:v>52.161469715128199</c:v>
                </c:pt>
                <c:pt idx="2012">
                  <c:v>52.154687962336119</c:v>
                </c:pt>
                <c:pt idx="2013">
                  <c:v>52.14743543738421</c:v>
                </c:pt>
                <c:pt idx="2014">
                  <c:v>52.139633129560316</c:v>
                </c:pt>
                <c:pt idx="2015">
                  <c:v>52.132341099252336</c:v>
                </c:pt>
                <c:pt idx="2016">
                  <c:v>52.125598851816335</c:v>
                </c:pt>
                <c:pt idx="2017">
                  <c:v>52.118856604380333</c:v>
                </c:pt>
                <c:pt idx="2018">
                  <c:v>52.111564574072347</c:v>
                </c:pt>
                <c:pt idx="2019">
                  <c:v>52.104312049120431</c:v>
                </c:pt>
                <c:pt idx="2020">
                  <c:v>52.097530296328365</c:v>
                </c:pt>
                <c:pt idx="2021">
                  <c:v>52.089727988504471</c:v>
                </c:pt>
                <c:pt idx="2022">
                  <c:v>52.081928972793591</c:v>
                </c:pt>
                <c:pt idx="2023">
                  <c:v>52.075183433244575</c:v>
                </c:pt>
                <c:pt idx="2024">
                  <c:v>52.068441185808567</c:v>
                </c:pt>
                <c:pt idx="2025">
                  <c:v>52.061659433016501</c:v>
                </c:pt>
                <c:pt idx="2026">
                  <c:v>52.054406908064578</c:v>
                </c:pt>
                <c:pt idx="2027">
                  <c:v>52.048171646031484</c:v>
                </c:pt>
                <c:pt idx="2028">
                  <c:v>52.041393185352412</c:v>
                </c:pt>
                <c:pt idx="2029">
                  <c:v>52.035157923319318</c:v>
                </c:pt>
                <c:pt idx="2030">
                  <c:v>52.028415675883309</c:v>
                </c:pt>
                <c:pt idx="2031">
                  <c:v>52.021673428447308</c:v>
                </c:pt>
                <c:pt idx="2032">
                  <c:v>52.014381398139321</c:v>
                </c:pt>
                <c:pt idx="2033">
                  <c:v>52.007639150703319</c:v>
                </c:pt>
                <c:pt idx="2034">
                  <c:v>52.00034712039534</c:v>
                </c:pt>
                <c:pt idx="2035">
                  <c:v>51.993094595443431</c:v>
                </c:pt>
                <c:pt idx="2036">
                  <c:v>51.986312842651351</c:v>
                </c:pt>
                <c:pt idx="2037">
                  <c:v>51.97957059521535</c:v>
                </c:pt>
                <c:pt idx="2038">
                  <c:v>51.97278884242327</c:v>
                </c:pt>
                <c:pt idx="2039">
                  <c:v>51.965536317471361</c:v>
                </c:pt>
                <c:pt idx="2040">
                  <c:v>51.958244287163382</c:v>
                </c:pt>
                <c:pt idx="2041">
                  <c:v>51.951498747614373</c:v>
                </c:pt>
                <c:pt idx="2042">
                  <c:v>51.945266777694279</c:v>
                </c:pt>
                <c:pt idx="2043">
                  <c:v>51.939034807774185</c:v>
                </c:pt>
                <c:pt idx="2044">
                  <c:v>51.932253054982105</c:v>
                </c:pt>
                <c:pt idx="2045">
                  <c:v>51.925000530030196</c:v>
                </c:pt>
                <c:pt idx="2046">
                  <c:v>51.918254990481188</c:v>
                </c:pt>
                <c:pt idx="2047">
                  <c:v>51.911476529802123</c:v>
                </c:pt>
                <c:pt idx="2048">
                  <c:v>51.904730990253107</c:v>
                </c:pt>
                <c:pt idx="2049">
                  <c:v>51.897952529574042</c:v>
                </c:pt>
                <c:pt idx="2050">
                  <c:v>51.891206990025033</c:v>
                </c:pt>
                <c:pt idx="2051">
                  <c:v>51.884464742589032</c:v>
                </c:pt>
                <c:pt idx="2052">
                  <c:v>51.877682989796952</c:v>
                </c:pt>
                <c:pt idx="2053">
                  <c:v>51.870940742360951</c:v>
                </c:pt>
                <c:pt idx="2054">
                  <c:v>51.864195202811942</c:v>
                </c:pt>
                <c:pt idx="2055">
                  <c:v>51.857963232891848</c:v>
                </c:pt>
                <c:pt idx="2056">
                  <c:v>51.851181480099768</c:v>
                </c:pt>
                <c:pt idx="2057">
                  <c:v>51.844949510179681</c:v>
                </c:pt>
                <c:pt idx="2058">
                  <c:v>51.838714248146573</c:v>
                </c:pt>
                <c:pt idx="2059">
                  <c:v>51.832482278226479</c:v>
                </c:pt>
                <c:pt idx="2060">
                  <c:v>51.82573673867747</c:v>
                </c:pt>
                <c:pt idx="2061">
                  <c:v>51.818958277998405</c:v>
                </c:pt>
                <c:pt idx="2062">
                  <c:v>51.812212738449389</c:v>
                </c:pt>
                <c:pt idx="2063">
                  <c:v>51.805470491013388</c:v>
                </c:pt>
                <c:pt idx="2064">
                  <c:v>51.799238521093294</c:v>
                </c:pt>
                <c:pt idx="2065">
                  <c:v>51.792456768301221</c:v>
                </c:pt>
                <c:pt idx="2066">
                  <c:v>51.786224798381127</c:v>
                </c:pt>
                <c:pt idx="2067">
                  <c:v>51.779479258832119</c:v>
                </c:pt>
                <c:pt idx="2068">
                  <c:v>51.77273701139611</c:v>
                </c:pt>
                <c:pt idx="2069">
                  <c:v>51.76544498108813</c:v>
                </c:pt>
                <c:pt idx="2070">
                  <c:v>51.758702733652122</c:v>
                </c:pt>
                <c:pt idx="2071">
                  <c:v>51.751920980860049</c:v>
                </c:pt>
                <c:pt idx="2072">
                  <c:v>51.745178733424048</c:v>
                </c:pt>
                <c:pt idx="2073">
                  <c:v>51.738943471390947</c:v>
                </c:pt>
                <c:pt idx="2074">
                  <c:v>51.732165010711874</c:v>
                </c:pt>
                <c:pt idx="2075">
                  <c:v>51.724909193646958</c:v>
                </c:pt>
                <c:pt idx="2076">
                  <c:v>51.719187501242772</c:v>
                </c:pt>
                <c:pt idx="2077">
                  <c:v>51.71295223920967</c:v>
                </c:pt>
                <c:pt idx="2078">
                  <c:v>51.706720269289576</c:v>
                </c:pt>
                <c:pt idx="2079">
                  <c:v>51.700485007256475</c:v>
                </c:pt>
                <c:pt idx="2080">
                  <c:v>51.694253037336381</c:v>
                </c:pt>
                <c:pt idx="2081">
                  <c:v>51.686961007028394</c:v>
                </c:pt>
                <c:pt idx="2082">
                  <c:v>51.680218759592393</c:v>
                </c:pt>
                <c:pt idx="2083">
                  <c:v>51.67343700680032</c:v>
                </c:pt>
                <c:pt idx="2084">
                  <c:v>51.667205036880226</c:v>
                </c:pt>
                <c:pt idx="2085">
                  <c:v>51.660462789444225</c:v>
                </c:pt>
                <c:pt idx="2086">
                  <c:v>51.653717249895216</c:v>
                </c:pt>
                <c:pt idx="2087">
                  <c:v>51.647485279975115</c:v>
                </c:pt>
                <c:pt idx="2088">
                  <c:v>51.641250017942014</c:v>
                </c:pt>
                <c:pt idx="2089">
                  <c:v>51.634981834778856</c:v>
                </c:pt>
                <c:pt idx="2090">
                  <c:v>51.628236295229847</c:v>
                </c:pt>
                <c:pt idx="2091">
                  <c:v>51.621494047793846</c:v>
                </c:pt>
                <c:pt idx="2092">
                  <c:v>51.614712295001773</c:v>
                </c:pt>
                <c:pt idx="2093">
                  <c:v>51.608480325081672</c:v>
                </c:pt>
                <c:pt idx="2094">
                  <c:v>51.601734785532663</c:v>
                </c:pt>
                <c:pt idx="2095">
                  <c:v>51.595502815612576</c:v>
                </c:pt>
                <c:pt idx="2096">
                  <c:v>51.588757276063561</c:v>
                </c:pt>
                <c:pt idx="2097">
                  <c:v>51.582489092900403</c:v>
                </c:pt>
                <c:pt idx="2098">
                  <c:v>51.575743553351394</c:v>
                </c:pt>
                <c:pt idx="2099">
                  <c:v>51.569511583431293</c:v>
                </c:pt>
                <c:pt idx="2100">
                  <c:v>51.563279613511206</c:v>
                </c:pt>
                <c:pt idx="2101">
                  <c:v>51.557044351478105</c:v>
                </c:pt>
                <c:pt idx="2102">
                  <c:v>51.550302104042103</c:v>
                </c:pt>
                <c:pt idx="2103">
                  <c:v>51.544030628765931</c:v>
                </c:pt>
                <c:pt idx="2104">
                  <c:v>51.538345149604815</c:v>
                </c:pt>
                <c:pt idx="2105">
                  <c:v>51.532109887571714</c:v>
                </c:pt>
                <c:pt idx="2106">
                  <c:v>51.525331426892642</c:v>
                </c:pt>
                <c:pt idx="2107">
                  <c:v>51.518585887343633</c:v>
                </c:pt>
                <c:pt idx="2108">
                  <c:v>51.511843639907632</c:v>
                </c:pt>
                <c:pt idx="2109">
                  <c:v>51.506118655390438</c:v>
                </c:pt>
                <c:pt idx="2110">
                  <c:v>51.499340194711365</c:v>
                </c:pt>
                <c:pt idx="2111">
                  <c:v>51.493654715550242</c:v>
                </c:pt>
                <c:pt idx="2112">
                  <c:v>51.487383240274085</c:v>
                </c:pt>
                <c:pt idx="2113">
                  <c:v>51.481697761112954</c:v>
                </c:pt>
                <c:pt idx="2114">
                  <c:v>51.47546249907986</c:v>
                </c:pt>
                <c:pt idx="2115">
                  <c:v>51.469740806675667</c:v>
                </c:pt>
                <c:pt idx="2116">
                  <c:v>51.463505544642572</c:v>
                </c:pt>
                <c:pt idx="2117">
                  <c:v>51.457273574722471</c:v>
                </c:pt>
                <c:pt idx="2118">
                  <c:v>51.450491821930406</c:v>
                </c:pt>
                <c:pt idx="2119">
                  <c:v>51.444259852010298</c:v>
                </c:pt>
                <c:pt idx="2120">
                  <c:v>51.438027882090211</c:v>
                </c:pt>
                <c:pt idx="2121">
                  <c:v>51.431792620057109</c:v>
                </c:pt>
                <c:pt idx="2122">
                  <c:v>51.425560650137008</c:v>
                </c:pt>
                <c:pt idx="2123">
                  <c:v>51.419325388103907</c:v>
                </c:pt>
                <c:pt idx="2124">
                  <c:v>51.41309341818382</c:v>
                </c:pt>
                <c:pt idx="2125">
                  <c:v>51.406858156150719</c:v>
                </c:pt>
                <c:pt idx="2126">
                  <c:v>51.400626186230618</c:v>
                </c:pt>
                <c:pt idx="2127">
                  <c:v>51.393844433438545</c:v>
                </c:pt>
                <c:pt idx="2128">
                  <c:v>51.387612463518451</c:v>
                </c:pt>
                <c:pt idx="2129">
                  <c:v>51.38137720148535</c:v>
                </c:pt>
                <c:pt idx="2130">
                  <c:v>51.374634954049348</c:v>
                </c:pt>
                <c:pt idx="2131">
                  <c:v>51.367853201257269</c:v>
                </c:pt>
                <c:pt idx="2132">
                  <c:v>51.361621231337175</c:v>
                </c:pt>
                <c:pt idx="2133">
                  <c:v>51.355389261417081</c:v>
                </c:pt>
                <c:pt idx="2134">
                  <c:v>51.349153999383979</c:v>
                </c:pt>
                <c:pt idx="2135">
                  <c:v>51.342411751947978</c:v>
                </c:pt>
                <c:pt idx="2136">
                  <c:v>51.336686767430784</c:v>
                </c:pt>
                <c:pt idx="2137">
                  <c:v>51.330965075026597</c:v>
                </c:pt>
                <c:pt idx="2138">
                  <c:v>51.325240090509404</c:v>
                </c:pt>
                <c:pt idx="2139">
                  <c:v>51.319518398105217</c:v>
                </c:pt>
                <c:pt idx="2140">
                  <c:v>51.314343196460008</c:v>
                </c:pt>
                <c:pt idx="2141">
                  <c:v>51.308107934426907</c:v>
                </c:pt>
                <c:pt idx="2142">
                  <c:v>51.301875964506806</c:v>
                </c:pt>
                <c:pt idx="2143">
                  <c:v>51.295094211714733</c:v>
                </c:pt>
                <c:pt idx="2144">
                  <c:v>51.288862241794639</c:v>
                </c:pt>
                <c:pt idx="2145">
                  <c:v>51.282626979761538</c:v>
                </c:pt>
                <c:pt idx="2146">
                  <c:v>51.275884732325537</c:v>
                </c:pt>
                <c:pt idx="2147">
                  <c:v>51.269649470292435</c:v>
                </c:pt>
                <c:pt idx="2148">
                  <c:v>51.263417500372341</c:v>
                </c:pt>
                <c:pt idx="2149">
                  <c:v>51.257185530452247</c:v>
                </c:pt>
                <c:pt idx="2150">
                  <c:v>51.251460545935053</c:v>
                </c:pt>
                <c:pt idx="2151">
                  <c:v>51.245228576014959</c:v>
                </c:pt>
                <c:pt idx="2152">
                  <c:v>51.239503591497765</c:v>
                </c:pt>
                <c:pt idx="2153">
                  <c:v>51.233781899093579</c:v>
                </c:pt>
                <c:pt idx="2154">
                  <c:v>51.227546637060478</c:v>
                </c:pt>
                <c:pt idx="2155">
                  <c:v>51.221314667140383</c:v>
                </c:pt>
                <c:pt idx="2156">
                  <c:v>51.215079405107282</c:v>
                </c:pt>
                <c:pt idx="2157">
                  <c:v>51.208847435187188</c:v>
                </c:pt>
                <c:pt idx="2158">
                  <c:v>51.202615465267087</c:v>
                </c:pt>
                <c:pt idx="2159">
                  <c:v>51.1968904807499</c:v>
                </c:pt>
                <c:pt idx="2160">
                  <c:v>51.190658510829799</c:v>
                </c:pt>
                <c:pt idx="2161">
                  <c:v>51.184933526312612</c:v>
                </c:pt>
                <c:pt idx="2162">
                  <c:v>51.178701556392511</c:v>
                </c:pt>
                <c:pt idx="2163">
                  <c:v>51.172976571875324</c:v>
                </c:pt>
                <c:pt idx="2164">
                  <c:v>51.166744601955223</c:v>
                </c:pt>
                <c:pt idx="2165">
                  <c:v>51.160512632035129</c:v>
                </c:pt>
                <c:pt idx="2166">
                  <c:v>51.154787647517942</c:v>
                </c:pt>
                <c:pt idx="2167">
                  <c:v>51.148555677597841</c:v>
                </c:pt>
                <c:pt idx="2168">
                  <c:v>51.14232041556474</c:v>
                </c:pt>
                <c:pt idx="2169">
                  <c:v>51.136598723160553</c:v>
                </c:pt>
                <c:pt idx="2170">
                  <c:v>51.130873738643366</c:v>
                </c:pt>
                <c:pt idx="2171">
                  <c:v>51.125152046239172</c:v>
                </c:pt>
                <c:pt idx="2172">
                  <c:v>51.118409798803171</c:v>
                </c:pt>
                <c:pt idx="2173">
                  <c:v>51.11217453677007</c:v>
                </c:pt>
                <c:pt idx="2174">
                  <c:v>51.105942566849976</c:v>
                </c:pt>
                <c:pt idx="2175">
                  <c:v>51.099707304816874</c:v>
                </c:pt>
                <c:pt idx="2176">
                  <c:v>51.093985612412688</c:v>
                </c:pt>
                <c:pt idx="2177">
                  <c:v>51.087750350379586</c:v>
                </c:pt>
                <c:pt idx="2178">
                  <c:v>51.0820286579754</c:v>
                </c:pt>
                <c:pt idx="2179">
                  <c:v>51.076303673458213</c:v>
                </c:pt>
                <c:pt idx="2180">
                  <c:v>51.070071703538112</c:v>
                </c:pt>
                <c:pt idx="2181">
                  <c:v>51.063839733618018</c:v>
                </c:pt>
                <c:pt idx="2182">
                  <c:v>51.058114749100824</c:v>
                </c:pt>
                <c:pt idx="2183">
                  <c:v>51.052393056696644</c:v>
                </c:pt>
                <c:pt idx="2184">
                  <c:v>51.047214562938422</c:v>
                </c:pt>
                <c:pt idx="2185">
                  <c:v>51.042003148050142</c:v>
                </c:pt>
                <c:pt idx="2186">
                  <c:v>51.036281455645955</c:v>
                </c:pt>
                <c:pt idx="2187">
                  <c:v>51.030046193612854</c:v>
                </c:pt>
                <c:pt idx="2188">
                  <c:v>51.023303946176853</c:v>
                </c:pt>
                <c:pt idx="2189">
                  <c:v>51.017068684143752</c:v>
                </c:pt>
                <c:pt idx="2190">
                  <c:v>51.010836714223657</c:v>
                </c:pt>
                <c:pt idx="2191">
                  <c:v>51.003544683915671</c:v>
                </c:pt>
                <c:pt idx="2192">
                  <c:v>50.997312713995584</c:v>
                </c:pt>
                <c:pt idx="2193">
                  <c:v>50.991077451962475</c:v>
                </c:pt>
                <c:pt idx="2194">
                  <c:v>50.985355759558288</c:v>
                </c:pt>
                <c:pt idx="2195">
                  <c:v>50.980690835428987</c:v>
                </c:pt>
                <c:pt idx="2196">
                  <c:v>50.976022619186672</c:v>
                </c:pt>
                <c:pt idx="2197">
                  <c:v>50.9708112042984</c:v>
                </c:pt>
                <c:pt idx="2198">
                  <c:v>50.965086219781199</c:v>
                </c:pt>
                <c:pt idx="2199">
                  <c:v>50.959364527377019</c:v>
                </c:pt>
                <c:pt idx="2200">
                  <c:v>50.953132557456925</c:v>
                </c:pt>
                <c:pt idx="2201">
                  <c:v>50.947407572939731</c:v>
                </c:pt>
                <c:pt idx="2202">
                  <c:v>50.94117560301963</c:v>
                </c:pt>
                <c:pt idx="2203">
                  <c:v>50.934430063470622</c:v>
                </c:pt>
                <c:pt idx="2204">
                  <c:v>50.928708371066442</c:v>
                </c:pt>
                <c:pt idx="2205">
                  <c:v>50.921962831517433</c:v>
                </c:pt>
                <c:pt idx="2206">
                  <c:v>50.916241139113239</c:v>
                </c:pt>
                <c:pt idx="2207">
                  <c:v>50.91051944670906</c:v>
                </c:pt>
                <c:pt idx="2208">
                  <c:v>50.904794462191859</c:v>
                </c:pt>
                <c:pt idx="2209">
                  <c:v>50.898562492271772</c:v>
                </c:pt>
                <c:pt idx="2210">
                  <c:v>50.892327230238671</c:v>
                </c:pt>
                <c:pt idx="2211">
                  <c:v>50.886605537834484</c:v>
                </c:pt>
                <c:pt idx="2212">
                  <c:v>50.880370275801383</c:v>
                </c:pt>
                <c:pt idx="2213">
                  <c:v>50.874648583397189</c:v>
                </c:pt>
                <c:pt idx="2214">
                  <c:v>50.868963104236066</c:v>
                </c:pt>
                <c:pt idx="2215">
                  <c:v>50.863238119718879</c:v>
                </c:pt>
                <c:pt idx="2216">
                  <c:v>50.857006149798778</c:v>
                </c:pt>
                <c:pt idx="2217">
                  <c:v>50.850224397006713</c:v>
                </c:pt>
                <c:pt idx="2218">
                  <c:v>50.843992427086611</c:v>
                </c:pt>
                <c:pt idx="2219">
                  <c:v>50.837757165053503</c:v>
                </c:pt>
                <c:pt idx="2220">
                  <c:v>50.832035472649324</c:v>
                </c:pt>
                <c:pt idx="2221">
                  <c:v>50.826349993488201</c:v>
                </c:pt>
                <c:pt idx="2222">
                  <c:v>50.820625008971007</c:v>
                </c:pt>
                <c:pt idx="2223">
                  <c:v>50.815413594082727</c:v>
                </c:pt>
                <c:pt idx="2224">
                  <c:v>50.809178332049626</c:v>
                </c:pt>
                <c:pt idx="2225">
                  <c:v>50.803966917161354</c:v>
                </c:pt>
                <c:pt idx="2226">
                  <c:v>50.798281438000231</c:v>
                </c:pt>
                <c:pt idx="2227">
                  <c:v>50.792046175967123</c:v>
                </c:pt>
                <c:pt idx="2228">
                  <c:v>50.786324483562943</c:v>
                </c:pt>
                <c:pt idx="2229">
                  <c:v>50.780599499045749</c:v>
                </c:pt>
                <c:pt idx="2230">
                  <c:v>50.774877806641562</c:v>
                </c:pt>
                <c:pt idx="2231">
                  <c:v>50.769152822124369</c:v>
                </c:pt>
                <c:pt idx="2232">
                  <c:v>50.763431129720182</c:v>
                </c:pt>
                <c:pt idx="2233">
                  <c:v>50.757745650559066</c:v>
                </c:pt>
                <c:pt idx="2234">
                  <c:v>50.752020666041865</c:v>
                </c:pt>
                <c:pt idx="2235">
                  <c:v>50.745788696121771</c:v>
                </c:pt>
                <c:pt idx="2236">
                  <c:v>50.740573989120492</c:v>
                </c:pt>
                <c:pt idx="2237">
                  <c:v>50.734852296716305</c:v>
                </c:pt>
                <c:pt idx="2238">
                  <c:v>50.729127312199111</c:v>
                </c:pt>
                <c:pt idx="2239">
                  <c:v>50.722895342279017</c:v>
                </c:pt>
                <c:pt idx="2240">
                  <c:v>50.716663372358923</c:v>
                </c:pt>
                <c:pt idx="2241">
                  <c:v>50.7114848786007</c:v>
                </c:pt>
                <c:pt idx="2242">
                  <c:v>50.705763186196513</c:v>
                </c:pt>
                <c:pt idx="2243">
                  <c:v>50.700548479195234</c:v>
                </c:pt>
                <c:pt idx="2244">
                  <c:v>50.695373277550011</c:v>
                </c:pt>
                <c:pt idx="2245">
                  <c:v>50.690161862661739</c:v>
                </c:pt>
                <c:pt idx="2246">
                  <c:v>50.684983368903524</c:v>
                </c:pt>
                <c:pt idx="2247">
                  <c:v>50.679261676499337</c:v>
                </c:pt>
                <c:pt idx="2248">
                  <c:v>50.674050261611058</c:v>
                </c:pt>
                <c:pt idx="2249">
                  <c:v>50.668325277093864</c:v>
                </c:pt>
                <c:pt idx="2250">
                  <c:v>50.663150075448648</c:v>
                </c:pt>
                <c:pt idx="2251">
                  <c:v>50.657935368447362</c:v>
                </c:pt>
                <c:pt idx="2252">
                  <c:v>50.652760166802153</c:v>
                </c:pt>
                <c:pt idx="2253">
                  <c:v>50.647548751913874</c:v>
                </c:pt>
                <c:pt idx="2254">
                  <c:v>50.64182376739668</c:v>
                </c:pt>
                <c:pt idx="2255">
                  <c:v>50.636102074992493</c:v>
                </c:pt>
                <c:pt idx="2256">
                  <c:v>50.630413303718363</c:v>
                </c:pt>
                <c:pt idx="2257">
                  <c:v>50.625712166345998</c:v>
                </c:pt>
                <c:pt idx="2258">
                  <c:v>50.619480196425904</c:v>
                </c:pt>
                <c:pt idx="2259">
                  <c:v>50.614301702667682</c:v>
                </c:pt>
                <c:pt idx="2260">
                  <c:v>50.608580010263495</c:v>
                </c:pt>
                <c:pt idx="2261">
                  <c:v>50.602855025746301</c:v>
                </c:pt>
                <c:pt idx="2262">
                  <c:v>50.597643610858022</c:v>
                </c:pt>
                <c:pt idx="2263">
                  <c:v>50.591958131696899</c:v>
                </c:pt>
                <c:pt idx="2264">
                  <c:v>50.586743424695619</c:v>
                </c:pt>
                <c:pt idx="2265">
                  <c:v>50.581568223050397</c:v>
                </c:pt>
                <c:pt idx="2266">
                  <c:v>50.576356808162117</c:v>
                </c:pt>
                <c:pt idx="2267">
                  <c:v>50.570631823644938</c:v>
                </c:pt>
                <c:pt idx="2268">
                  <c:v>50.564910131240744</c:v>
                </c:pt>
                <c:pt idx="2269">
                  <c:v>50.559731637482528</c:v>
                </c:pt>
                <c:pt idx="2270">
                  <c:v>50.554009945078334</c:v>
                </c:pt>
                <c:pt idx="2271">
                  <c:v>50.549345020949033</c:v>
                </c:pt>
                <c:pt idx="2272">
                  <c:v>50.543073545672875</c:v>
                </c:pt>
                <c:pt idx="2273">
                  <c:v>50.537388066511745</c:v>
                </c:pt>
                <c:pt idx="2274">
                  <c:v>50.531663081994544</c:v>
                </c:pt>
                <c:pt idx="2275">
                  <c:v>50.525941389590365</c:v>
                </c:pt>
                <c:pt idx="2276">
                  <c:v>50.520726682589085</c:v>
                </c:pt>
                <c:pt idx="2277">
                  <c:v>50.515041203427955</c:v>
                </c:pt>
                <c:pt idx="2278">
                  <c:v>50.509829788539676</c:v>
                </c:pt>
                <c:pt idx="2279">
                  <c:v>50.504104804022489</c:v>
                </c:pt>
                <c:pt idx="2280">
                  <c:v>50.498929602377274</c:v>
                </c:pt>
                <c:pt idx="2281">
                  <c:v>50.493207909973087</c:v>
                </c:pt>
                <c:pt idx="2282">
                  <c:v>50.487482925455893</c:v>
                </c:pt>
                <c:pt idx="2283">
                  <c:v>50.481761233051706</c:v>
                </c:pt>
                <c:pt idx="2284">
                  <c:v>50.47603624853452</c:v>
                </c:pt>
                <c:pt idx="2285">
                  <c:v>50.470350769373397</c:v>
                </c:pt>
                <c:pt idx="2286">
                  <c:v>50.464625784856196</c:v>
                </c:pt>
                <c:pt idx="2287">
                  <c:v>50.458393814936109</c:v>
                </c:pt>
                <c:pt idx="2288">
                  <c:v>50.452672122531922</c:v>
                </c:pt>
                <c:pt idx="2289">
                  <c:v>50.446947138014728</c:v>
                </c:pt>
                <c:pt idx="2290">
                  <c:v>50.441735723126449</c:v>
                </c:pt>
                <c:pt idx="2291">
                  <c:v>50.436046951852319</c:v>
                </c:pt>
                <c:pt idx="2292">
                  <c:v>50.429778768689161</c:v>
                </c:pt>
                <c:pt idx="2293">
                  <c:v>50.424603567043945</c:v>
                </c:pt>
                <c:pt idx="2294">
                  <c:v>50.418878582526759</c:v>
                </c:pt>
                <c:pt idx="2295">
                  <c:v>50.413156890122572</c:v>
                </c:pt>
                <c:pt idx="2296">
                  <c:v>50.407431905605378</c:v>
                </c:pt>
                <c:pt idx="2297">
                  <c:v>50.401746426444255</c:v>
                </c:pt>
                <c:pt idx="2298">
                  <c:v>50.396024734040068</c:v>
                </c:pt>
                <c:pt idx="2299">
                  <c:v>50.390299749522875</c:v>
                </c:pt>
                <c:pt idx="2300">
                  <c:v>50.384578057118688</c:v>
                </c:pt>
                <c:pt idx="2301">
                  <c:v>50.378853072601494</c:v>
                </c:pt>
                <c:pt idx="2302">
                  <c:v>50.3726211026814</c:v>
                </c:pt>
                <c:pt idx="2303">
                  <c:v>50.366896118164206</c:v>
                </c:pt>
                <c:pt idx="2304">
                  <c:v>50.36121063900309</c:v>
                </c:pt>
                <c:pt idx="2305">
                  <c:v>50.355488946598904</c:v>
                </c:pt>
                <c:pt idx="2306">
                  <c:v>50.349253684565795</c:v>
                </c:pt>
                <c:pt idx="2307">
                  <c:v>50.343531992161616</c:v>
                </c:pt>
                <c:pt idx="2308">
                  <c:v>50.338317285160329</c:v>
                </c:pt>
                <c:pt idx="2309">
                  <c:v>50.332595592756142</c:v>
                </c:pt>
                <c:pt idx="2310">
                  <c:v>50.326910113595012</c:v>
                </c:pt>
                <c:pt idx="2311">
                  <c:v>50.321185129077826</c:v>
                </c:pt>
                <c:pt idx="2312">
                  <c:v>50.315463436673646</c:v>
                </c:pt>
                <c:pt idx="2313">
                  <c:v>50.309738452156445</c:v>
                </c:pt>
                <c:pt idx="2314">
                  <c:v>50.304016759752265</c:v>
                </c:pt>
                <c:pt idx="2315">
                  <c:v>50.298291775235072</c:v>
                </c:pt>
                <c:pt idx="2316">
                  <c:v>50.293116573589856</c:v>
                </c:pt>
                <c:pt idx="2317">
                  <c:v>50.287394881185662</c:v>
                </c:pt>
                <c:pt idx="2318">
                  <c:v>50.28218017418439</c:v>
                </c:pt>
                <c:pt idx="2319">
                  <c:v>50.275948204264282</c:v>
                </c:pt>
                <c:pt idx="2320">
                  <c:v>50.270262725103159</c:v>
                </c:pt>
                <c:pt idx="2321">
                  <c:v>50.264537740585972</c:v>
                </c:pt>
                <c:pt idx="2322">
                  <c:v>50.258305770665878</c:v>
                </c:pt>
                <c:pt idx="2323">
                  <c:v>50.252580786148684</c:v>
                </c:pt>
                <c:pt idx="2324">
                  <c:v>50.246859093744497</c:v>
                </c:pt>
                <c:pt idx="2325">
                  <c:v>50.240623831711396</c:v>
                </c:pt>
                <c:pt idx="2326">
                  <c:v>50.234902139307209</c:v>
                </c:pt>
                <c:pt idx="2327">
                  <c:v>50.229177154790023</c:v>
                </c:pt>
                <c:pt idx="2328">
                  <c:v>50.222945184869921</c:v>
                </c:pt>
                <c:pt idx="2329">
                  <c:v>50.217223492465735</c:v>
                </c:pt>
                <c:pt idx="2330">
                  <c:v>50.211534721191612</c:v>
                </c:pt>
                <c:pt idx="2331">
                  <c:v>50.205266538028454</c:v>
                </c:pt>
                <c:pt idx="2332">
                  <c:v>50.199577766754317</c:v>
                </c:pt>
                <c:pt idx="2333">
                  <c:v>50.193345796834222</c:v>
                </c:pt>
                <c:pt idx="2334">
                  <c:v>50.18813438194595</c:v>
                </c:pt>
                <c:pt idx="2335">
                  <c:v>50.181899119912849</c:v>
                </c:pt>
                <c:pt idx="2336">
                  <c:v>50.175667149992755</c:v>
                </c:pt>
                <c:pt idx="2337">
                  <c:v>50.170452442991468</c:v>
                </c:pt>
                <c:pt idx="2338">
                  <c:v>50.165277241346253</c:v>
                </c:pt>
                <c:pt idx="2339">
                  <c:v>50.159041979313152</c:v>
                </c:pt>
                <c:pt idx="2340">
                  <c:v>50.152773796149994</c:v>
                </c:pt>
                <c:pt idx="2341">
                  <c:v>50.147088316988871</c:v>
                </c:pt>
                <c:pt idx="2342">
                  <c:v>50.141363332471677</c:v>
                </c:pt>
                <c:pt idx="2343">
                  <c:v>50.136151917583398</c:v>
                </c:pt>
                <c:pt idx="2344">
                  <c:v>50.129916655550304</c:v>
                </c:pt>
                <c:pt idx="2345">
                  <c:v>50.123684685630202</c:v>
                </c:pt>
                <c:pt idx="2346">
                  <c:v>50.117959701113008</c:v>
                </c:pt>
                <c:pt idx="2347">
                  <c:v>50.111727731192921</c:v>
                </c:pt>
                <c:pt idx="2348">
                  <c:v>50.10549576127282</c:v>
                </c:pt>
                <c:pt idx="2349">
                  <c:v>50.099260499239719</c:v>
                </c:pt>
                <c:pt idx="2350">
                  <c:v>50.093538806835532</c:v>
                </c:pt>
                <c:pt idx="2351">
                  <c:v>50.087813822318338</c:v>
                </c:pt>
                <c:pt idx="2352">
                  <c:v>50.082128343157223</c:v>
                </c:pt>
                <c:pt idx="2353">
                  <c:v>50.075856867881051</c:v>
                </c:pt>
                <c:pt idx="2354">
                  <c:v>50.070171388719935</c:v>
                </c:pt>
                <c:pt idx="2355">
                  <c:v>50.064449696315748</c:v>
                </c:pt>
                <c:pt idx="2356">
                  <c:v>50.058724711798554</c:v>
                </c:pt>
                <c:pt idx="2357">
                  <c:v>50.053003019394367</c:v>
                </c:pt>
                <c:pt idx="2358">
                  <c:v>50.047278034877174</c:v>
                </c:pt>
                <c:pt idx="2359">
                  <c:v>50.041046064957079</c:v>
                </c:pt>
                <c:pt idx="2360">
                  <c:v>50.034814095036985</c:v>
                </c:pt>
                <c:pt idx="2361">
                  <c:v>50.028578833003884</c:v>
                </c:pt>
                <c:pt idx="2362">
                  <c:v>50.02234686308379</c:v>
                </c:pt>
                <c:pt idx="2363">
                  <c:v>50.016621878566596</c:v>
                </c:pt>
                <c:pt idx="2364">
                  <c:v>50.010389908646502</c:v>
                </c:pt>
                <c:pt idx="2365">
                  <c:v>50.004664924129308</c:v>
                </c:pt>
                <c:pt idx="2366">
                  <c:v>49.998432954209214</c:v>
                </c:pt>
                <c:pt idx="2367">
                  <c:v>49.99270796969202</c:v>
                </c:pt>
                <c:pt idx="2368">
                  <c:v>49.986475999771933</c:v>
                </c:pt>
                <c:pt idx="2369">
                  <c:v>49.980754307367732</c:v>
                </c:pt>
                <c:pt idx="2370">
                  <c:v>49.975065536093602</c:v>
                </c:pt>
                <c:pt idx="2371">
                  <c:v>49.969343843689423</c:v>
                </c:pt>
                <c:pt idx="2372">
                  <c:v>49.963618859172229</c:v>
                </c:pt>
                <c:pt idx="2373">
                  <c:v>49.957897166768042</c:v>
                </c:pt>
                <c:pt idx="2374">
                  <c:v>49.952721965122826</c:v>
                </c:pt>
                <c:pt idx="2375">
                  <c:v>49.946450489846669</c:v>
                </c:pt>
                <c:pt idx="2376">
                  <c:v>49.940218519926567</c:v>
                </c:pt>
                <c:pt idx="2377">
                  <c:v>49.933983257893466</c:v>
                </c:pt>
                <c:pt idx="2378">
                  <c:v>49.928261565489279</c:v>
                </c:pt>
                <c:pt idx="2379">
                  <c:v>49.922572794215149</c:v>
                </c:pt>
                <c:pt idx="2380">
                  <c:v>49.916851101810963</c:v>
                </c:pt>
                <c:pt idx="2381">
                  <c:v>49.910619131890876</c:v>
                </c:pt>
                <c:pt idx="2382">
                  <c:v>49.904894147373675</c:v>
                </c:pt>
                <c:pt idx="2383">
                  <c:v>49.899172454969495</c:v>
                </c:pt>
                <c:pt idx="2384">
                  <c:v>49.893447470452294</c:v>
                </c:pt>
                <c:pt idx="2385">
                  <c:v>49.887215500532207</c:v>
                </c:pt>
                <c:pt idx="2386">
                  <c:v>49.881490516015013</c:v>
                </c:pt>
                <c:pt idx="2387">
                  <c:v>49.876315314369798</c:v>
                </c:pt>
                <c:pt idx="2388">
                  <c:v>49.870593621965611</c:v>
                </c:pt>
                <c:pt idx="2389">
                  <c:v>49.864868637448417</c:v>
                </c:pt>
                <c:pt idx="2390">
                  <c:v>49.858126390012416</c:v>
                </c:pt>
                <c:pt idx="2391">
                  <c:v>49.852401405495222</c:v>
                </c:pt>
                <c:pt idx="2392">
                  <c:v>49.846679713091035</c:v>
                </c:pt>
                <c:pt idx="2393">
                  <c:v>49.840958020686848</c:v>
                </c:pt>
                <c:pt idx="2394">
                  <c:v>49.835233036169654</c:v>
                </c:pt>
                <c:pt idx="2395">
                  <c:v>49.829547557008532</c:v>
                </c:pt>
                <c:pt idx="2396">
                  <c:v>49.82331229497543</c:v>
                </c:pt>
                <c:pt idx="2397">
                  <c:v>49.817044111812272</c:v>
                </c:pt>
                <c:pt idx="2398">
                  <c:v>49.810808849779171</c:v>
                </c:pt>
                <c:pt idx="2399">
                  <c:v>49.805633648133963</c:v>
                </c:pt>
                <c:pt idx="2400">
                  <c:v>49.799911955729776</c:v>
                </c:pt>
                <c:pt idx="2401">
                  <c:v>49.79469724872849</c:v>
                </c:pt>
                <c:pt idx="2402">
                  <c:v>49.788465278808395</c:v>
                </c:pt>
                <c:pt idx="2403">
                  <c:v>49.782740294291202</c:v>
                </c:pt>
                <c:pt idx="2404">
                  <c:v>49.776508324371108</c:v>
                </c:pt>
                <c:pt idx="2405">
                  <c:v>49.770822845209985</c:v>
                </c:pt>
                <c:pt idx="2406">
                  <c:v>49.765097860692791</c:v>
                </c:pt>
                <c:pt idx="2407">
                  <c:v>49.758865890772697</c:v>
                </c:pt>
                <c:pt idx="2408">
                  <c:v>49.752630628739595</c:v>
                </c:pt>
                <c:pt idx="2409">
                  <c:v>49.746908936335416</c:v>
                </c:pt>
                <c:pt idx="2410">
                  <c:v>49.740673674302307</c:v>
                </c:pt>
                <c:pt idx="2411">
                  <c:v>49.734951981898121</c:v>
                </c:pt>
                <c:pt idx="2412">
                  <c:v>49.729230289493934</c:v>
                </c:pt>
                <c:pt idx="2413">
                  <c:v>49.722995027460833</c:v>
                </c:pt>
                <c:pt idx="2414">
                  <c:v>49.717783612572553</c:v>
                </c:pt>
                <c:pt idx="2415">
                  <c:v>49.71209484129843</c:v>
                </c:pt>
                <c:pt idx="2416">
                  <c:v>49.705826658135273</c:v>
                </c:pt>
                <c:pt idx="2417">
                  <c:v>49.699591396102164</c:v>
                </c:pt>
                <c:pt idx="2418">
                  <c:v>49.693905916941041</c:v>
                </c:pt>
                <c:pt idx="2419">
                  <c:v>49.688184224536855</c:v>
                </c:pt>
                <c:pt idx="2420">
                  <c:v>49.68194896250376</c:v>
                </c:pt>
                <c:pt idx="2421">
                  <c:v>49.675716992583659</c:v>
                </c:pt>
                <c:pt idx="2422">
                  <c:v>49.669992008066473</c:v>
                </c:pt>
                <c:pt idx="2423">
                  <c:v>49.664270315662279</c:v>
                </c:pt>
                <c:pt idx="2424">
                  <c:v>49.658545331145092</c:v>
                </c:pt>
                <c:pt idx="2425">
                  <c:v>49.652313361224991</c:v>
                </c:pt>
                <c:pt idx="2426">
                  <c:v>49.646081391304897</c:v>
                </c:pt>
                <c:pt idx="2427">
                  <c:v>49.639335851755888</c:v>
                </c:pt>
                <c:pt idx="2428">
                  <c:v>49.633614159351701</c:v>
                </c:pt>
                <c:pt idx="2429">
                  <c:v>49.6273788973186</c:v>
                </c:pt>
                <c:pt idx="2430">
                  <c:v>49.621657204914413</c:v>
                </c:pt>
                <c:pt idx="2431">
                  <c:v>49.61593222039722</c:v>
                </c:pt>
                <c:pt idx="2432">
                  <c:v>49.609700250477125</c:v>
                </c:pt>
                <c:pt idx="2433">
                  <c:v>49.602954710928117</c:v>
                </c:pt>
                <c:pt idx="2434">
                  <c:v>49.59723301852393</c:v>
                </c:pt>
                <c:pt idx="2435">
                  <c:v>49.591511326119743</c:v>
                </c:pt>
                <c:pt idx="2436">
                  <c:v>49.585786341602549</c:v>
                </c:pt>
                <c:pt idx="2437">
                  <c:v>49.579044094166548</c:v>
                </c:pt>
                <c:pt idx="2438">
                  <c:v>49.573319109649354</c:v>
                </c:pt>
                <c:pt idx="2439">
                  <c:v>49.567597417245167</c:v>
                </c:pt>
                <c:pt idx="2440">
                  <c:v>49.561872432727974</c:v>
                </c:pt>
                <c:pt idx="2441">
                  <c:v>49.556150740323787</c:v>
                </c:pt>
                <c:pt idx="2442">
                  <c:v>49.549408492887785</c:v>
                </c:pt>
                <c:pt idx="2443">
                  <c:v>49.543173230854684</c:v>
                </c:pt>
                <c:pt idx="2444">
                  <c:v>49.537451538450497</c:v>
                </c:pt>
                <c:pt idx="2445">
                  <c:v>49.531216276417396</c:v>
                </c:pt>
                <c:pt idx="2446">
                  <c:v>49.524984306497302</c:v>
                </c:pt>
                <c:pt idx="2447">
                  <c:v>49.519259321980108</c:v>
                </c:pt>
                <c:pt idx="2448">
                  <c:v>49.513027352060014</c:v>
                </c:pt>
                <c:pt idx="2449">
                  <c:v>49.50679538213992</c:v>
                </c:pt>
                <c:pt idx="2450">
                  <c:v>49.501070397622726</c:v>
                </c:pt>
                <c:pt idx="2451">
                  <c:v>49.494838427702632</c:v>
                </c:pt>
                <c:pt idx="2452">
                  <c:v>49.489113443185438</c:v>
                </c:pt>
                <c:pt idx="2453">
                  <c:v>49.482881473265344</c:v>
                </c:pt>
                <c:pt idx="2454">
                  <c:v>49.476646211232243</c:v>
                </c:pt>
                <c:pt idx="2455">
                  <c:v>49.470924518828056</c:v>
                </c:pt>
                <c:pt idx="2456">
                  <c:v>49.464178979279048</c:v>
                </c:pt>
                <c:pt idx="2457">
                  <c:v>49.457947009358953</c:v>
                </c:pt>
                <c:pt idx="2458">
                  <c:v>49.452225316954767</c:v>
                </c:pt>
                <c:pt idx="2459">
                  <c:v>49.44650033243758</c:v>
                </c:pt>
                <c:pt idx="2460">
                  <c:v>49.440778640033386</c:v>
                </c:pt>
                <c:pt idx="2461">
                  <c:v>49.435089868759256</c:v>
                </c:pt>
                <c:pt idx="2462">
                  <c:v>49.428821685596098</c:v>
                </c:pt>
                <c:pt idx="2463">
                  <c:v>49.422586423562997</c:v>
                </c:pt>
                <c:pt idx="2464">
                  <c:v>49.415844176126996</c:v>
                </c:pt>
                <c:pt idx="2465">
                  <c:v>49.409101928690987</c:v>
                </c:pt>
                <c:pt idx="2466">
                  <c:v>49.402866666657893</c:v>
                </c:pt>
                <c:pt idx="2467">
                  <c:v>49.39608820597882</c:v>
                </c:pt>
                <c:pt idx="2468">
                  <c:v>49.389852943945726</c:v>
                </c:pt>
                <c:pt idx="2469">
                  <c:v>49.383620974025618</c:v>
                </c:pt>
                <c:pt idx="2470">
                  <c:v>49.377385711992531</c:v>
                </c:pt>
                <c:pt idx="2471">
                  <c:v>49.370643464556522</c:v>
                </c:pt>
                <c:pt idx="2472">
                  <c:v>49.364408202523428</c:v>
                </c:pt>
                <c:pt idx="2473">
                  <c:v>49.358686510119227</c:v>
                </c:pt>
                <c:pt idx="2474">
                  <c:v>49.352451248086126</c:v>
                </c:pt>
                <c:pt idx="2475">
                  <c:v>49.346219278166032</c:v>
                </c:pt>
                <c:pt idx="2476">
                  <c:v>49.339987308245938</c:v>
                </c:pt>
                <c:pt idx="2477">
                  <c:v>49.333715832969773</c:v>
                </c:pt>
                <c:pt idx="2478">
                  <c:v>49.327483863049679</c:v>
                </c:pt>
                <c:pt idx="2479">
                  <c:v>49.321248601016578</c:v>
                </c:pt>
                <c:pt idx="2480">
                  <c:v>49.315016631096483</c:v>
                </c:pt>
                <c:pt idx="2481">
                  <c:v>49.308781369063382</c:v>
                </c:pt>
                <c:pt idx="2482">
                  <c:v>49.302039121627381</c:v>
                </c:pt>
                <c:pt idx="2483">
                  <c:v>49.29580385959428</c:v>
                </c:pt>
                <c:pt idx="2484">
                  <c:v>49.289571889674178</c:v>
                </c:pt>
                <c:pt idx="2485">
                  <c:v>49.282790136882113</c:v>
                </c:pt>
                <c:pt idx="2486">
                  <c:v>49.277068444477919</c:v>
                </c:pt>
                <c:pt idx="2487">
                  <c:v>49.270322904928911</c:v>
                </c:pt>
                <c:pt idx="2488">
                  <c:v>49.264090935008817</c:v>
                </c:pt>
                <c:pt idx="2489">
                  <c:v>49.257348687572815</c:v>
                </c:pt>
                <c:pt idx="2490">
                  <c:v>49.251113425539714</c:v>
                </c:pt>
                <c:pt idx="2491">
                  <c:v>49.244334964860649</c:v>
                </c:pt>
                <c:pt idx="2492">
                  <c:v>49.23758942531164</c:v>
                </c:pt>
                <c:pt idx="2493">
                  <c:v>49.230847177875631</c:v>
                </c:pt>
                <c:pt idx="2494">
                  <c:v>49.224575702599466</c:v>
                </c:pt>
                <c:pt idx="2495">
                  <c:v>49.217833455163465</c:v>
                </c:pt>
                <c:pt idx="2496">
                  <c:v>49.211087915614449</c:v>
                </c:pt>
                <c:pt idx="2497">
                  <c:v>49.204855945694362</c:v>
                </c:pt>
                <c:pt idx="2498">
                  <c:v>49.197563915386382</c:v>
                </c:pt>
                <c:pt idx="2499">
                  <c:v>49.191331945466281</c:v>
                </c:pt>
                <c:pt idx="2500">
                  <c:v>49.184586405917273</c:v>
                </c:pt>
                <c:pt idx="2501">
                  <c:v>49.1778079452382</c:v>
                </c:pt>
                <c:pt idx="2502">
                  <c:v>49.171572683205099</c:v>
                </c:pt>
                <c:pt idx="2503">
                  <c:v>49.164830435769098</c:v>
                </c:pt>
                <c:pt idx="2504">
                  <c:v>49.158084896220089</c:v>
                </c:pt>
                <c:pt idx="2505">
                  <c:v>49.151306435541024</c:v>
                </c:pt>
                <c:pt idx="2506">
                  <c:v>49.144050618476108</c:v>
                </c:pt>
                <c:pt idx="2507">
                  <c:v>49.137272157797042</c:v>
                </c:pt>
                <c:pt idx="2508">
                  <c:v>49.130526618248027</c:v>
                </c:pt>
                <c:pt idx="2509">
                  <c:v>49.123784370812025</c:v>
                </c:pt>
                <c:pt idx="2510">
                  <c:v>49.117552400891924</c:v>
                </c:pt>
                <c:pt idx="2511">
                  <c:v>49.110770648099859</c:v>
                </c:pt>
                <c:pt idx="2512">
                  <c:v>49.103518123147936</c:v>
                </c:pt>
                <c:pt idx="2513">
                  <c:v>49.09673637035587</c:v>
                </c:pt>
                <c:pt idx="2514">
                  <c:v>49.088934062531983</c:v>
                </c:pt>
                <c:pt idx="2515">
                  <c:v>49.082191815095968</c:v>
                </c:pt>
                <c:pt idx="2516">
                  <c:v>49.075446275546966</c:v>
                </c:pt>
                <c:pt idx="2517">
                  <c:v>49.068667814867894</c:v>
                </c:pt>
                <c:pt idx="2518">
                  <c:v>49.061922275318892</c:v>
                </c:pt>
                <c:pt idx="2519">
                  <c:v>49.055690305398784</c:v>
                </c:pt>
                <c:pt idx="2520">
                  <c:v>49.048398275090811</c:v>
                </c:pt>
                <c:pt idx="2521">
                  <c:v>49.041145750138895</c:v>
                </c:pt>
                <c:pt idx="2522">
                  <c:v>49.033853719830923</c:v>
                </c:pt>
                <c:pt idx="2523">
                  <c:v>49.026601194878999</c:v>
                </c:pt>
                <c:pt idx="2524">
                  <c:v>49.019309164571013</c:v>
                </c:pt>
                <c:pt idx="2525">
                  <c:v>49.011510148860133</c:v>
                </c:pt>
                <c:pt idx="2526">
                  <c:v>49.004254331795217</c:v>
                </c:pt>
                <c:pt idx="2527">
                  <c:v>48.996455316084329</c:v>
                </c:pt>
                <c:pt idx="2528">
                  <c:v>48.988653008260435</c:v>
                </c:pt>
                <c:pt idx="2529">
                  <c:v>48.981364270065463</c:v>
                </c:pt>
                <c:pt idx="2530">
                  <c:v>48.974618730516454</c:v>
                </c:pt>
                <c:pt idx="2531">
                  <c:v>48.967876483080452</c:v>
                </c:pt>
                <c:pt idx="2532">
                  <c:v>48.960584452772466</c:v>
                </c:pt>
                <c:pt idx="2533">
                  <c:v>48.952785437061586</c:v>
                </c:pt>
                <c:pt idx="2534">
                  <c:v>48.945493406753599</c:v>
                </c:pt>
                <c:pt idx="2535">
                  <c:v>48.937730604285782</c:v>
                </c:pt>
                <c:pt idx="2536">
                  <c:v>48.930438573977796</c:v>
                </c:pt>
                <c:pt idx="2537">
                  <c:v>48.922636266153901</c:v>
                </c:pt>
                <c:pt idx="2538">
                  <c:v>48.915383741201993</c:v>
                </c:pt>
                <c:pt idx="2539">
                  <c:v>48.907034942619134</c:v>
                </c:pt>
                <c:pt idx="2540">
                  <c:v>48.899272140151311</c:v>
                </c:pt>
                <c:pt idx="2541">
                  <c:v>48.891980109843324</c:v>
                </c:pt>
                <c:pt idx="2542">
                  <c:v>48.884181094132444</c:v>
                </c:pt>
                <c:pt idx="2543">
                  <c:v>48.876378786308557</c:v>
                </c:pt>
                <c:pt idx="2544">
                  <c:v>48.868579770597663</c:v>
                </c:pt>
                <c:pt idx="2545">
                  <c:v>48.860813676016846</c:v>
                </c:pt>
                <c:pt idx="2546">
                  <c:v>48.852464877433974</c:v>
                </c:pt>
                <c:pt idx="2547">
                  <c:v>48.844155584207186</c:v>
                </c:pt>
                <c:pt idx="2548">
                  <c:v>48.836353276383292</c:v>
                </c:pt>
                <c:pt idx="2549">
                  <c:v>48.828590473915476</c:v>
                </c:pt>
                <c:pt idx="2550">
                  <c:v>48.820788166091582</c:v>
                </c:pt>
                <c:pt idx="2551">
                  <c:v>48.813499427896595</c:v>
                </c:pt>
                <c:pt idx="2552">
                  <c:v>48.805697120072715</c:v>
                </c:pt>
                <c:pt idx="2553">
                  <c:v>48.797894812248821</c:v>
                </c:pt>
                <c:pt idx="2554">
                  <c:v>48.789585519022033</c:v>
                </c:pt>
                <c:pt idx="2555">
                  <c:v>48.780762656166324</c:v>
                </c:pt>
                <c:pt idx="2556">
                  <c:v>48.77296364045543</c:v>
                </c:pt>
                <c:pt idx="2557">
                  <c:v>48.765161332631536</c:v>
                </c:pt>
                <c:pt idx="2558">
                  <c:v>48.756852039404748</c:v>
                </c:pt>
                <c:pt idx="2559">
                  <c:v>48.748539454064947</c:v>
                </c:pt>
                <c:pt idx="2560">
                  <c:v>48.740737146241059</c:v>
                </c:pt>
                <c:pt idx="2561">
                  <c:v>48.732938130530172</c:v>
                </c:pt>
                <c:pt idx="2562">
                  <c:v>48.724115267674463</c:v>
                </c:pt>
                <c:pt idx="2563">
                  <c:v>48.716316251963576</c:v>
                </c:pt>
                <c:pt idx="2564">
                  <c:v>48.708003666623782</c:v>
                </c:pt>
                <c:pt idx="2565">
                  <c:v>48.69969108128398</c:v>
                </c:pt>
                <c:pt idx="2566">
                  <c:v>48.691381788057186</c:v>
                </c:pt>
                <c:pt idx="2567">
                  <c:v>48.68252271195842</c:v>
                </c:pt>
                <c:pt idx="2568">
                  <c:v>48.673703141215718</c:v>
                </c:pt>
                <c:pt idx="2569">
                  <c:v>48.664880278360009</c:v>
                </c:pt>
                <c:pt idx="2570">
                  <c:v>48.656567693020207</c:v>
                </c:pt>
                <c:pt idx="2571">
                  <c:v>48.648222186550349</c:v>
                </c:pt>
                <c:pt idx="2572">
                  <c:v>48.63939932369464</c:v>
                </c:pt>
                <c:pt idx="2573">
                  <c:v>48.631086738354846</c:v>
                </c:pt>
                <c:pt idx="2574">
                  <c:v>48.622777445128051</c:v>
                </c:pt>
                <c:pt idx="2575">
                  <c:v>48.614464859788249</c:v>
                </c:pt>
                <c:pt idx="2576">
                  <c:v>48.606155566561455</c:v>
                </c:pt>
                <c:pt idx="2577">
                  <c:v>48.59784298122166</c:v>
                </c:pt>
                <c:pt idx="2578">
                  <c:v>48.58847362760698</c:v>
                </c:pt>
                <c:pt idx="2579">
                  <c:v>48.580164334380186</c:v>
                </c:pt>
                <c:pt idx="2580">
                  <c:v>48.571305258281406</c:v>
                </c:pt>
                <c:pt idx="2581">
                  <c:v>48.562995965054618</c:v>
                </c:pt>
                <c:pt idx="2582">
                  <c:v>48.554173102198909</c:v>
                </c:pt>
                <c:pt idx="2583">
                  <c:v>48.545350239343207</c:v>
                </c:pt>
                <c:pt idx="2584">
                  <c:v>48.537004732873349</c:v>
                </c:pt>
                <c:pt idx="2585">
                  <c:v>48.527671592501726</c:v>
                </c:pt>
                <c:pt idx="2586">
                  <c:v>48.519359007161931</c:v>
                </c:pt>
                <c:pt idx="2587">
                  <c:v>48.509992945660258</c:v>
                </c:pt>
                <c:pt idx="2588">
                  <c:v>48.501680360320456</c:v>
                </c:pt>
                <c:pt idx="2589">
                  <c:v>48.492860789577747</c:v>
                </c:pt>
                <c:pt idx="2590">
                  <c:v>48.484001713478975</c:v>
                </c:pt>
                <c:pt idx="2591">
                  <c:v>48.47517885062328</c:v>
                </c:pt>
                <c:pt idx="2592">
                  <c:v>48.466359279880571</c:v>
                </c:pt>
                <c:pt idx="2593">
                  <c:v>48.457500203781791</c:v>
                </c:pt>
                <c:pt idx="2594">
                  <c:v>48.448167063410182</c:v>
                </c:pt>
                <c:pt idx="2595">
                  <c:v>48.439311279424409</c:v>
                </c:pt>
                <c:pt idx="2596">
                  <c:v>48.4304884165687</c:v>
                </c:pt>
                <c:pt idx="2597">
                  <c:v>48.422175831228898</c:v>
                </c:pt>
                <c:pt idx="2598">
                  <c:v>48.413866538002111</c:v>
                </c:pt>
                <c:pt idx="2599">
                  <c:v>48.405007461903338</c:v>
                </c:pt>
                <c:pt idx="2600">
                  <c:v>48.396698168676551</c:v>
                </c:pt>
                <c:pt idx="2601">
                  <c:v>48.387875305820842</c:v>
                </c:pt>
                <c:pt idx="2602">
                  <c:v>48.378505952206162</c:v>
                </c:pt>
                <c:pt idx="2603">
                  <c:v>48.369139890704481</c:v>
                </c:pt>
                <c:pt idx="2604">
                  <c:v>48.36082730536468</c:v>
                </c:pt>
                <c:pt idx="2605">
                  <c:v>48.350947674234092</c:v>
                </c:pt>
                <c:pt idx="2606">
                  <c:v>48.34212810349139</c:v>
                </c:pt>
                <c:pt idx="2607">
                  <c:v>48.33275874987671</c:v>
                </c:pt>
                <c:pt idx="2608">
                  <c:v>48.324446164536909</c:v>
                </c:pt>
                <c:pt idx="2609">
                  <c:v>48.316647148826029</c:v>
                </c:pt>
                <c:pt idx="2610">
                  <c:v>48.30782428597032</c:v>
                </c:pt>
                <c:pt idx="2611">
                  <c:v>48.299514992743532</c:v>
                </c:pt>
                <c:pt idx="2612">
                  <c:v>48.290145639128845</c:v>
                </c:pt>
                <c:pt idx="2613">
                  <c:v>48.281322776273143</c:v>
                </c:pt>
                <c:pt idx="2614">
                  <c:v>48.272503205530441</c:v>
                </c:pt>
                <c:pt idx="2615">
                  <c:v>48.263644129431661</c:v>
                </c:pt>
                <c:pt idx="2616">
                  <c:v>48.253764498301074</c:v>
                </c:pt>
                <c:pt idx="2617">
                  <c:v>48.244944927558372</c:v>
                </c:pt>
                <c:pt idx="2618">
                  <c:v>48.235575573943692</c:v>
                </c:pt>
                <c:pt idx="2619">
                  <c:v>48.226752711087983</c:v>
                </c:pt>
                <c:pt idx="2620">
                  <c:v>48.217386649586309</c:v>
                </c:pt>
                <c:pt idx="2621">
                  <c:v>48.2085637867306</c:v>
                </c:pt>
                <c:pt idx="2622">
                  <c:v>48.19919443311592</c:v>
                </c:pt>
                <c:pt idx="2623">
                  <c:v>48.190885139889126</c:v>
                </c:pt>
                <c:pt idx="2624">
                  <c:v>48.182062277033424</c:v>
                </c:pt>
                <c:pt idx="2625">
                  <c:v>48.173752983806622</c:v>
                </c:pt>
                <c:pt idx="2626">
                  <c:v>48.16489390770785</c:v>
                </c:pt>
                <c:pt idx="2627">
                  <c:v>48.156581322368048</c:v>
                </c:pt>
                <c:pt idx="2628">
                  <c:v>48.147761751625346</c:v>
                </c:pt>
                <c:pt idx="2629">
                  <c:v>48.138938888769644</c:v>
                </c:pt>
                <c:pt idx="2630">
                  <c:v>48.130079812670864</c:v>
                </c:pt>
                <c:pt idx="2631">
                  <c:v>48.121260241928162</c:v>
                </c:pt>
                <c:pt idx="2632">
                  <c:v>48.111890888313482</c:v>
                </c:pt>
                <c:pt idx="2633">
                  <c:v>48.102557747941873</c:v>
                </c:pt>
                <c:pt idx="2634">
                  <c:v>48.093191686440193</c:v>
                </c:pt>
                <c:pt idx="2635">
                  <c:v>48.084368823584484</c:v>
                </c:pt>
                <c:pt idx="2636">
                  <c:v>48.075509747485711</c:v>
                </c:pt>
                <c:pt idx="2637">
                  <c:v>48.066690176743016</c:v>
                </c:pt>
                <c:pt idx="2638">
                  <c:v>48.057867313887307</c:v>
                </c:pt>
                <c:pt idx="2639">
                  <c:v>48.049521807417449</c:v>
                </c:pt>
                <c:pt idx="2640">
                  <c:v>48.041209222077647</c:v>
                </c:pt>
                <c:pt idx="2641">
                  <c:v>48.032896636737846</c:v>
                </c:pt>
                <c:pt idx="2642">
                  <c:v>48.025644111785937</c:v>
                </c:pt>
                <c:pt idx="2643">
                  <c:v>48.017841803962042</c:v>
                </c:pt>
                <c:pt idx="2644">
                  <c:v>48.008986019976284</c:v>
                </c:pt>
                <c:pt idx="2645">
                  <c:v>48.000163157120575</c:v>
                </c:pt>
                <c:pt idx="2646">
                  <c:v>47.991340294264866</c:v>
                </c:pt>
                <c:pt idx="2647">
                  <c:v>47.9824845102791</c:v>
                </c:pt>
                <c:pt idx="2648">
                  <c:v>47.973661647423391</c:v>
                </c:pt>
                <c:pt idx="2649">
                  <c:v>47.964292293808711</c:v>
                </c:pt>
                <c:pt idx="2650">
                  <c:v>47.954962445550102</c:v>
                </c:pt>
                <c:pt idx="2651">
                  <c:v>47.946103369451329</c:v>
                </c:pt>
                <c:pt idx="2652">
                  <c:v>47.936773521192713</c:v>
                </c:pt>
                <c:pt idx="2653">
                  <c:v>47.927914445093947</c:v>
                </c:pt>
                <c:pt idx="2654">
                  <c:v>47.918581304722331</c:v>
                </c:pt>
                <c:pt idx="2655">
                  <c:v>47.910272011495529</c:v>
                </c:pt>
                <c:pt idx="2656">
                  <c:v>47.902469703671635</c:v>
                </c:pt>
                <c:pt idx="2657">
                  <c:v>47.894157118331847</c:v>
                </c:pt>
                <c:pt idx="2658">
                  <c:v>47.88635810262096</c:v>
                </c:pt>
                <c:pt idx="2659">
                  <c:v>47.877499026522187</c:v>
                </c:pt>
                <c:pt idx="2660">
                  <c:v>47.8697000108113</c:v>
                </c:pt>
                <c:pt idx="2661">
                  <c:v>47.861387425471499</c:v>
                </c:pt>
                <c:pt idx="2662">
                  <c:v>47.853074840131704</c:v>
                </c:pt>
                <c:pt idx="2663">
                  <c:v>47.844255269388995</c:v>
                </c:pt>
                <c:pt idx="2664">
                  <c:v>47.835942684049201</c:v>
                </c:pt>
                <c:pt idx="2665">
                  <c:v>47.827086900063435</c:v>
                </c:pt>
                <c:pt idx="2666">
                  <c:v>47.818264037207726</c:v>
                </c:pt>
                <c:pt idx="2667">
                  <c:v>47.809441174352017</c:v>
                </c:pt>
                <c:pt idx="2668">
                  <c:v>47.800585390366251</c:v>
                </c:pt>
                <c:pt idx="2669">
                  <c:v>47.79227280502645</c:v>
                </c:pt>
                <c:pt idx="2670">
                  <c:v>47.783963511799655</c:v>
                </c:pt>
                <c:pt idx="2671">
                  <c:v>47.775650926459861</c:v>
                </c:pt>
                <c:pt idx="2672">
                  <c:v>47.767848618635966</c:v>
                </c:pt>
                <c:pt idx="2673">
                  <c:v>47.759029047893264</c:v>
                </c:pt>
                <c:pt idx="2674">
                  <c:v>47.75071646255347</c:v>
                </c:pt>
                <c:pt idx="2675">
                  <c:v>47.741857386454697</c:v>
                </c:pt>
                <c:pt idx="2676">
                  <c:v>47.73405837074381</c:v>
                </c:pt>
                <c:pt idx="2677">
                  <c:v>47.725235507888101</c:v>
                </c:pt>
                <c:pt idx="2678">
                  <c:v>47.717436492177221</c:v>
                </c:pt>
                <c:pt idx="2679">
                  <c:v>47.709634184353327</c:v>
                </c:pt>
                <c:pt idx="2680">
                  <c:v>47.70183516864244</c:v>
                </c:pt>
                <c:pt idx="2681">
                  <c:v>47.693522583302645</c:v>
                </c:pt>
                <c:pt idx="2682">
                  <c:v>47.684699720446936</c:v>
                </c:pt>
                <c:pt idx="2683">
                  <c:v>47.675880149704234</c:v>
                </c:pt>
                <c:pt idx="2684">
                  <c:v>47.666510796089554</c:v>
                </c:pt>
                <c:pt idx="2685">
                  <c:v>47.657687933233845</c:v>
                </c:pt>
                <c:pt idx="2686">
                  <c:v>47.648832149248079</c:v>
                </c:pt>
                <c:pt idx="2687">
                  <c:v>47.640519563908278</c:v>
                </c:pt>
                <c:pt idx="2688">
                  <c:v>47.63221027068149</c:v>
                </c:pt>
                <c:pt idx="2689">
                  <c:v>47.623897685341689</c:v>
                </c:pt>
                <c:pt idx="2690">
                  <c:v>47.616095377517794</c:v>
                </c:pt>
                <c:pt idx="2691">
                  <c:v>47.6082963618069</c:v>
                </c:pt>
                <c:pt idx="2692">
                  <c:v>47.599983776467113</c:v>
                </c:pt>
                <c:pt idx="2693">
                  <c:v>47.592184760756219</c:v>
                </c:pt>
                <c:pt idx="2694">
                  <c:v>47.583872175416431</c:v>
                </c:pt>
                <c:pt idx="2695">
                  <c:v>47.575562882189629</c:v>
                </c:pt>
                <c:pt idx="2696">
                  <c:v>47.567250296849828</c:v>
                </c:pt>
                <c:pt idx="2697">
                  <c:v>47.559447989025941</c:v>
                </c:pt>
                <c:pt idx="2698">
                  <c:v>47.551138695799146</c:v>
                </c:pt>
                <c:pt idx="2699">
                  <c:v>47.543336387975252</c:v>
                </c:pt>
                <c:pt idx="2700">
                  <c:v>47.535027094748465</c:v>
                </c:pt>
                <c:pt idx="2701">
                  <c:v>47.52722478692457</c:v>
                </c:pt>
                <c:pt idx="2702">
                  <c:v>47.518912201584769</c:v>
                </c:pt>
                <c:pt idx="2703">
                  <c:v>47.511113185873889</c:v>
                </c:pt>
                <c:pt idx="2704">
                  <c:v>47.503310878049994</c:v>
                </c:pt>
                <c:pt idx="2705">
                  <c:v>47.4950015848232</c:v>
                </c:pt>
                <c:pt idx="2706">
                  <c:v>47.486688999483398</c:v>
                </c:pt>
                <c:pt idx="2707">
                  <c:v>47.477866136627689</c:v>
                </c:pt>
                <c:pt idx="2708">
                  <c:v>47.470067120916809</c:v>
                </c:pt>
                <c:pt idx="2709">
                  <c:v>47.462264813092922</c:v>
                </c:pt>
                <c:pt idx="2710">
                  <c:v>47.453955519866128</c:v>
                </c:pt>
                <c:pt idx="2711">
                  <c:v>47.445642934526326</c:v>
                </c:pt>
                <c:pt idx="2712">
                  <c:v>47.437333641299531</c:v>
                </c:pt>
                <c:pt idx="2713">
                  <c:v>47.42902105595973</c:v>
                </c:pt>
                <c:pt idx="2714">
                  <c:v>47.421218748135843</c:v>
                </c:pt>
                <c:pt idx="2715">
                  <c:v>47.412909454909048</c:v>
                </c:pt>
                <c:pt idx="2716">
                  <c:v>47.405107147085161</c:v>
                </c:pt>
                <c:pt idx="2717">
                  <c:v>47.397308131374274</c:v>
                </c:pt>
                <c:pt idx="2718">
                  <c:v>47.390016101066294</c:v>
                </c:pt>
                <c:pt idx="2719">
                  <c:v>47.3817068078395</c:v>
                </c:pt>
                <c:pt idx="2720">
                  <c:v>47.372883944983791</c:v>
                </c:pt>
                <c:pt idx="2721">
                  <c:v>47.364024868885018</c:v>
                </c:pt>
                <c:pt idx="2722">
                  <c:v>47.356262066417202</c:v>
                </c:pt>
                <c:pt idx="2723">
                  <c:v>47.348459758593307</c:v>
                </c:pt>
                <c:pt idx="2724">
                  <c:v>47.340150465366506</c:v>
                </c:pt>
                <c:pt idx="2725">
                  <c:v>47.332348157542619</c:v>
                </c:pt>
                <c:pt idx="2726">
                  <c:v>47.325056127234639</c:v>
                </c:pt>
                <c:pt idx="2727">
                  <c:v>47.316746834007851</c:v>
                </c:pt>
                <c:pt idx="2728">
                  <c:v>47.30843424866805</c:v>
                </c:pt>
                <c:pt idx="2729">
                  <c:v>47.300124955441248</c:v>
                </c:pt>
                <c:pt idx="2730">
                  <c:v>47.292322647617354</c:v>
                </c:pt>
                <c:pt idx="2731">
                  <c:v>47.285033909422381</c:v>
                </c:pt>
                <c:pt idx="2732">
                  <c:v>47.276721324082587</c:v>
                </c:pt>
                <c:pt idx="2733">
                  <c:v>47.268408738742792</c:v>
                </c:pt>
                <c:pt idx="2734">
                  <c:v>47.260609723031898</c:v>
                </c:pt>
                <c:pt idx="2735">
                  <c:v>47.252297137692096</c:v>
                </c:pt>
                <c:pt idx="2736">
                  <c:v>47.244498121981216</c:v>
                </c:pt>
                <c:pt idx="2737">
                  <c:v>47.237242304916293</c:v>
                </c:pt>
                <c:pt idx="2738">
                  <c:v>47.229443289205413</c:v>
                </c:pt>
                <c:pt idx="2739">
                  <c:v>47.221130703865612</c:v>
                </c:pt>
                <c:pt idx="2740">
                  <c:v>47.21281811852581</c:v>
                </c:pt>
                <c:pt idx="2741">
                  <c:v>47.204508825299023</c:v>
                </c:pt>
                <c:pt idx="2742">
                  <c:v>47.195649749200243</c:v>
                </c:pt>
                <c:pt idx="2743">
                  <c:v>47.187340455973455</c:v>
                </c:pt>
                <c:pt idx="2744">
                  <c:v>47.179538148149561</c:v>
                </c:pt>
                <c:pt idx="2745">
                  <c:v>47.171735840325674</c:v>
                </c:pt>
                <c:pt idx="2746">
                  <c:v>47.164483315373765</c:v>
                </c:pt>
                <c:pt idx="2747">
                  <c:v>47.156681007549871</c:v>
                </c:pt>
                <c:pt idx="2748">
                  <c:v>47.148881991838984</c:v>
                </c:pt>
                <c:pt idx="2749">
                  <c:v>47.141589961531004</c:v>
                </c:pt>
                <c:pt idx="2750">
                  <c:v>47.133827159063181</c:v>
                </c:pt>
                <c:pt idx="2751">
                  <c:v>47.126024851239293</c:v>
                </c:pt>
                <c:pt idx="2752">
                  <c:v>47.117715558012499</c:v>
                </c:pt>
                <c:pt idx="2753">
                  <c:v>47.109913250188605</c:v>
                </c:pt>
                <c:pt idx="2754">
                  <c:v>47.102621219880625</c:v>
                </c:pt>
                <c:pt idx="2755">
                  <c:v>47.094822204169745</c:v>
                </c:pt>
                <c:pt idx="2756">
                  <c:v>47.087019896345851</c:v>
                </c:pt>
                <c:pt idx="2757">
                  <c:v>47.078200325603149</c:v>
                </c:pt>
                <c:pt idx="2758">
                  <c:v>47.070398017779254</c:v>
                </c:pt>
                <c:pt idx="2759">
                  <c:v>47.061578447036545</c:v>
                </c:pt>
                <c:pt idx="2760">
                  <c:v>47.052719370937787</c:v>
                </c:pt>
                <c:pt idx="2761">
                  <c:v>47.043896508082078</c:v>
                </c:pt>
                <c:pt idx="2762">
                  <c:v>47.035587214855276</c:v>
                </c:pt>
                <c:pt idx="2763">
                  <c:v>47.026764351999574</c:v>
                </c:pt>
                <c:pt idx="2764">
                  <c:v>47.01896204417568</c:v>
                </c:pt>
                <c:pt idx="2765">
                  <c:v>47.010652750948886</c:v>
                </c:pt>
                <c:pt idx="2766">
                  <c:v>47.002850443125006</c:v>
                </c:pt>
                <c:pt idx="2767">
                  <c:v>46.996071982445926</c:v>
                </c:pt>
                <c:pt idx="2768">
                  <c:v>46.990383211171796</c:v>
                </c:pt>
                <c:pt idx="2769">
                  <c:v>46.983604750492731</c:v>
                </c:pt>
                <c:pt idx="2770">
                  <c:v>46.975802442668844</c:v>
                </c:pt>
                <c:pt idx="2771">
                  <c:v>46.966472594410227</c:v>
                </c:pt>
                <c:pt idx="2772">
                  <c:v>46.957103240795547</c:v>
                </c:pt>
                <c:pt idx="2773">
                  <c:v>46.947770100423931</c:v>
                </c:pt>
                <c:pt idx="2774">
                  <c:v>46.938914316438165</c:v>
                </c:pt>
                <c:pt idx="2775">
                  <c:v>46.930601731098363</c:v>
                </c:pt>
                <c:pt idx="2776">
                  <c:v>46.922289145758569</c:v>
                </c:pt>
                <c:pt idx="2777">
                  <c:v>46.914490130047682</c:v>
                </c:pt>
                <c:pt idx="2778">
                  <c:v>46.907234312982766</c:v>
                </c:pt>
                <c:pt idx="2779">
                  <c:v>46.899945574787786</c:v>
                </c:pt>
                <c:pt idx="2780">
                  <c:v>46.892653544479806</c:v>
                </c:pt>
                <c:pt idx="2781">
                  <c:v>46.885401019527897</c:v>
                </c:pt>
                <c:pt idx="2782">
                  <c:v>46.877088434188096</c:v>
                </c:pt>
                <c:pt idx="2783">
                  <c:v>46.868742927718237</c:v>
                </c:pt>
                <c:pt idx="2784">
                  <c:v>46.859920064862528</c:v>
                </c:pt>
                <c:pt idx="2785">
                  <c:v>46.851607479522727</c:v>
                </c:pt>
                <c:pt idx="2786">
                  <c:v>46.843298186295939</c:v>
                </c:pt>
                <c:pt idx="2787">
                  <c:v>46.836006155987953</c:v>
                </c:pt>
                <c:pt idx="2788">
                  <c:v>46.828207140277065</c:v>
                </c:pt>
                <c:pt idx="2789">
                  <c:v>46.819894554937271</c:v>
                </c:pt>
                <c:pt idx="2790">
                  <c:v>46.811581969597469</c:v>
                </c:pt>
                <c:pt idx="2791">
                  <c:v>46.802762398854767</c:v>
                </c:pt>
                <c:pt idx="2792">
                  <c:v>46.793903322755995</c:v>
                </c:pt>
                <c:pt idx="2793">
                  <c:v>46.785594029529207</c:v>
                </c:pt>
                <c:pt idx="2794">
                  <c:v>46.777281444189406</c:v>
                </c:pt>
                <c:pt idx="2795">
                  <c:v>46.769479136365511</c:v>
                </c:pt>
                <c:pt idx="2796">
                  <c:v>46.761716333897695</c:v>
                </c:pt>
                <c:pt idx="2797">
                  <c:v>46.753914026073801</c:v>
                </c:pt>
                <c:pt idx="2798">
                  <c:v>46.747135565394736</c:v>
                </c:pt>
                <c:pt idx="2799">
                  <c:v>46.73987974832982</c:v>
                </c:pt>
                <c:pt idx="2800">
                  <c:v>46.731570455103018</c:v>
                </c:pt>
                <c:pt idx="2801">
                  <c:v>46.722201101488345</c:v>
                </c:pt>
                <c:pt idx="2802">
                  <c:v>46.713378238632636</c:v>
                </c:pt>
                <c:pt idx="2803">
                  <c:v>46.705579222921742</c:v>
                </c:pt>
                <c:pt idx="2804">
                  <c:v>46.698287192613769</c:v>
                </c:pt>
                <c:pt idx="2805">
                  <c:v>46.689977899386967</c:v>
                </c:pt>
                <c:pt idx="2806">
                  <c:v>46.681665314047173</c:v>
                </c:pt>
                <c:pt idx="2807">
                  <c:v>46.673356020820378</c:v>
                </c:pt>
                <c:pt idx="2808">
                  <c:v>46.665043435480577</c:v>
                </c:pt>
                <c:pt idx="2809">
                  <c:v>46.656730850140782</c:v>
                </c:pt>
                <c:pt idx="2810">
                  <c:v>46.648421556913981</c:v>
                </c:pt>
                <c:pt idx="2811">
                  <c:v>46.640072758331122</c:v>
                </c:pt>
                <c:pt idx="2812">
                  <c:v>46.632309955863299</c:v>
                </c:pt>
                <c:pt idx="2813">
                  <c:v>46.624507648039412</c:v>
                </c:pt>
                <c:pt idx="2814">
                  <c:v>46.616705340215518</c:v>
                </c:pt>
                <c:pt idx="2815">
                  <c:v>46.608396046988723</c:v>
                </c:pt>
                <c:pt idx="2816">
                  <c:v>46.59953697088995</c:v>
                </c:pt>
                <c:pt idx="2817">
                  <c:v>46.590717400147248</c:v>
                </c:pt>
                <c:pt idx="2818">
                  <c:v>46.582404814807454</c:v>
                </c:pt>
                <c:pt idx="2819">
                  <c:v>46.574092229467652</c:v>
                </c:pt>
                <c:pt idx="2820">
                  <c:v>46.565782936240858</c:v>
                </c:pt>
                <c:pt idx="2821">
                  <c:v>46.557980628416971</c:v>
                </c:pt>
                <c:pt idx="2822">
                  <c:v>46.549671335190176</c:v>
                </c:pt>
                <c:pt idx="2823">
                  <c:v>46.541358749850374</c:v>
                </c:pt>
                <c:pt idx="2824">
                  <c:v>46.532499673751602</c:v>
                </c:pt>
                <c:pt idx="2825">
                  <c:v>46.5236801030089</c:v>
                </c:pt>
                <c:pt idx="2826">
                  <c:v>46.514821026910127</c:v>
                </c:pt>
                <c:pt idx="2827">
                  <c:v>46.507058224442311</c:v>
                </c:pt>
                <c:pt idx="2828">
                  <c:v>46.499766194134331</c:v>
                </c:pt>
                <c:pt idx="2829">
                  <c:v>46.491963886310437</c:v>
                </c:pt>
                <c:pt idx="2830">
                  <c:v>46.48416487059955</c:v>
                </c:pt>
                <c:pt idx="2831">
                  <c:v>46.475342007743841</c:v>
                </c:pt>
                <c:pt idx="2832">
                  <c:v>46.466522437001132</c:v>
                </c:pt>
                <c:pt idx="2833">
                  <c:v>46.457663360902373</c:v>
                </c:pt>
                <c:pt idx="2834">
                  <c:v>46.44833022053075</c:v>
                </c:pt>
                <c:pt idx="2835">
                  <c:v>46.439984714060898</c:v>
                </c:pt>
                <c:pt idx="2836">
                  <c:v>46.431161851205189</c:v>
                </c:pt>
                <c:pt idx="2837">
                  <c:v>46.42234228046248</c:v>
                </c:pt>
                <c:pt idx="2838">
                  <c:v>46.414029695122686</c:v>
                </c:pt>
                <c:pt idx="2839">
                  <c:v>46.406227387298799</c:v>
                </c:pt>
                <c:pt idx="2840">
                  <c:v>46.398428371587904</c:v>
                </c:pt>
                <c:pt idx="2841">
                  <c:v>46.39062606376401</c:v>
                </c:pt>
                <c:pt idx="2842">
                  <c:v>46.382316770537223</c:v>
                </c:pt>
                <c:pt idx="2843">
                  <c:v>46.375024740229236</c:v>
                </c:pt>
                <c:pt idx="2844">
                  <c:v>46.366712154889434</c:v>
                </c:pt>
                <c:pt idx="2845">
                  <c:v>46.357382306630832</c:v>
                </c:pt>
                <c:pt idx="2846">
                  <c:v>46.347502675500245</c:v>
                </c:pt>
                <c:pt idx="2847">
                  <c:v>46.33762304436965</c:v>
                </c:pt>
                <c:pt idx="2848">
                  <c:v>46.328767260383884</c:v>
                </c:pt>
                <c:pt idx="2849">
                  <c:v>46.319944397528175</c:v>
                </c:pt>
                <c:pt idx="2850">
                  <c:v>46.311635104301381</c:v>
                </c:pt>
                <c:pt idx="2851">
                  <c:v>46.303322518961586</c:v>
                </c:pt>
                <c:pt idx="2852">
                  <c:v>46.295520211137692</c:v>
                </c:pt>
                <c:pt idx="2853">
                  <c:v>46.287210917910905</c:v>
                </c:pt>
                <c:pt idx="2854">
                  <c:v>46.278898332571103</c:v>
                </c:pt>
                <c:pt idx="2855">
                  <c:v>46.270589039344308</c:v>
                </c:pt>
                <c:pt idx="2856">
                  <c:v>46.261729963245536</c:v>
                </c:pt>
                <c:pt idx="2857">
                  <c:v>46.252907100389827</c:v>
                </c:pt>
                <c:pt idx="2858">
                  <c:v>46.244087529647125</c:v>
                </c:pt>
                <c:pt idx="2859">
                  <c:v>46.234718176032445</c:v>
                </c:pt>
                <c:pt idx="2860">
                  <c:v>46.225895313176736</c:v>
                </c:pt>
                <c:pt idx="2861">
                  <c:v>46.217039529190977</c:v>
                </c:pt>
                <c:pt idx="2862">
                  <c:v>46.208216666335261</c:v>
                </c:pt>
                <c:pt idx="2863">
                  <c:v>46.199907373108474</c:v>
                </c:pt>
                <c:pt idx="2864">
                  <c:v>46.192105065284579</c:v>
                </c:pt>
                <c:pt idx="2865">
                  <c:v>46.183792479944785</c:v>
                </c:pt>
                <c:pt idx="2866">
                  <c:v>46.174936695959012</c:v>
                </c:pt>
                <c:pt idx="2867">
                  <c:v>46.165603555587396</c:v>
                </c:pt>
                <c:pt idx="2868">
                  <c:v>46.156744479488623</c:v>
                </c:pt>
                <c:pt idx="2869">
                  <c:v>46.147414631230006</c:v>
                </c:pt>
                <c:pt idx="2870">
                  <c:v>46.138045277615333</c:v>
                </c:pt>
                <c:pt idx="2871">
                  <c:v>46.129732692275532</c:v>
                </c:pt>
                <c:pt idx="2872">
                  <c:v>46.12091312153283</c:v>
                </c:pt>
                <c:pt idx="2873">
                  <c:v>46.112054045434064</c:v>
                </c:pt>
                <c:pt idx="2874">
                  <c:v>46.102724197175448</c:v>
                </c:pt>
                <c:pt idx="2875">
                  <c:v>46.093865121076675</c:v>
                </c:pt>
                <c:pt idx="2876">
                  <c:v>46.085042258220966</c:v>
                </c:pt>
                <c:pt idx="2877">
                  <c:v>46.076222687478264</c:v>
                </c:pt>
                <c:pt idx="2878">
                  <c:v>46.066853333863584</c:v>
                </c:pt>
                <c:pt idx="2879">
                  <c:v>46.058030471007875</c:v>
                </c:pt>
                <c:pt idx="2880">
                  <c:v>46.048664409506202</c:v>
                </c:pt>
                <c:pt idx="2881">
                  <c:v>46.0403518241664</c:v>
                </c:pt>
                <c:pt idx="2882">
                  <c:v>46.03098247055172</c:v>
                </c:pt>
                <c:pt idx="2883">
                  <c:v>46.022162899809018</c:v>
                </c:pt>
                <c:pt idx="2884">
                  <c:v>46.012793546194338</c:v>
                </c:pt>
                <c:pt idx="2885">
                  <c:v>46.003970683338629</c:v>
                </c:pt>
                <c:pt idx="2886">
                  <c:v>45.994604621836956</c:v>
                </c:pt>
                <c:pt idx="2887">
                  <c:v>45.985781758981247</c:v>
                </c:pt>
                <c:pt idx="2888">
                  <c:v>45.976922682882474</c:v>
                </c:pt>
                <c:pt idx="2889">
                  <c:v>45.968103112139779</c:v>
                </c:pt>
                <c:pt idx="2890">
                  <c:v>45.958223481009185</c:v>
                </c:pt>
                <c:pt idx="2891">
                  <c:v>45.948890340637568</c:v>
                </c:pt>
                <c:pt idx="2892">
                  <c:v>45.940034556651803</c:v>
                </c:pt>
                <c:pt idx="2893">
                  <c:v>45.930154925521215</c:v>
                </c:pt>
                <c:pt idx="2894">
                  <c:v>45.920821785149599</c:v>
                </c:pt>
                <c:pt idx="2895">
                  <c:v>45.911455723647926</c:v>
                </c:pt>
                <c:pt idx="2896">
                  <c:v>45.901576092517338</c:v>
                </c:pt>
                <c:pt idx="2897">
                  <c:v>45.892242952145715</c:v>
                </c:pt>
                <c:pt idx="2898">
                  <c:v>45.881820122369156</c:v>
                </c:pt>
                <c:pt idx="2899">
                  <c:v>45.872486981997547</c:v>
                </c:pt>
                <c:pt idx="2900">
                  <c:v>45.862607350866959</c:v>
                </c:pt>
                <c:pt idx="2901">
                  <c:v>45.853241289365272</c:v>
                </c:pt>
                <c:pt idx="2902">
                  <c:v>45.843361658234691</c:v>
                </c:pt>
                <c:pt idx="2903">
                  <c:v>45.834028517863075</c:v>
                </c:pt>
                <c:pt idx="2904">
                  <c:v>45.824659164248395</c:v>
                </c:pt>
                <c:pt idx="2905">
                  <c:v>45.8147828252308</c:v>
                </c:pt>
                <c:pt idx="2906">
                  <c:v>45.805449684859191</c:v>
                </c:pt>
                <c:pt idx="2907">
                  <c:v>45.795570053728596</c:v>
                </c:pt>
                <c:pt idx="2908">
                  <c:v>45.785693714711023</c:v>
                </c:pt>
                <c:pt idx="2909">
                  <c:v>45.776324361096336</c:v>
                </c:pt>
                <c:pt idx="2910">
                  <c:v>45.766444729965748</c:v>
                </c:pt>
                <c:pt idx="2911">
                  <c:v>45.756604604191232</c:v>
                </c:pt>
                <c:pt idx="2912">
                  <c:v>45.746724973060637</c:v>
                </c:pt>
                <c:pt idx="2913">
                  <c:v>45.736845341930049</c:v>
                </c:pt>
                <c:pt idx="2914">
                  <c:v>45.726965710799462</c:v>
                </c:pt>
                <c:pt idx="2915">
                  <c:v>45.717089371781881</c:v>
                </c:pt>
                <c:pt idx="2916">
                  <c:v>45.707209740651287</c:v>
                </c:pt>
                <c:pt idx="2917">
                  <c:v>45.697330109520699</c:v>
                </c:pt>
                <c:pt idx="2918">
                  <c:v>45.687453770503119</c:v>
                </c:pt>
                <c:pt idx="2919">
                  <c:v>45.677574139372531</c:v>
                </c:pt>
                <c:pt idx="2920">
                  <c:v>45.667730721485</c:v>
                </c:pt>
                <c:pt idx="2921">
                  <c:v>45.657851090354413</c:v>
                </c:pt>
                <c:pt idx="2922">
                  <c:v>45.647974751336832</c:v>
                </c:pt>
                <c:pt idx="2923">
                  <c:v>45.63758484269033</c:v>
                </c:pt>
                <c:pt idx="2924">
                  <c:v>45.627705211559743</c:v>
                </c:pt>
                <c:pt idx="2925">
                  <c:v>45.617318595026255</c:v>
                </c:pt>
                <c:pt idx="2926">
                  <c:v>45.60743896389566</c:v>
                </c:pt>
                <c:pt idx="2927">
                  <c:v>45.597049055249165</c:v>
                </c:pt>
                <c:pt idx="2928">
                  <c:v>45.5866229333596</c:v>
                </c:pt>
                <c:pt idx="2929">
                  <c:v>45.576236316826112</c:v>
                </c:pt>
                <c:pt idx="2930">
                  <c:v>45.566356685695524</c:v>
                </c:pt>
                <c:pt idx="2931">
                  <c:v>45.555966777049022</c:v>
                </c:pt>
                <c:pt idx="2932">
                  <c:v>45.546087145918435</c:v>
                </c:pt>
                <c:pt idx="2933">
                  <c:v>45.535190251869032</c:v>
                </c:pt>
                <c:pt idx="2934">
                  <c:v>45.52480034322253</c:v>
                </c:pt>
                <c:pt idx="2935">
                  <c:v>45.514410434576035</c:v>
                </c:pt>
                <c:pt idx="2936">
                  <c:v>45.503474035170569</c:v>
                </c:pt>
                <c:pt idx="2937">
                  <c:v>45.493087418637074</c:v>
                </c:pt>
                <c:pt idx="2938">
                  <c:v>45.482697509990572</c:v>
                </c:pt>
                <c:pt idx="2939">
                  <c:v>45.472307601344077</c:v>
                </c:pt>
                <c:pt idx="2940">
                  <c:v>45.461407415181675</c:v>
                </c:pt>
                <c:pt idx="2941">
                  <c:v>45.450474307889202</c:v>
                </c:pt>
                <c:pt idx="2942">
                  <c:v>45.4395741217268</c:v>
                </c:pt>
                <c:pt idx="2943">
                  <c:v>45.429184213080305</c:v>
                </c:pt>
                <c:pt idx="2944">
                  <c:v>45.418758091190746</c:v>
                </c:pt>
                <c:pt idx="2945">
                  <c:v>45.408917965416222</c:v>
                </c:pt>
                <c:pt idx="2946">
                  <c:v>45.397981566010756</c:v>
                </c:pt>
                <c:pt idx="2947">
                  <c:v>45.388101934880162</c:v>
                </c:pt>
                <c:pt idx="2948">
                  <c:v>45.377201748717752</c:v>
                </c:pt>
                <c:pt idx="2949">
                  <c:v>45.366304854668357</c:v>
                </c:pt>
                <c:pt idx="2950">
                  <c:v>45.355368455262884</c:v>
                </c:pt>
                <c:pt idx="2951">
                  <c:v>45.343921778341503</c:v>
                </c:pt>
                <c:pt idx="2952">
                  <c:v>45.333531869695008</c:v>
                </c:pt>
                <c:pt idx="2953">
                  <c:v>45.322631683532606</c:v>
                </c:pt>
                <c:pt idx="2954">
                  <c:v>45.311734789483204</c:v>
                </c:pt>
                <c:pt idx="2955">
                  <c:v>45.30079839007773</c:v>
                </c:pt>
                <c:pt idx="2956">
                  <c:v>45.289898203915328</c:v>
                </c:pt>
                <c:pt idx="2957">
                  <c:v>45.279508295268833</c:v>
                </c:pt>
                <c:pt idx="2958">
                  <c:v>45.268571895863353</c:v>
                </c:pt>
                <c:pt idx="2959">
                  <c:v>45.257164724298043</c:v>
                </c:pt>
                <c:pt idx="2960">
                  <c:v>45.246228324892584</c:v>
                </c:pt>
                <c:pt idx="2961">
                  <c:v>45.234781647971204</c:v>
                </c:pt>
                <c:pt idx="2962">
                  <c:v>45.223371184292887</c:v>
                </c:pt>
                <c:pt idx="2963">
                  <c:v>45.211924507371506</c:v>
                </c:pt>
                <c:pt idx="2964">
                  <c:v>45.201027613322097</c:v>
                </c:pt>
                <c:pt idx="2965">
                  <c:v>45.189580936400723</c:v>
                </c:pt>
                <c:pt idx="2966">
                  <c:v>45.178134259479343</c:v>
                </c:pt>
                <c:pt idx="2967">
                  <c:v>45.166723795801026</c:v>
                </c:pt>
                <c:pt idx="2968">
                  <c:v>45.155277118879646</c:v>
                </c:pt>
                <c:pt idx="2969">
                  <c:v>45.143869947314343</c:v>
                </c:pt>
                <c:pt idx="2970">
                  <c:v>45.132423270392962</c:v>
                </c:pt>
                <c:pt idx="2971">
                  <c:v>45.120466315955674</c:v>
                </c:pt>
                <c:pt idx="2972">
                  <c:v>45.109019639034294</c:v>
                </c:pt>
                <c:pt idx="2973">
                  <c:v>45.097062684597006</c:v>
                </c:pt>
                <c:pt idx="2974">
                  <c:v>45.085652220918696</c:v>
                </c:pt>
                <c:pt idx="2975">
                  <c:v>45.074205543997316</c:v>
                </c:pt>
                <c:pt idx="2976">
                  <c:v>45.062762159188942</c:v>
                </c:pt>
                <c:pt idx="2977">
                  <c:v>45.050841417994718</c:v>
                </c:pt>
                <c:pt idx="2978">
                  <c:v>45.039394741073338</c:v>
                </c:pt>
                <c:pt idx="2979">
                  <c:v>45.027948064151957</c:v>
                </c:pt>
                <c:pt idx="2980">
                  <c:v>45.015480832198769</c:v>
                </c:pt>
                <c:pt idx="2981">
                  <c:v>45.003523877761474</c:v>
                </c:pt>
                <c:pt idx="2982">
                  <c:v>44.991566923324186</c:v>
                </c:pt>
                <c:pt idx="2983">
                  <c:v>44.979613260999905</c:v>
                </c:pt>
                <c:pt idx="2984">
                  <c:v>44.968202797321595</c:v>
                </c:pt>
                <c:pt idx="2985">
                  <c:v>44.955699352125336</c:v>
                </c:pt>
                <c:pt idx="2986">
                  <c:v>44.943232120172141</c:v>
                </c:pt>
                <c:pt idx="2987">
                  <c:v>44.930764888218938</c:v>
                </c:pt>
                <c:pt idx="2988">
                  <c:v>44.91829765626575</c:v>
                </c:pt>
                <c:pt idx="2989">
                  <c:v>44.905830424312541</c:v>
                </c:pt>
                <c:pt idx="2990">
                  <c:v>44.894383747391167</c:v>
                </c:pt>
                <c:pt idx="2991">
                  <c:v>44.882430085066879</c:v>
                </c:pt>
                <c:pt idx="2992">
                  <c:v>44.869962853113691</c:v>
                </c:pt>
                <c:pt idx="2993">
                  <c:v>44.857495621160488</c:v>
                </c:pt>
                <c:pt idx="2994">
                  <c:v>44.845028389207293</c:v>
                </c:pt>
                <c:pt idx="2995">
                  <c:v>44.831504388979219</c:v>
                </c:pt>
                <c:pt idx="2996">
                  <c:v>44.819037157026024</c:v>
                </c:pt>
                <c:pt idx="2997">
                  <c:v>44.806569925072829</c:v>
                </c:pt>
                <c:pt idx="2998">
                  <c:v>44.794102693119633</c:v>
                </c:pt>
                <c:pt idx="2999">
                  <c:v>44.781599247923367</c:v>
                </c:pt>
                <c:pt idx="3000">
                  <c:v>44.768621738454264</c:v>
                </c:pt>
                <c:pt idx="3001">
                  <c:v>44.756157798614076</c:v>
                </c:pt>
                <c:pt idx="3002">
                  <c:v>44.74314407590191</c:v>
                </c:pt>
                <c:pt idx="3003">
                  <c:v>44.7301665664328</c:v>
                </c:pt>
                <c:pt idx="3004">
                  <c:v>44.717189056963697</c:v>
                </c:pt>
                <c:pt idx="3005">
                  <c:v>44.704685611767438</c:v>
                </c:pt>
                <c:pt idx="3006">
                  <c:v>44.691708102298328</c:v>
                </c:pt>
                <c:pt idx="3007">
                  <c:v>44.678184102070254</c:v>
                </c:pt>
                <c:pt idx="3008">
                  <c:v>44.665206592601152</c:v>
                </c:pt>
                <c:pt idx="3009">
                  <c:v>44.652192869888978</c:v>
                </c:pt>
                <c:pt idx="3010">
                  <c:v>44.639215360419882</c:v>
                </c:pt>
                <c:pt idx="3011">
                  <c:v>44.626748128466673</c:v>
                </c:pt>
                <c:pt idx="3012">
                  <c:v>44.613734405754514</c:v>
                </c:pt>
                <c:pt idx="3013">
                  <c:v>44.600246618769496</c:v>
                </c:pt>
                <c:pt idx="3014">
                  <c:v>44.586722618541415</c:v>
                </c:pt>
                <c:pt idx="3015">
                  <c:v>44.573745109072313</c:v>
                </c:pt>
                <c:pt idx="3016">
                  <c:v>44.560221108844232</c:v>
                </c:pt>
                <c:pt idx="3017">
                  <c:v>44.546697108616151</c:v>
                </c:pt>
                <c:pt idx="3018">
                  <c:v>44.533212613744155</c:v>
                </c:pt>
                <c:pt idx="3019">
                  <c:v>44.518628553128181</c:v>
                </c:pt>
                <c:pt idx="3020">
                  <c:v>44.5045942753842</c:v>
                </c:pt>
                <c:pt idx="3021">
                  <c:v>44.490049720124304</c:v>
                </c:pt>
                <c:pt idx="3022">
                  <c:v>44.477072210655201</c:v>
                </c:pt>
                <c:pt idx="3023">
                  <c:v>44.462527655395306</c:v>
                </c:pt>
                <c:pt idx="3024">
                  <c:v>44.449513932683139</c:v>
                </c:pt>
                <c:pt idx="3025">
                  <c:v>44.434969377423243</c:v>
                </c:pt>
                <c:pt idx="3026">
                  <c:v>44.421445377195163</c:v>
                </c:pt>
                <c:pt idx="3027">
                  <c:v>44.407960882323167</c:v>
                </c:pt>
                <c:pt idx="3028">
                  <c:v>44.394436882095086</c:v>
                </c:pt>
                <c:pt idx="3029">
                  <c:v>44.38040260435109</c:v>
                </c:pt>
                <c:pt idx="3030">
                  <c:v>44.366878604123023</c:v>
                </c:pt>
                <c:pt idx="3031">
                  <c:v>44.352844326379028</c:v>
                </c:pt>
                <c:pt idx="3032">
                  <c:v>44.33880675652204</c:v>
                </c:pt>
                <c:pt idx="3033">
                  <c:v>44.324772478778051</c:v>
                </c:pt>
                <c:pt idx="3034">
                  <c:v>44.310227923518163</c:v>
                </c:pt>
                <c:pt idx="3035">
                  <c:v>44.296743428646145</c:v>
                </c:pt>
                <c:pt idx="3036">
                  <c:v>44.281649090514279</c:v>
                </c:pt>
                <c:pt idx="3037">
                  <c:v>44.266594257738475</c:v>
                </c:pt>
                <c:pt idx="3038">
                  <c:v>44.251503211719609</c:v>
                </c:pt>
                <c:pt idx="3039">
                  <c:v>44.236448378943805</c:v>
                </c:pt>
                <c:pt idx="3040">
                  <c:v>44.22190382368391</c:v>
                </c:pt>
                <c:pt idx="3041">
                  <c:v>44.20732305518095</c:v>
                </c:pt>
                <c:pt idx="3042">
                  <c:v>44.192268222405147</c:v>
                </c:pt>
                <c:pt idx="3043">
                  <c:v>44.177723667145258</c:v>
                </c:pt>
                <c:pt idx="3044">
                  <c:v>44.16368938940127</c:v>
                </c:pt>
                <c:pt idx="3045">
                  <c:v>44.149144834141374</c:v>
                </c:pt>
                <c:pt idx="3046">
                  <c:v>44.135110556397386</c:v>
                </c:pt>
                <c:pt idx="3047">
                  <c:v>44.120019510378519</c:v>
                </c:pt>
                <c:pt idx="3048">
                  <c:v>44.104964677602716</c:v>
                </c:pt>
                <c:pt idx="3049">
                  <c:v>44.089363354067949</c:v>
                </c:pt>
                <c:pt idx="3050">
                  <c:v>44.074308521292132</c:v>
                </c:pt>
                <c:pt idx="3051">
                  <c:v>44.058703905644357</c:v>
                </c:pt>
                <c:pt idx="3052">
                  <c:v>44.04361285962549</c:v>
                </c:pt>
                <c:pt idx="3053">
                  <c:v>44.02855802684968</c:v>
                </c:pt>
                <c:pt idx="3054">
                  <c:v>44.014013471589791</c:v>
                </c:pt>
                <c:pt idx="3055">
                  <c:v>43.999468916329889</c:v>
                </c:pt>
                <c:pt idx="3056">
                  <c:v>43.984888147826929</c:v>
                </c:pt>
                <c:pt idx="3057">
                  <c:v>43.969833315051133</c:v>
                </c:pt>
                <c:pt idx="3058">
                  <c:v>43.954742269032266</c:v>
                </c:pt>
                <c:pt idx="3059">
                  <c:v>43.939177158740556</c:v>
                </c:pt>
                <c:pt idx="3060">
                  <c:v>43.924086112721689</c:v>
                </c:pt>
                <c:pt idx="3061">
                  <c:v>43.909031279945886</c:v>
                </c:pt>
                <c:pt idx="3062">
                  <c:v>43.893936941814012</c:v>
                </c:pt>
                <c:pt idx="3063">
                  <c:v>43.878371831522301</c:v>
                </c:pt>
                <c:pt idx="3064">
                  <c:v>43.86277050798752</c:v>
                </c:pt>
                <c:pt idx="3065">
                  <c:v>43.847169184452753</c:v>
                </c:pt>
                <c:pt idx="3066">
                  <c:v>43.83211435167695</c:v>
                </c:pt>
                <c:pt idx="3067">
                  <c:v>43.816513028142168</c:v>
                </c:pt>
                <c:pt idx="3068">
                  <c:v>43.800911704607394</c:v>
                </c:pt>
                <c:pt idx="3069">
                  <c:v>43.785346594315683</c:v>
                </c:pt>
                <c:pt idx="3070">
                  <c:v>43.769234993264995</c:v>
                </c:pt>
                <c:pt idx="3071">
                  <c:v>43.75363037761722</c:v>
                </c:pt>
                <c:pt idx="3072">
                  <c:v>43.737518776566532</c:v>
                </c:pt>
                <c:pt idx="3073">
                  <c:v>43.72191745303175</c:v>
                </c:pt>
                <c:pt idx="3074">
                  <c:v>43.705805851981061</c:v>
                </c:pt>
                <c:pt idx="3075">
                  <c:v>43.690240741689351</c:v>
                </c:pt>
                <c:pt idx="3076">
                  <c:v>43.675149695670491</c:v>
                </c:pt>
                <c:pt idx="3077">
                  <c:v>43.659584585378781</c:v>
                </c:pt>
                <c:pt idx="3078">
                  <c:v>43.644493539359914</c:v>
                </c:pt>
                <c:pt idx="3079">
                  <c:v>43.629435414471104</c:v>
                </c:pt>
                <c:pt idx="3080">
                  <c:v>43.614344368452237</c:v>
                </c:pt>
                <c:pt idx="3081">
                  <c:v>43.598743044917455</c:v>
                </c:pt>
                <c:pt idx="3082">
                  <c:v>43.582631443866774</c:v>
                </c:pt>
                <c:pt idx="3083">
                  <c:v>43.566556056059156</c:v>
                </c:pt>
                <c:pt idx="3084">
                  <c:v>43.550444455008474</c:v>
                </c:pt>
                <c:pt idx="3085">
                  <c:v>43.534843131473693</c:v>
                </c:pt>
                <c:pt idx="3086">
                  <c:v>43.518728238310004</c:v>
                </c:pt>
                <c:pt idx="3087">
                  <c:v>43.50312691477523</c:v>
                </c:pt>
                <c:pt idx="3088">
                  <c:v>43.487015313724541</c:v>
                </c:pt>
                <c:pt idx="3089">
                  <c:v>43.471413990189774</c:v>
                </c:pt>
                <c:pt idx="3090">
                  <c:v>43.454792111623178</c:v>
                </c:pt>
                <c:pt idx="3091">
                  <c:v>43.438680510572489</c:v>
                </c:pt>
                <c:pt idx="3092">
                  <c:v>43.422568909521807</c:v>
                </c:pt>
                <c:pt idx="3093">
                  <c:v>43.406454016358119</c:v>
                </c:pt>
                <c:pt idx="3094">
                  <c:v>43.39034241530743</c:v>
                </c:pt>
                <c:pt idx="3095">
                  <c:v>43.373720536740834</c:v>
                </c:pt>
                <c:pt idx="3096">
                  <c:v>43.358119213206059</c:v>
                </c:pt>
                <c:pt idx="3097">
                  <c:v>43.342007612155378</c:v>
                </c:pt>
                <c:pt idx="3098">
                  <c:v>43.32593222434776</c:v>
                </c:pt>
                <c:pt idx="3099">
                  <c:v>43.309817331184064</c:v>
                </c:pt>
                <c:pt idx="3100">
                  <c:v>43.293705730133382</c:v>
                </c:pt>
                <c:pt idx="3101">
                  <c:v>43.277047638323729</c:v>
                </c:pt>
                <c:pt idx="3102">
                  <c:v>43.260936037273041</c:v>
                </c:pt>
                <c:pt idx="3103">
                  <c:v>43.244824436222359</c:v>
                </c:pt>
                <c:pt idx="3104">
                  <c:v>43.228712835171677</c:v>
                </c:pt>
                <c:pt idx="3105">
                  <c:v>43.212597942007989</c:v>
                </c:pt>
                <c:pt idx="3106">
                  <c:v>43.196522554200364</c:v>
                </c:pt>
                <c:pt idx="3107">
                  <c:v>43.179864462390704</c:v>
                </c:pt>
                <c:pt idx="3108">
                  <c:v>43.163752861340029</c:v>
                </c:pt>
                <c:pt idx="3109">
                  <c:v>43.147641260289333</c:v>
                </c:pt>
                <c:pt idx="3110">
                  <c:v>43.131529659238652</c:v>
                </c:pt>
                <c:pt idx="3111">
                  <c:v>43.114904488559056</c:v>
                </c:pt>
                <c:pt idx="3112">
                  <c:v>43.098282609992459</c:v>
                </c:pt>
                <c:pt idx="3113">
                  <c:v>43.081660731425863</c:v>
                </c:pt>
                <c:pt idx="3114">
                  <c:v>43.065038852859274</c:v>
                </c:pt>
                <c:pt idx="3115">
                  <c:v>43.048927251808593</c:v>
                </c:pt>
                <c:pt idx="3116">
                  <c:v>43.032815650757904</c:v>
                </c:pt>
                <c:pt idx="3117">
                  <c:v>43.017211035110122</c:v>
                </c:pt>
                <c:pt idx="3118">
                  <c:v>43.001099434059441</c:v>
                </c:pt>
                <c:pt idx="3119">
                  <c:v>42.984477555492852</c:v>
                </c:pt>
                <c:pt idx="3120">
                  <c:v>42.968365954442163</c:v>
                </c:pt>
                <c:pt idx="3121">
                  <c:v>42.951707862632503</c:v>
                </c:pt>
                <c:pt idx="3122">
                  <c:v>42.935082691952907</c:v>
                </c:pt>
                <c:pt idx="3123">
                  <c:v>42.918971090902218</c:v>
                </c:pt>
                <c:pt idx="3124">
                  <c:v>42.903405980610508</c:v>
                </c:pt>
                <c:pt idx="3125">
                  <c:v>42.886747888800855</c:v>
                </c:pt>
                <c:pt idx="3126">
                  <c:v>42.870126010234252</c:v>
                </c:pt>
                <c:pt idx="3127">
                  <c:v>42.85401440918357</c:v>
                </c:pt>
                <c:pt idx="3128">
                  <c:v>42.837389238503981</c:v>
                </c:pt>
                <c:pt idx="3129">
                  <c:v>42.821277637453285</c:v>
                </c:pt>
                <c:pt idx="3130">
                  <c:v>42.805166036402603</c:v>
                </c:pt>
                <c:pt idx="3131">
                  <c:v>42.789054435351922</c:v>
                </c:pt>
                <c:pt idx="3132">
                  <c:v>42.772942834301233</c:v>
                </c:pt>
                <c:pt idx="3133">
                  <c:v>42.756320955734644</c:v>
                </c:pt>
                <c:pt idx="3134">
                  <c:v>42.740206062570955</c:v>
                </c:pt>
                <c:pt idx="3135">
                  <c:v>42.724094461520274</c:v>
                </c:pt>
                <c:pt idx="3136">
                  <c:v>42.707982860469585</c:v>
                </c:pt>
                <c:pt idx="3137">
                  <c:v>42.691871259418903</c:v>
                </c:pt>
                <c:pt idx="3138">
                  <c:v>42.675759658368214</c:v>
                </c:pt>
                <c:pt idx="3139">
                  <c:v>42.659648057317533</c:v>
                </c:pt>
                <c:pt idx="3140">
                  <c:v>42.643533164153844</c:v>
                </c:pt>
                <c:pt idx="3141">
                  <c:v>42.626911285587255</c:v>
                </c:pt>
                <c:pt idx="3142">
                  <c:v>42.610799684536566</c:v>
                </c:pt>
                <c:pt idx="3143">
                  <c:v>42.594688083485885</c:v>
                </c:pt>
                <c:pt idx="3144">
                  <c:v>42.578576482435203</c:v>
                </c:pt>
                <c:pt idx="3145">
                  <c:v>42.562464881384507</c:v>
                </c:pt>
                <c:pt idx="3146">
                  <c:v>42.546349988220825</c:v>
                </c:pt>
                <c:pt idx="3147">
                  <c:v>42.530748664686051</c:v>
                </c:pt>
                <c:pt idx="3148">
                  <c:v>42.514637063635355</c:v>
                </c:pt>
                <c:pt idx="3149">
                  <c:v>42.498525462584674</c:v>
                </c:pt>
                <c:pt idx="3150">
                  <c:v>42.482960352292963</c:v>
                </c:pt>
                <c:pt idx="3151">
                  <c:v>42.467359028758189</c:v>
                </c:pt>
                <c:pt idx="3152">
                  <c:v>42.451247427707507</c:v>
                </c:pt>
                <c:pt idx="3153">
                  <c:v>42.435646104172726</c:v>
                </c:pt>
                <c:pt idx="3154">
                  <c:v>42.419531211009037</c:v>
                </c:pt>
                <c:pt idx="3155">
                  <c:v>42.403966100717327</c:v>
                </c:pt>
                <c:pt idx="3156">
                  <c:v>42.388364777182545</c:v>
                </c:pt>
                <c:pt idx="3157">
                  <c:v>42.372763453647778</c:v>
                </c:pt>
                <c:pt idx="3158">
                  <c:v>42.356651852597089</c:v>
                </c:pt>
                <c:pt idx="3159">
                  <c:v>42.341086742305379</c:v>
                </c:pt>
                <c:pt idx="3160">
                  <c:v>42.324975141254697</c:v>
                </c:pt>
                <c:pt idx="3161">
                  <c:v>42.309370525606916</c:v>
                </c:pt>
                <c:pt idx="3162">
                  <c:v>42.293769202072134</c:v>
                </c:pt>
                <c:pt idx="3163">
                  <c:v>42.278167878537367</c:v>
                </c:pt>
                <c:pt idx="3164">
                  <c:v>42.262602768245657</c:v>
                </c:pt>
                <c:pt idx="3165">
                  <c:v>42.24751172222679</c:v>
                </c:pt>
                <c:pt idx="3166">
                  <c:v>42.231946611935072</c:v>
                </c:pt>
                <c:pt idx="3167">
                  <c:v>42.216855565916198</c:v>
                </c:pt>
                <c:pt idx="3168">
                  <c:v>42.201254242381424</c:v>
                </c:pt>
                <c:pt idx="3169">
                  <c:v>42.186199409605621</c:v>
                </c:pt>
                <c:pt idx="3170">
                  <c:v>42.170594793957839</c:v>
                </c:pt>
                <c:pt idx="3171">
                  <c:v>42.155539961182036</c:v>
                </c:pt>
                <c:pt idx="3172">
                  <c:v>42.140448915163169</c:v>
                </c:pt>
                <c:pt idx="3173">
                  <c:v>42.124883804871459</c:v>
                </c:pt>
                <c:pt idx="3174">
                  <c:v>42.109792758852592</c:v>
                </c:pt>
                <c:pt idx="3175">
                  <c:v>42.094737926076789</c:v>
                </c:pt>
                <c:pt idx="3176">
                  <c:v>42.080157157573829</c:v>
                </c:pt>
                <c:pt idx="3177">
                  <c:v>42.065102324798033</c:v>
                </c:pt>
                <c:pt idx="3178">
                  <c:v>42.05004749202223</c:v>
                </c:pt>
                <c:pt idx="3179">
                  <c:v>42.034956446003363</c:v>
                </c:pt>
                <c:pt idx="3180">
                  <c:v>42.020411890743461</c:v>
                </c:pt>
                <c:pt idx="3181">
                  <c:v>42.005867335483565</c:v>
                </c:pt>
                <c:pt idx="3182">
                  <c:v>41.990262719835791</c:v>
                </c:pt>
                <c:pt idx="3183">
                  <c:v>41.975207887059987</c:v>
                </c:pt>
                <c:pt idx="3184">
                  <c:v>41.960627118557028</c:v>
                </c:pt>
                <c:pt idx="3185">
                  <c:v>41.946082563297132</c:v>
                </c:pt>
                <c:pt idx="3186">
                  <c:v>41.931538008037229</c:v>
                </c:pt>
                <c:pt idx="3187">
                  <c:v>41.916993452777334</c:v>
                </c:pt>
                <c:pt idx="3188">
                  <c:v>41.902448897517445</c:v>
                </c:pt>
                <c:pt idx="3189">
                  <c:v>41.888414619773457</c:v>
                </c:pt>
                <c:pt idx="3190">
                  <c:v>41.873833851270497</c:v>
                </c:pt>
                <c:pt idx="3191">
                  <c:v>41.859289296010601</c:v>
                </c:pt>
                <c:pt idx="3192">
                  <c:v>41.84525501826662</c:v>
                </c:pt>
                <c:pt idx="3193">
                  <c:v>41.830710463006724</c:v>
                </c:pt>
                <c:pt idx="3194">
                  <c:v>41.816676185262743</c:v>
                </c:pt>
                <c:pt idx="3195">
                  <c:v>41.802641907518755</c:v>
                </c:pt>
                <c:pt idx="3196">
                  <c:v>41.788097352258859</c:v>
                </c:pt>
                <c:pt idx="3197">
                  <c:v>41.774573352030785</c:v>
                </c:pt>
                <c:pt idx="3198">
                  <c:v>41.760539074286797</c:v>
                </c:pt>
                <c:pt idx="3199">
                  <c:v>41.745994519026901</c:v>
                </c:pt>
                <c:pt idx="3200">
                  <c:v>41.731960241282913</c:v>
                </c:pt>
                <c:pt idx="3201">
                  <c:v>41.717925963538931</c:v>
                </c:pt>
                <c:pt idx="3202">
                  <c:v>41.703891685794943</c:v>
                </c:pt>
                <c:pt idx="3203">
                  <c:v>41.690403898809933</c:v>
                </c:pt>
                <c:pt idx="3204">
                  <c:v>41.676879898581845</c:v>
                </c:pt>
                <c:pt idx="3205">
                  <c:v>41.662845620837864</c:v>
                </c:pt>
                <c:pt idx="3206">
                  <c:v>41.649321620609783</c:v>
                </c:pt>
                <c:pt idx="3207">
                  <c:v>41.635323556108865</c:v>
                </c:pt>
                <c:pt idx="3208">
                  <c:v>41.621799555880784</c:v>
                </c:pt>
                <c:pt idx="3209">
                  <c:v>41.60827555565271</c:v>
                </c:pt>
                <c:pt idx="3210">
                  <c:v>41.594751555424629</c:v>
                </c:pt>
                <c:pt idx="3211">
                  <c:v>41.581263768439619</c:v>
                </c:pt>
                <c:pt idx="3212">
                  <c:v>41.568250045727446</c:v>
                </c:pt>
                <c:pt idx="3213">
                  <c:v>41.554762258742436</c:v>
                </c:pt>
                <c:pt idx="3214">
                  <c:v>41.541238258514355</c:v>
                </c:pt>
                <c:pt idx="3215">
                  <c:v>41.528260749045259</c:v>
                </c:pt>
                <c:pt idx="3216">
                  <c:v>41.515247026333086</c:v>
                </c:pt>
                <c:pt idx="3217">
                  <c:v>41.502269516863983</c:v>
                </c:pt>
                <c:pt idx="3218">
                  <c:v>41.488745516635909</c:v>
                </c:pt>
                <c:pt idx="3219">
                  <c:v>41.475768007166799</c:v>
                </c:pt>
                <c:pt idx="3220">
                  <c:v>41.462244006938725</c:v>
                </c:pt>
                <c:pt idx="3221">
                  <c:v>41.448720006710644</c:v>
                </c:pt>
                <c:pt idx="3222">
                  <c:v>41.435745789354549</c:v>
                </c:pt>
                <c:pt idx="3223">
                  <c:v>41.422732066642375</c:v>
                </c:pt>
                <c:pt idx="3224">
                  <c:v>41.409754557173279</c:v>
                </c:pt>
                <c:pt idx="3225">
                  <c:v>41.39728732522007</c:v>
                </c:pt>
                <c:pt idx="3226">
                  <c:v>41.384273602507911</c:v>
                </c:pt>
                <c:pt idx="3227">
                  <c:v>41.371296093038801</c:v>
                </c:pt>
                <c:pt idx="3228">
                  <c:v>41.359339138601513</c:v>
                </c:pt>
                <c:pt idx="3229">
                  <c:v>41.345815138373432</c:v>
                </c:pt>
                <c:pt idx="3230">
                  <c:v>41.333347906420236</c:v>
                </c:pt>
                <c:pt idx="3231">
                  <c:v>41.321390951982949</c:v>
                </c:pt>
                <c:pt idx="3232">
                  <c:v>41.308413442513846</c:v>
                </c:pt>
                <c:pt idx="3233">
                  <c:v>41.295949502673658</c:v>
                </c:pt>
                <c:pt idx="3234">
                  <c:v>41.283482270720462</c:v>
                </c:pt>
                <c:pt idx="3235">
                  <c:v>41.270978825524203</c:v>
                </c:pt>
                <c:pt idx="3236">
                  <c:v>41.258511593571001</c:v>
                </c:pt>
                <c:pt idx="3237">
                  <c:v>41.246044361617813</c:v>
                </c:pt>
                <c:pt idx="3238">
                  <c:v>41.23357712966461</c:v>
                </c:pt>
                <c:pt idx="3239">
                  <c:v>41.221109897711422</c:v>
                </c:pt>
                <c:pt idx="3240">
                  <c:v>41.208642665758219</c:v>
                </c:pt>
                <c:pt idx="3241">
                  <c:v>41.196685711320931</c:v>
                </c:pt>
                <c:pt idx="3242">
                  <c:v>41.184182266124672</c:v>
                </c:pt>
                <c:pt idx="3243">
                  <c:v>41.172775094559363</c:v>
                </c:pt>
                <c:pt idx="3244">
                  <c:v>41.160307862606167</c:v>
                </c:pt>
                <c:pt idx="3245">
                  <c:v>41.148350908168879</c:v>
                </c:pt>
                <c:pt idx="3246">
                  <c:v>41.136393953731591</c:v>
                </c:pt>
                <c:pt idx="3247">
                  <c:v>41.123926721778396</c:v>
                </c:pt>
                <c:pt idx="3248">
                  <c:v>41.112480044857023</c:v>
                </c:pt>
                <c:pt idx="3249">
                  <c:v>41.10001281290382</c:v>
                </c:pt>
                <c:pt idx="3250">
                  <c:v>41.088059150579532</c:v>
                </c:pt>
                <c:pt idx="3251">
                  <c:v>41.076102196142244</c:v>
                </c:pt>
                <c:pt idx="3252">
                  <c:v>41.064655519220871</c:v>
                </c:pt>
                <c:pt idx="3253">
                  <c:v>41.052188287267676</c:v>
                </c:pt>
                <c:pt idx="3254">
                  <c:v>41.040741610346295</c:v>
                </c:pt>
                <c:pt idx="3255">
                  <c:v>41.028820869152071</c:v>
                </c:pt>
                <c:pt idx="3256">
                  <c:v>41.01737419223069</c:v>
                </c:pt>
                <c:pt idx="3257">
                  <c:v>41.005930807422317</c:v>
                </c:pt>
                <c:pt idx="3258">
                  <c:v>40.994520343744007</c:v>
                </c:pt>
                <c:pt idx="3259">
                  <c:v>40.983073666822627</c:v>
                </c:pt>
                <c:pt idx="3260">
                  <c:v>40.971626989901246</c:v>
                </c:pt>
                <c:pt idx="3261">
                  <c:v>40.960216526222929</c:v>
                </c:pt>
                <c:pt idx="3262">
                  <c:v>40.949283418930463</c:v>
                </c:pt>
                <c:pt idx="3263">
                  <c:v>40.938383232768061</c:v>
                </c:pt>
                <c:pt idx="3264">
                  <c:v>40.92693655584668</c:v>
                </c:pt>
                <c:pt idx="3265">
                  <c:v>40.915526092168371</c:v>
                </c:pt>
                <c:pt idx="3266">
                  <c:v>40.90407941524699</c:v>
                </c:pt>
                <c:pt idx="3267">
                  <c:v>40.893182521197595</c:v>
                </c:pt>
                <c:pt idx="3268">
                  <c:v>40.882246121792114</c:v>
                </c:pt>
                <c:pt idx="3269">
                  <c:v>40.871345935629712</c:v>
                </c:pt>
                <c:pt idx="3270">
                  <c:v>40.859899258708332</c:v>
                </c:pt>
                <c:pt idx="3271">
                  <c:v>40.848999072545922</c:v>
                </c:pt>
                <c:pt idx="3272">
                  <c:v>40.838065965253463</c:v>
                </c:pt>
                <c:pt idx="3273">
                  <c:v>40.827165779091054</c:v>
                </c:pt>
                <c:pt idx="3274">
                  <c:v>40.816775870444559</c:v>
                </c:pt>
                <c:pt idx="3275">
                  <c:v>40.806385961798064</c:v>
                </c:pt>
                <c:pt idx="3276">
                  <c:v>40.795449562392591</c:v>
                </c:pt>
                <c:pt idx="3277">
                  <c:v>40.785062945859096</c:v>
                </c:pt>
                <c:pt idx="3278">
                  <c:v>40.774162759696686</c:v>
                </c:pt>
                <c:pt idx="3279">
                  <c:v>40.763772851050184</c:v>
                </c:pt>
                <c:pt idx="3280">
                  <c:v>40.753346729160633</c:v>
                </c:pt>
                <c:pt idx="3281">
                  <c:v>40.742449835111231</c:v>
                </c:pt>
                <c:pt idx="3282">
                  <c:v>40.731549648948821</c:v>
                </c:pt>
                <c:pt idx="3283">
                  <c:v>40.720613249543348</c:v>
                </c:pt>
                <c:pt idx="3284">
                  <c:v>40.709713063380946</c:v>
                </c:pt>
                <c:pt idx="3285">
                  <c:v>40.698776663975472</c:v>
                </c:pt>
                <c:pt idx="3286">
                  <c:v>40.687879769926077</c:v>
                </c:pt>
                <c:pt idx="3287">
                  <c:v>40.677489861279575</c:v>
                </c:pt>
                <c:pt idx="3288">
                  <c:v>40.66709995263308</c:v>
                </c:pt>
                <c:pt idx="3289">
                  <c:v>40.6556532757117</c:v>
                </c:pt>
                <c:pt idx="3290">
                  <c:v>40.645776936694119</c:v>
                </c:pt>
                <c:pt idx="3291">
                  <c:v>40.63487675053171</c:v>
                </c:pt>
                <c:pt idx="3292">
                  <c:v>40.624486841885215</c:v>
                </c:pt>
                <c:pt idx="3293">
                  <c:v>40.614607210754627</c:v>
                </c:pt>
                <c:pt idx="3294">
                  <c:v>40.604220594221133</c:v>
                </c:pt>
                <c:pt idx="3295">
                  <c:v>40.593794472331567</c:v>
                </c:pt>
                <c:pt idx="3296">
                  <c:v>40.583951054444043</c:v>
                </c:pt>
                <c:pt idx="3297">
                  <c:v>40.573524932554484</c:v>
                </c:pt>
                <c:pt idx="3298">
                  <c:v>40.563684806779968</c:v>
                </c:pt>
                <c:pt idx="3299">
                  <c:v>40.553258684890402</c:v>
                </c:pt>
                <c:pt idx="3300">
                  <c:v>40.543415267002878</c:v>
                </c:pt>
                <c:pt idx="3301">
                  <c:v>40.532992437226319</c:v>
                </c:pt>
                <c:pt idx="3302">
                  <c:v>40.523149019338796</c:v>
                </c:pt>
                <c:pt idx="3303">
                  <c:v>40.512722897449237</c:v>
                </c:pt>
                <c:pt idx="3304">
                  <c:v>40.502879479561706</c:v>
                </c:pt>
                <c:pt idx="3305">
                  <c:v>40.493003140544118</c:v>
                </c:pt>
                <c:pt idx="3306">
                  <c:v>40.483123509413531</c:v>
                </c:pt>
                <c:pt idx="3307">
                  <c:v>40.47324387828295</c:v>
                </c:pt>
                <c:pt idx="3308">
                  <c:v>40.463367539265363</c:v>
                </c:pt>
                <c:pt idx="3309">
                  <c:v>40.453998185650683</c:v>
                </c:pt>
                <c:pt idx="3310">
                  <c:v>40.443608277004181</c:v>
                </c:pt>
                <c:pt idx="3311">
                  <c:v>40.434275136632564</c:v>
                </c:pt>
                <c:pt idx="3312">
                  <c:v>40.424398797614984</c:v>
                </c:pt>
                <c:pt idx="3313">
                  <c:v>40.414519166484389</c:v>
                </c:pt>
                <c:pt idx="3314">
                  <c:v>40.404639535353802</c:v>
                </c:pt>
                <c:pt idx="3315">
                  <c:v>40.394763196336221</c:v>
                </c:pt>
                <c:pt idx="3316">
                  <c:v>40.384883565205634</c:v>
                </c:pt>
                <c:pt idx="3317">
                  <c:v>40.375003934075039</c:v>
                </c:pt>
                <c:pt idx="3318">
                  <c:v>40.365124302944452</c:v>
                </c:pt>
                <c:pt idx="3319">
                  <c:v>40.355284177169935</c:v>
                </c:pt>
                <c:pt idx="3320">
                  <c:v>40.345404546039347</c:v>
                </c:pt>
                <c:pt idx="3321">
                  <c:v>40.33552491490876</c:v>
                </c:pt>
                <c:pt idx="3322">
                  <c:v>40.325648575891172</c:v>
                </c:pt>
                <c:pt idx="3323">
                  <c:v>40.316279222276492</c:v>
                </c:pt>
                <c:pt idx="3324">
                  <c:v>40.306946081904876</c:v>
                </c:pt>
                <c:pt idx="3325">
                  <c:v>40.297580020403203</c:v>
                </c:pt>
                <c:pt idx="3326">
                  <c:v>40.288210666788522</c:v>
                </c:pt>
                <c:pt idx="3327">
                  <c:v>40.278331035657928</c:v>
                </c:pt>
                <c:pt idx="3328">
                  <c:v>40.269001187399319</c:v>
                </c:pt>
                <c:pt idx="3329">
                  <c:v>40.259631833784638</c:v>
                </c:pt>
                <c:pt idx="3330">
                  <c:v>40.250808970928929</c:v>
                </c:pt>
                <c:pt idx="3331">
                  <c:v>40.241953186943171</c:v>
                </c:pt>
                <c:pt idx="3332">
                  <c:v>40.233130324087462</c:v>
                </c:pt>
                <c:pt idx="3333">
                  <c:v>40.223250692956867</c:v>
                </c:pt>
                <c:pt idx="3334">
                  <c:v>40.213374353939287</c:v>
                </c:pt>
                <c:pt idx="3335">
                  <c:v>40.203494722808699</c:v>
                </c:pt>
                <c:pt idx="3336">
                  <c:v>40.193651304921161</c:v>
                </c:pt>
                <c:pt idx="3337">
                  <c:v>40.183771673790581</c:v>
                </c:pt>
                <c:pt idx="3338">
                  <c:v>40.174405612288901</c:v>
                </c:pt>
                <c:pt idx="3339">
                  <c:v>40.165036258674228</c:v>
                </c:pt>
                <c:pt idx="3340">
                  <c:v>40.155703118302604</c:v>
                </c:pt>
                <c:pt idx="3341">
                  <c:v>40.153625794995904</c:v>
                </c:pt>
                <c:pt idx="3342">
                  <c:v>40.144770011010145</c:v>
                </c:pt>
                <c:pt idx="3343">
                  <c:v>40.135436870638522</c:v>
                </c:pt>
                <c:pt idx="3344">
                  <c:v>40.126577794539756</c:v>
                </c:pt>
                <c:pt idx="3345">
                  <c:v>40.117758223797054</c:v>
                </c:pt>
                <c:pt idx="3346">
                  <c:v>40.108935360941345</c:v>
                </c:pt>
                <c:pt idx="3347">
                  <c:v>40.100076284842572</c:v>
                </c:pt>
                <c:pt idx="3348">
                  <c:v>40.090746436583963</c:v>
                </c:pt>
                <c:pt idx="3349">
                  <c:v>40.082433851244161</c:v>
                </c:pt>
                <c:pt idx="3350">
                  <c:v>40.073574775145389</c:v>
                </c:pt>
                <c:pt idx="3351">
                  <c:v>40.064755204402687</c:v>
                </c:pt>
                <c:pt idx="3352">
                  <c:v>40.055896128303914</c:v>
                </c:pt>
                <c:pt idx="3353">
                  <c:v>40.046566280045305</c:v>
                </c:pt>
                <c:pt idx="3354">
                  <c:v>40.038253694705503</c:v>
                </c:pt>
                <c:pt idx="3355">
                  <c:v>40.029941109365708</c:v>
                </c:pt>
                <c:pt idx="3356">
                  <c:v>40.021631816138914</c:v>
                </c:pt>
                <c:pt idx="3357">
                  <c:v>40.012262462524234</c:v>
                </c:pt>
                <c:pt idx="3358">
                  <c:v>40.003439599668525</c:v>
                </c:pt>
                <c:pt idx="3359">
                  <c:v>39.995094093198666</c:v>
                </c:pt>
                <c:pt idx="3360">
                  <c:v>39.986781507858865</c:v>
                </c:pt>
                <c:pt idx="3361">
                  <c:v>39.978472214632077</c:v>
                </c:pt>
                <c:pt idx="3362">
                  <c:v>39.970669906808183</c:v>
                </c:pt>
                <c:pt idx="3363">
                  <c:v>39.962357321468382</c:v>
                </c:pt>
                <c:pt idx="3364">
                  <c:v>39.955104796516473</c:v>
                </c:pt>
                <c:pt idx="3365">
                  <c:v>39.947302488692586</c:v>
                </c:pt>
                <c:pt idx="3366">
                  <c:v>39.940013750497606</c:v>
                </c:pt>
                <c:pt idx="3367">
                  <c:v>39.933268210948597</c:v>
                </c:pt>
                <c:pt idx="3368">
                  <c:v>39.925979472753625</c:v>
                </c:pt>
                <c:pt idx="3369">
                  <c:v>39.919233933204616</c:v>
                </c:pt>
                <c:pt idx="3370">
                  <c:v>39.911945195009636</c:v>
                </c:pt>
                <c:pt idx="3371">
                  <c:v>39.905199655460621</c:v>
                </c:pt>
                <c:pt idx="3372">
                  <c:v>39.898457408024619</c:v>
                </c:pt>
                <c:pt idx="3373">
                  <c:v>39.891165377716639</c:v>
                </c:pt>
                <c:pt idx="3374">
                  <c:v>39.883876639521667</c:v>
                </c:pt>
                <c:pt idx="3375">
                  <c:v>39.877641377488565</c:v>
                </c:pt>
                <c:pt idx="3376">
                  <c:v>39.870899130052557</c:v>
                </c:pt>
                <c:pt idx="3377">
                  <c:v>39.864663868019456</c:v>
                </c:pt>
                <c:pt idx="3378">
                  <c:v>39.858942175615269</c:v>
                </c:pt>
                <c:pt idx="3379">
                  <c:v>39.852710205695168</c:v>
                </c:pt>
                <c:pt idx="3380">
                  <c:v>39.846474943662066</c:v>
                </c:pt>
                <c:pt idx="3381">
                  <c:v>39.840753251257887</c:v>
                </c:pt>
                <c:pt idx="3382">
                  <c:v>39.835028266740686</c:v>
                </c:pt>
                <c:pt idx="3383">
                  <c:v>39.828796296820599</c:v>
                </c:pt>
                <c:pt idx="3384">
                  <c:v>39.823071312303398</c:v>
                </c:pt>
                <c:pt idx="3385">
                  <c:v>39.817896110658189</c:v>
                </c:pt>
                <c:pt idx="3386">
                  <c:v>39.812174418254003</c:v>
                </c:pt>
                <c:pt idx="3387">
                  <c:v>39.806449433736809</c:v>
                </c:pt>
                <c:pt idx="3388">
                  <c:v>39.800727741332629</c:v>
                </c:pt>
                <c:pt idx="3389">
                  <c:v>39.795552539687407</c:v>
                </c:pt>
                <c:pt idx="3390">
                  <c:v>39.78982755517022</c:v>
                </c:pt>
                <c:pt idx="3391">
                  <c:v>39.78461614028194</c:v>
                </c:pt>
                <c:pt idx="3392">
                  <c:v>39.779437646523718</c:v>
                </c:pt>
                <c:pt idx="3393">
                  <c:v>39.774736509151346</c:v>
                </c:pt>
                <c:pt idx="3394">
                  <c:v>39.769561307506137</c:v>
                </c:pt>
                <c:pt idx="3395">
                  <c:v>39.764346600504851</c:v>
                </c:pt>
                <c:pt idx="3396">
                  <c:v>39.759171398859635</c:v>
                </c:pt>
                <c:pt idx="3397">
                  <c:v>39.75447026148727</c:v>
                </c:pt>
                <c:pt idx="3398">
                  <c:v>39.749802045244955</c:v>
                </c:pt>
                <c:pt idx="3399">
                  <c:v>39.745647398631561</c:v>
                </c:pt>
                <c:pt idx="3400">
                  <c:v>39.740432691630275</c:v>
                </c:pt>
                <c:pt idx="3401">
                  <c:v>39.735767767500974</c:v>
                </c:pt>
                <c:pt idx="3402">
                  <c:v>39.731102843371666</c:v>
                </c:pt>
                <c:pt idx="3403">
                  <c:v>39.726437919242365</c:v>
                </c:pt>
                <c:pt idx="3404">
                  <c:v>39.721733489756986</c:v>
                </c:pt>
                <c:pt idx="3405">
                  <c:v>39.717068565627685</c:v>
                </c:pt>
                <c:pt idx="3406">
                  <c:v>39.712403641498376</c:v>
                </c:pt>
                <c:pt idx="3407">
                  <c:v>39.707699212012997</c:v>
                </c:pt>
                <c:pt idx="3408">
                  <c:v>39.703034287883696</c:v>
                </c:pt>
                <c:pt idx="3409">
                  <c:v>39.698369363754395</c:v>
                </c:pt>
                <c:pt idx="3410">
                  <c:v>39.693664934269016</c:v>
                </c:pt>
                <c:pt idx="3411">
                  <c:v>39.688489732623808</c:v>
                </c:pt>
                <c:pt idx="3412">
                  <c:v>39.683785303138428</c:v>
                </c:pt>
                <c:pt idx="3413">
                  <c:v>39.67912037900912</c:v>
                </c:pt>
                <c:pt idx="3414">
                  <c:v>39.674455454879819</c:v>
                </c:pt>
                <c:pt idx="3415">
                  <c:v>39.669787238637504</c:v>
                </c:pt>
                <c:pt idx="3416">
                  <c:v>39.665086101265139</c:v>
                </c:pt>
                <c:pt idx="3417">
                  <c:v>39.660931454651738</c:v>
                </c:pt>
                <c:pt idx="3418">
                  <c:v>39.656773515925337</c:v>
                </c:pt>
                <c:pt idx="3419">
                  <c:v>39.652618869311937</c:v>
                </c:pt>
                <c:pt idx="3420">
                  <c:v>39.647953945182635</c:v>
                </c:pt>
                <c:pt idx="3421">
                  <c:v>39.643799298569228</c:v>
                </c:pt>
                <c:pt idx="3422">
                  <c:v>39.639641359842834</c:v>
                </c:pt>
                <c:pt idx="3423">
                  <c:v>39.63548671322944</c:v>
                </c:pt>
                <c:pt idx="3424">
                  <c:v>39.631332066616046</c:v>
                </c:pt>
                <c:pt idx="3425">
                  <c:v>39.627137914646575</c:v>
                </c:pt>
                <c:pt idx="3426">
                  <c:v>39.622472990517267</c:v>
                </c:pt>
                <c:pt idx="3427">
                  <c:v>39.618318343903873</c:v>
                </c:pt>
                <c:pt idx="3428">
                  <c:v>39.614160405177465</c:v>
                </c:pt>
                <c:pt idx="3429">
                  <c:v>39.610005758564078</c:v>
                </c:pt>
                <c:pt idx="3430">
                  <c:v>39.60585111195067</c:v>
                </c:pt>
                <c:pt idx="3431">
                  <c:v>39.601696465337277</c:v>
                </c:pt>
                <c:pt idx="3432">
                  <c:v>39.597538526610876</c:v>
                </c:pt>
                <c:pt idx="3433">
                  <c:v>39.593894157513382</c:v>
                </c:pt>
                <c:pt idx="3434">
                  <c:v>39.589229233384081</c:v>
                </c:pt>
                <c:pt idx="3435">
                  <c:v>39.585071294657688</c:v>
                </c:pt>
                <c:pt idx="3436">
                  <c:v>39.581426925560187</c:v>
                </c:pt>
                <c:pt idx="3437">
                  <c:v>39.576762001430879</c:v>
                </c:pt>
                <c:pt idx="3438">
                  <c:v>39.573114340220393</c:v>
                </c:pt>
                <c:pt idx="3439">
                  <c:v>39.568959693606992</c:v>
                </c:pt>
                <c:pt idx="3440">
                  <c:v>39.565315324509498</c:v>
                </c:pt>
                <c:pt idx="3441">
                  <c:v>39.561670955412019</c:v>
                </c:pt>
                <c:pt idx="3442">
                  <c:v>39.557513016685611</c:v>
                </c:pt>
                <c:pt idx="3443">
                  <c:v>39.553358370072218</c:v>
                </c:pt>
                <c:pt idx="3444">
                  <c:v>39.549714000974731</c:v>
                </c:pt>
                <c:pt idx="3445">
                  <c:v>39.545556062248323</c:v>
                </c:pt>
                <c:pt idx="3446">
                  <c:v>39.541911693150837</c:v>
                </c:pt>
                <c:pt idx="3447">
                  <c:v>39.537757046537443</c:v>
                </c:pt>
                <c:pt idx="3448">
                  <c:v>39.534659168198928</c:v>
                </c:pt>
                <c:pt idx="3449">
                  <c:v>39.53050122947252</c:v>
                </c:pt>
                <c:pt idx="3450">
                  <c:v>39.526856860375034</c:v>
                </c:pt>
                <c:pt idx="3451">
                  <c:v>39.52270221376164</c:v>
                </c:pt>
                <c:pt idx="3452">
                  <c:v>39.519568122180061</c:v>
                </c:pt>
                <c:pt idx="3453">
                  <c:v>39.515410183453653</c:v>
                </c:pt>
                <c:pt idx="3454">
                  <c:v>39.511765814356167</c:v>
                </c:pt>
                <c:pt idx="3455">
                  <c:v>39.508157658501744</c:v>
                </c:pt>
                <c:pt idx="3456">
                  <c:v>39.504513289404258</c:v>
                </c:pt>
                <c:pt idx="3457">
                  <c:v>39.500865628193758</c:v>
                </c:pt>
                <c:pt idx="3458">
                  <c:v>39.497221259096271</c:v>
                </c:pt>
                <c:pt idx="3459">
                  <c:v>39.493576889998785</c:v>
                </c:pt>
                <c:pt idx="3460">
                  <c:v>39.489968734144362</c:v>
                </c:pt>
                <c:pt idx="3461">
                  <c:v>39.486321072933869</c:v>
                </c:pt>
                <c:pt idx="3462">
                  <c:v>39.482676703836383</c:v>
                </c:pt>
                <c:pt idx="3463">
                  <c:v>39.479032334738889</c:v>
                </c:pt>
                <c:pt idx="3464">
                  <c:v>39.475934456400381</c:v>
                </c:pt>
                <c:pt idx="3465">
                  <c:v>39.472286795189881</c:v>
                </c:pt>
                <c:pt idx="3466">
                  <c:v>39.468132148576487</c:v>
                </c:pt>
                <c:pt idx="3467">
                  <c:v>39.464487779479001</c:v>
                </c:pt>
                <c:pt idx="3468">
                  <c:v>39.4608401182685</c:v>
                </c:pt>
                <c:pt idx="3469">
                  <c:v>39.457742239929992</c:v>
                </c:pt>
                <c:pt idx="3470">
                  <c:v>39.454097870832499</c:v>
                </c:pt>
                <c:pt idx="3471">
                  <c:v>39.45096377925092</c:v>
                </c:pt>
                <c:pt idx="3472">
                  <c:v>39.44735233128349</c:v>
                </c:pt>
                <c:pt idx="3473">
                  <c:v>39.443707962186004</c:v>
                </c:pt>
                <c:pt idx="3474">
                  <c:v>39.44006359308851</c:v>
                </c:pt>
                <c:pt idx="3475">
                  <c:v>39.436419223991024</c:v>
                </c:pt>
                <c:pt idx="3476">
                  <c:v>39.43277156278053</c:v>
                </c:pt>
                <c:pt idx="3477">
                  <c:v>39.429673684442015</c:v>
                </c:pt>
                <c:pt idx="3478">
                  <c:v>39.426029315344529</c:v>
                </c:pt>
                <c:pt idx="3479">
                  <c:v>39.42289522376295</c:v>
                </c:pt>
                <c:pt idx="3480">
                  <c:v>39.41928377579552</c:v>
                </c:pt>
                <c:pt idx="3481">
                  <c:v>39.416149684213941</c:v>
                </c:pt>
                <c:pt idx="3482">
                  <c:v>39.413051805875419</c:v>
                </c:pt>
                <c:pt idx="3483">
                  <c:v>39.40940743677794</c:v>
                </c:pt>
                <c:pt idx="3484">
                  <c:v>39.405759775567439</c:v>
                </c:pt>
                <c:pt idx="3485">
                  <c:v>39.40262568398586</c:v>
                </c:pt>
                <c:pt idx="3486">
                  <c:v>39.399017528131438</c:v>
                </c:pt>
                <c:pt idx="3487">
                  <c:v>39.395373159033952</c:v>
                </c:pt>
                <c:pt idx="3488">
                  <c:v>39.391725497823451</c:v>
                </c:pt>
                <c:pt idx="3489">
                  <c:v>39.388591406241872</c:v>
                </c:pt>
                <c:pt idx="3490">
                  <c:v>39.38498325038745</c:v>
                </c:pt>
                <c:pt idx="3491">
                  <c:v>39.381849158805871</c:v>
                </c:pt>
                <c:pt idx="3492">
                  <c:v>39.378201497595377</c:v>
                </c:pt>
                <c:pt idx="3493">
                  <c:v>39.375103619256862</c:v>
                </c:pt>
                <c:pt idx="3494">
                  <c:v>39.371969527675283</c:v>
                </c:pt>
                <c:pt idx="3495">
                  <c:v>39.36832515857779</c:v>
                </c:pt>
                <c:pt idx="3496">
                  <c:v>39.365227280239282</c:v>
                </c:pt>
                <c:pt idx="3497">
                  <c:v>39.362089896544688</c:v>
                </c:pt>
                <c:pt idx="3498">
                  <c:v>39.35899201820618</c:v>
                </c:pt>
                <c:pt idx="3499">
                  <c:v>39.356404417383573</c:v>
                </c:pt>
                <c:pt idx="3500">
                  <c:v>39.352760048286079</c:v>
                </c:pt>
                <c:pt idx="3501">
                  <c:v>39.3496226645915</c:v>
                </c:pt>
                <c:pt idx="3502">
                  <c:v>39.346524786252978</c:v>
                </c:pt>
                <c:pt idx="3503">
                  <c:v>39.342880417155492</c:v>
                </c:pt>
                <c:pt idx="3504">
                  <c:v>39.339746325573913</c:v>
                </c:pt>
                <c:pt idx="3505">
                  <c:v>39.33664515512239</c:v>
                </c:pt>
                <c:pt idx="3506">
                  <c:v>39.333511063540811</c:v>
                </c:pt>
                <c:pt idx="3507">
                  <c:v>39.329866694443325</c:v>
                </c:pt>
                <c:pt idx="3508">
                  <c:v>39.32676881610481</c:v>
                </c:pt>
                <c:pt idx="3509">
                  <c:v>39.323631432410224</c:v>
                </c:pt>
                <c:pt idx="3510">
                  <c:v>39.320533554071709</c:v>
                </c:pt>
                <c:pt idx="3511">
                  <c:v>39.31739946249013</c:v>
                </c:pt>
                <c:pt idx="3512">
                  <c:v>39.314301584151607</c:v>
                </c:pt>
                <c:pt idx="3513">
                  <c:v>39.311167492570029</c:v>
                </c:pt>
                <c:pt idx="3514">
                  <c:v>39.308066322118513</c:v>
                </c:pt>
                <c:pt idx="3515">
                  <c:v>39.304421953021027</c:v>
                </c:pt>
                <c:pt idx="3516">
                  <c:v>39.301287861439448</c:v>
                </c:pt>
                <c:pt idx="3517">
                  <c:v>39.297679705585011</c:v>
                </c:pt>
                <c:pt idx="3518">
                  <c:v>39.294542321890439</c:v>
                </c:pt>
                <c:pt idx="3519">
                  <c:v>39.291408230308861</c:v>
                </c:pt>
                <c:pt idx="3520">
                  <c:v>39.288310351970331</c:v>
                </c:pt>
                <c:pt idx="3521">
                  <c:v>39.285176260388752</c:v>
                </c:pt>
                <c:pt idx="3522">
                  <c:v>39.28156810453433</c:v>
                </c:pt>
                <c:pt idx="3523">
                  <c:v>39.278430720839751</c:v>
                </c:pt>
                <c:pt idx="3524">
                  <c:v>39.274786351742257</c:v>
                </c:pt>
                <c:pt idx="3525">
                  <c:v>39.271688473403742</c:v>
                </c:pt>
                <c:pt idx="3526">
                  <c:v>39.268554381822163</c:v>
                </c:pt>
                <c:pt idx="3527">
                  <c:v>39.265453211370641</c:v>
                </c:pt>
                <c:pt idx="3528">
                  <c:v>39.262829397304969</c:v>
                </c:pt>
                <c:pt idx="3529">
                  <c:v>39.259185028207483</c:v>
                </c:pt>
                <c:pt idx="3530">
                  <c:v>39.256597427384875</c:v>
                </c:pt>
                <c:pt idx="3531">
                  <c:v>39.253496256933353</c:v>
                </c:pt>
                <c:pt idx="3532">
                  <c:v>39.250362165351774</c:v>
                </c:pt>
                <c:pt idx="3533">
                  <c:v>39.246717796254281</c:v>
                </c:pt>
                <c:pt idx="3534">
                  <c:v>39.243619917915773</c:v>
                </c:pt>
                <c:pt idx="3535">
                  <c:v>39.241032317093165</c:v>
                </c:pt>
                <c:pt idx="3536">
                  <c:v>39.237894933398579</c:v>
                </c:pt>
                <c:pt idx="3537">
                  <c:v>39.234760841816993</c:v>
                </c:pt>
                <c:pt idx="3538">
                  <c:v>39.231662963478485</c:v>
                </c:pt>
                <c:pt idx="3539">
                  <c:v>39.228528871896906</c:v>
                </c:pt>
                <c:pt idx="3540">
                  <c:v>39.225427701445383</c:v>
                </c:pt>
                <c:pt idx="3541">
                  <c:v>39.222840100622776</c:v>
                </c:pt>
                <c:pt idx="3542">
                  <c:v>39.219195731525282</c:v>
                </c:pt>
                <c:pt idx="3543">
                  <c:v>39.216571917459618</c:v>
                </c:pt>
                <c:pt idx="3544">
                  <c:v>39.213474039121103</c:v>
                </c:pt>
                <c:pt idx="3545">
                  <c:v>39.209826377910602</c:v>
                </c:pt>
                <c:pt idx="3546">
                  <c:v>39.206728499572094</c:v>
                </c:pt>
                <c:pt idx="3547">
                  <c:v>39.203594407990515</c:v>
                </c:pt>
                <c:pt idx="3548">
                  <c:v>39.201006807167907</c:v>
                </c:pt>
                <c:pt idx="3549">
                  <c:v>39.197869423473321</c:v>
                </c:pt>
                <c:pt idx="3550">
                  <c:v>39.194771545134806</c:v>
                </c:pt>
                <c:pt idx="3551">
                  <c:v>39.19163745355322</c:v>
                </c:pt>
                <c:pt idx="3552">
                  <c:v>39.189049852730612</c:v>
                </c:pt>
                <c:pt idx="3553">
                  <c:v>39.185915761149033</c:v>
                </c:pt>
                <c:pt idx="3554">
                  <c:v>39.183324868213425</c:v>
                </c:pt>
                <c:pt idx="3555">
                  <c:v>39.179680499115932</c:v>
                </c:pt>
                <c:pt idx="3556">
                  <c:v>39.176582620777424</c:v>
                </c:pt>
                <c:pt idx="3557">
                  <c:v>39.173448529195845</c:v>
                </c:pt>
                <c:pt idx="3558">
                  <c:v>39.170860928373237</c:v>
                </c:pt>
                <c:pt idx="3559">
                  <c:v>39.167213267162744</c:v>
                </c:pt>
                <c:pt idx="3560">
                  <c:v>39.164079175581165</c:v>
                </c:pt>
                <c:pt idx="3561">
                  <c:v>39.160981297242643</c:v>
                </c:pt>
                <c:pt idx="3562">
                  <c:v>39.157847205661064</c:v>
                </c:pt>
                <c:pt idx="3563">
                  <c:v>39.154746035209541</c:v>
                </c:pt>
                <c:pt idx="3564">
                  <c:v>39.151611943627962</c:v>
                </c:pt>
                <c:pt idx="3565">
                  <c:v>39.148514065289454</c:v>
                </c:pt>
                <c:pt idx="3566">
                  <c:v>39.145890251223776</c:v>
                </c:pt>
                <c:pt idx="3567">
                  <c:v>39.14279237288526</c:v>
                </c:pt>
                <c:pt idx="3568">
                  <c:v>39.139654989190674</c:v>
                </c:pt>
                <c:pt idx="3569">
                  <c:v>39.137067388368074</c:v>
                </c:pt>
                <c:pt idx="3570">
                  <c:v>39.133969510029551</c:v>
                </c:pt>
                <c:pt idx="3571">
                  <c:v>39.130835418447973</c:v>
                </c:pt>
                <c:pt idx="3572">
                  <c:v>39.127698034753394</c:v>
                </c:pt>
                <c:pt idx="3573">
                  <c:v>39.125110433930786</c:v>
                </c:pt>
                <c:pt idx="3574">
                  <c:v>39.122012555592271</c:v>
                </c:pt>
                <c:pt idx="3575">
                  <c:v>39.119388741526592</c:v>
                </c:pt>
                <c:pt idx="3576">
                  <c:v>39.116290863188084</c:v>
                </c:pt>
                <c:pt idx="3577">
                  <c:v>39.113153479493491</c:v>
                </c:pt>
                <c:pt idx="3578">
                  <c:v>39.11056587867089</c:v>
                </c:pt>
                <c:pt idx="3579">
                  <c:v>39.107431787089311</c:v>
                </c:pt>
                <c:pt idx="3580">
                  <c:v>39.104844186266703</c:v>
                </c:pt>
                <c:pt idx="3581">
                  <c:v>39.102256585444096</c:v>
                </c:pt>
                <c:pt idx="3582">
                  <c:v>39.099665692508481</c:v>
                </c:pt>
                <c:pt idx="3583">
                  <c:v>39.096021323410994</c:v>
                </c:pt>
                <c:pt idx="3584">
                  <c:v>39.093433722588387</c:v>
                </c:pt>
                <c:pt idx="3585">
                  <c:v>39.090809908522715</c:v>
                </c:pt>
                <c:pt idx="3586">
                  <c:v>39.087162247312222</c:v>
                </c:pt>
                <c:pt idx="3587">
                  <c:v>39.084574646489614</c:v>
                </c:pt>
                <c:pt idx="3588">
                  <c:v>39.081476768151106</c:v>
                </c:pt>
                <c:pt idx="3589">
                  <c:v>39.07834267656952</c:v>
                </c:pt>
                <c:pt idx="3590">
                  <c:v>39.075244798231004</c:v>
                </c:pt>
                <c:pt idx="3591">
                  <c:v>39.072107414536418</c:v>
                </c:pt>
                <c:pt idx="3592">
                  <c:v>39.069519813713811</c:v>
                </c:pt>
                <c:pt idx="3593">
                  <c:v>39.066385722132232</c:v>
                </c:pt>
                <c:pt idx="3594">
                  <c:v>39.063287843793724</c:v>
                </c:pt>
                <c:pt idx="3595">
                  <c:v>39.060153752212145</c:v>
                </c:pt>
                <c:pt idx="3596">
                  <c:v>39.057562859276523</c:v>
                </c:pt>
                <c:pt idx="3597">
                  <c:v>39.054428767694944</c:v>
                </c:pt>
                <c:pt idx="3598">
                  <c:v>39.051841166872343</c:v>
                </c:pt>
                <c:pt idx="3599">
                  <c:v>39.048707075290764</c:v>
                </c:pt>
                <c:pt idx="3600">
                  <c:v>39.045609196952235</c:v>
                </c:pt>
                <c:pt idx="3601">
                  <c:v>39.043018304016634</c:v>
                </c:pt>
                <c:pt idx="3602">
                  <c:v>39.040394489950963</c:v>
                </c:pt>
                <c:pt idx="3603">
                  <c:v>39.037806889128355</c:v>
                </c:pt>
                <c:pt idx="3604">
                  <c:v>39.034672797546776</c:v>
                </c:pt>
                <c:pt idx="3605">
                  <c:v>39.032085196724168</c:v>
                </c:pt>
                <c:pt idx="3606">
                  <c:v>39.029494303788553</c:v>
                </c:pt>
                <c:pt idx="3607">
                  <c:v>39.026906702965945</c:v>
                </c:pt>
                <c:pt idx="3608">
                  <c:v>39.024282888900274</c:v>
                </c:pt>
                <c:pt idx="3609">
                  <c:v>39.021185010561766</c:v>
                </c:pt>
                <c:pt idx="3610">
                  <c:v>39.019107687255058</c:v>
                </c:pt>
                <c:pt idx="3611">
                  <c:v>39.015460026044565</c:v>
                </c:pt>
                <c:pt idx="3612">
                  <c:v>39.013382702737871</c:v>
                </c:pt>
                <c:pt idx="3613">
                  <c:v>39.010248611156292</c:v>
                </c:pt>
                <c:pt idx="3614">
                  <c:v>39.00715073281777</c:v>
                </c:pt>
                <c:pt idx="3615">
                  <c:v>39.004563131995162</c:v>
                </c:pt>
                <c:pt idx="3616">
                  <c:v>39.001936025816491</c:v>
                </c:pt>
                <c:pt idx="3617">
                  <c:v>38.998838147477976</c:v>
                </c:pt>
                <c:pt idx="3618">
                  <c:v>38.99570405589639</c:v>
                </c:pt>
                <c:pt idx="3619">
                  <c:v>38.992606177557875</c:v>
                </c:pt>
                <c:pt idx="3620">
                  <c:v>38.989468793863296</c:v>
                </c:pt>
                <c:pt idx="3621">
                  <c:v>38.986370915524773</c:v>
                </c:pt>
                <c:pt idx="3622">
                  <c:v>38.983236823943194</c:v>
                </c:pt>
                <c:pt idx="3623">
                  <c:v>38.979592454845708</c:v>
                </c:pt>
                <c:pt idx="3624">
                  <c:v>38.976494576507193</c:v>
                </c:pt>
                <c:pt idx="3625">
                  <c:v>38.973867470328521</c:v>
                </c:pt>
                <c:pt idx="3626">
                  <c:v>38.971279869505906</c:v>
                </c:pt>
                <c:pt idx="3627">
                  <c:v>38.968692268683299</c:v>
                </c:pt>
                <c:pt idx="3628">
                  <c:v>38.966104667860698</c:v>
                </c:pt>
                <c:pt idx="3629">
                  <c:v>38.963480853795019</c:v>
                </c:pt>
                <c:pt idx="3630">
                  <c:v>38.960379683343497</c:v>
                </c:pt>
                <c:pt idx="3631">
                  <c:v>38.957755869277825</c:v>
                </c:pt>
                <c:pt idx="3632">
                  <c:v>38.954657990939317</c:v>
                </c:pt>
                <c:pt idx="3633">
                  <c:v>38.951523899357738</c:v>
                </c:pt>
                <c:pt idx="3634">
                  <c:v>38.948936298535131</c:v>
                </c:pt>
                <c:pt idx="3635">
                  <c:v>38.945835128083608</c:v>
                </c:pt>
                <c:pt idx="3636">
                  <c:v>38.943211314017937</c:v>
                </c:pt>
                <c:pt idx="3637">
                  <c:v>38.941644268227144</c:v>
                </c:pt>
                <c:pt idx="3638">
                  <c:v>38.939566944920443</c:v>
                </c:pt>
                <c:pt idx="3639">
                  <c:v>38.936979344097836</c:v>
                </c:pt>
                <c:pt idx="3640">
                  <c:v>38.93439174327523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2713-49A8-840C-4B44505B7F3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516081112"/>
        <c:axId val="669337072"/>
      </c:scatterChart>
      <c:valAx>
        <c:axId val="516081112"/>
        <c:scaling>
          <c:orientation val="minMax"/>
        </c:scaling>
        <c:delete val="0"/>
        <c:axPos val="b"/>
        <c:majorGridlines>
          <c:spPr>
            <a:ln w="9525" cap="flat" cmpd="sng" algn="ctr">
              <a:noFill/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Temperature (C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69337072"/>
        <c:crosses val="autoZero"/>
        <c:crossBetween val="midCat"/>
      </c:valAx>
      <c:valAx>
        <c:axId val="669337072"/>
        <c:scaling>
          <c:orientation val="minMax"/>
        </c:scaling>
        <c:delete val="0"/>
        <c:axPos val="l"/>
        <c:majorGridlines>
          <c:spPr>
            <a:ln w="9525" cap="flat" cmpd="sng" algn="ctr">
              <a:noFill/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Weight Percentage (%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516081112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1"/>
    </mc:Choice>
    <mc:Fallback>
      <c:style val="1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800" b="1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r>
              <a:rPr lang="en-GB" sz="1400" b="0" dirty="0"/>
              <a:t>Sewage sludge and thermal derivatives elemental analysis result</a:t>
            </a:r>
            <a:r>
              <a:rPr lang="en-GB" sz="1400" b="0" baseline="0" dirty="0"/>
              <a:t>s to H:C and O:C ratios</a:t>
            </a:r>
            <a:endParaRPr lang="en-GB" sz="1400" b="0" dirty="0"/>
          </a:p>
        </c:rich>
      </c:tx>
      <c:layout>
        <c:manualLayout>
          <c:xMode val="edge"/>
          <c:yMode val="edge"/>
          <c:x val="0.15713147716373244"/>
          <c:y val="2.533896856032559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1" i="0" u="none" strike="noStrike" kern="1200" baseline="0">
              <a:solidFill>
                <a:schemeClr val="tx1"/>
              </a:solidFill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2655465597735868"/>
          <c:y val="0.12430035101034057"/>
          <c:w val="0.82749303613560388"/>
          <c:h val="0.61468948027182357"/>
        </c:manualLayout>
      </c:layout>
      <c:scatterChart>
        <c:scatterStyle val="lineMarker"/>
        <c:varyColors val="0"/>
        <c:ser>
          <c:idx val="4"/>
          <c:order val="0"/>
          <c:tx>
            <c:strRef>
              <c:f>Means!$F$1</c:f>
              <c:strCache>
                <c:ptCount val="1"/>
                <c:pt idx="0">
                  <c:v>SS dry</c:v>
                </c:pt>
              </c:strCache>
            </c:strRef>
          </c:tx>
          <c:spPr>
            <a:ln w="28575" cap="rnd" cmpd="sng" algn="ctr">
              <a:solidFill>
                <a:schemeClr val="dk1">
                  <a:tint val="30000"/>
                  <a:shade val="95000"/>
                  <a:satMod val="105000"/>
                </a:schemeClr>
              </a:solidFill>
              <a:prstDash val="solid"/>
              <a:round/>
            </a:ln>
            <a:effectLst/>
          </c:spPr>
          <c:marker>
            <c:spPr>
              <a:noFill/>
              <a:ln w="9525" cap="flat" cmpd="sng" algn="ctr">
                <a:solidFill>
                  <a:schemeClr val="dk1">
                    <a:tint val="30000"/>
                    <a:shade val="95000"/>
                    <a:satMod val="105000"/>
                  </a:schemeClr>
                </a:solidFill>
                <a:prstDash val="solid"/>
                <a:round/>
              </a:ln>
              <a:effectLst/>
            </c:spPr>
          </c:marker>
          <c:dPt>
            <c:idx val="0"/>
            <c:bubble3D val="0"/>
            <c:extLst>
              <c:ext xmlns:c16="http://schemas.microsoft.com/office/drawing/2014/chart" uri="{C3380CC4-5D6E-409C-BE32-E72D297353CC}">
                <c16:uniqueId val="{00000000-DFD9-4FCD-9EB5-F4CC8E9AEDDE}"/>
              </c:ext>
            </c:extLst>
          </c:dPt>
          <c:dLbls>
            <c:dLbl>
              <c:idx val="0"/>
              <c:tx>
                <c:rich>
                  <a:bodyPr/>
                  <a:lstStyle/>
                  <a:p>
                    <a:r>
                      <a:rPr lang="en-US"/>
                      <a:t>SS</a:t>
                    </a:r>
                    <a:r>
                      <a:rPr lang="en-US" baseline="-25000"/>
                      <a:t>1</a:t>
                    </a:r>
                  </a:p>
                </c:rich>
              </c:tx>
              <c:dLblPos val="r"/>
              <c:showLegendKey val="0"/>
              <c:showVal val="0"/>
              <c:showCatName val="0"/>
              <c:showSerName val="1"/>
              <c:showPercent val="0"/>
              <c:showBubbleSize val="0"/>
              <c:extLst>
                <c:ext xmlns:c15="http://schemas.microsoft.com/office/drawing/2012/chart" uri="{CE6537A1-D6FC-4f65-9D91-7224C49458BB}">
                  <c15:showDataLabelsRange val="0"/>
                </c:ext>
                <c:ext xmlns:c16="http://schemas.microsoft.com/office/drawing/2014/chart" uri="{C3380CC4-5D6E-409C-BE32-E72D297353CC}">
                  <c16:uniqueId val="{00000000-DFD9-4FCD-9EB5-F4CC8E9AEDDE}"/>
                </c:ext>
              </c:extLst>
            </c:dLbl>
            <c:spPr>
              <a:noFill/>
              <a:ln w="25400" cap="flat" cmpd="sng" algn="ctr">
                <a:noFill/>
                <a:prstDash val="solid"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dk1"/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r"/>
            <c:showLegendKey val="0"/>
            <c:showVal val="0"/>
            <c:showCatName val="0"/>
            <c:showSerName val="1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xVal>
            <c:numRef>
              <c:f>Means!$F$3</c:f>
              <c:numCache>
                <c:formatCode>0.00</c:formatCode>
                <c:ptCount val="1"/>
                <c:pt idx="0">
                  <c:v>0.52079179720877244</c:v>
                </c:pt>
              </c:numCache>
            </c:numRef>
          </c:xVal>
          <c:yVal>
            <c:numRef>
              <c:f>Means!$F$2</c:f>
              <c:numCache>
                <c:formatCode>0.00</c:formatCode>
                <c:ptCount val="1"/>
                <c:pt idx="0">
                  <c:v>2.156650526915408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DFD9-4FCD-9EB5-F4CC8E9AEDDE}"/>
            </c:ext>
          </c:extLst>
        </c:ser>
        <c:ser>
          <c:idx val="5"/>
          <c:order val="1"/>
          <c:tx>
            <c:strRef>
              <c:f>Means!$G$1</c:f>
              <c:strCache>
                <c:ptCount val="1"/>
                <c:pt idx="0">
                  <c:v>HSL190-4</c:v>
                </c:pt>
              </c:strCache>
            </c:strRef>
          </c:tx>
          <c:spPr>
            <a:ln w="28575" cap="rnd" cmpd="sng" algn="ctr">
              <a:noFill/>
              <a:prstDash val="solid"/>
              <a:round/>
            </a:ln>
            <a:effectLst/>
          </c:spPr>
          <c:marker>
            <c:spPr>
              <a:solidFill>
                <a:schemeClr val="dk1">
                  <a:tint val="60000"/>
                </a:schemeClr>
              </a:solidFill>
              <a:ln w="9525" cap="flat" cmpd="sng" algn="ctr">
                <a:solidFill>
                  <a:schemeClr val="dk1">
                    <a:tint val="60000"/>
                    <a:shade val="95000"/>
                    <a:satMod val="105000"/>
                  </a:schemeClr>
                </a:solidFill>
                <a:prstDash val="solid"/>
                <a:round/>
              </a:ln>
              <a:effectLst/>
            </c:spPr>
          </c:marker>
          <c:dPt>
            <c:idx val="0"/>
            <c:bubble3D val="0"/>
            <c:extLst>
              <c:ext xmlns:c16="http://schemas.microsoft.com/office/drawing/2014/chart" uri="{C3380CC4-5D6E-409C-BE32-E72D297353CC}">
                <c16:uniqueId val="{00000002-DFD9-4FCD-9EB5-F4CC8E9AEDDE}"/>
              </c:ext>
            </c:extLst>
          </c:dPt>
          <c:dLbls>
            <c:dLbl>
              <c:idx val="0"/>
              <c:tx>
                <c:rich>
                  <a:bodyPr/>
                  <a:lstStyle/>
                  <a:p>
                    <a:r>
                      <a:rPr lang="en-US"/>
                      <a:t>H180-4</a:t>
                    </a:r>
                  </a:p>
                </c:rich>
              </c:tx>
              <c:dLblPos val="r"/>
              <c:showLegendKey val="0"/>
              <c:showVal val="0"/>
              <c:showCatName val="0"/>
              <c:showSerName val="1"/>
              <c:showPercent val="0"/>
              <c:showBubbleSize val="0"/>
              <c:extLst>
                <c:ext xmlns:c15="http://schemas.microsoft.com/office/drawing/2012/chart" uri="{CE6537A1-D6FC-4f65-9D91-7224C49458BB}">
                  <c15:showDataLabelsRange val="0"/>
                </c:ext>
                <c:ext xmlns:c16="http://schemas.microsoft.com/office/drawing/2014/chart" uri="{C3380CC4-5D6E-409C-BE32-E72D297353CC}">
                  <c16:uniqueId val="{00000002-DFD9-4FCD-9EB5-F4CC8E9AEDDE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r"/>
            <c:showLegendKey val="0"/>
            <c:showVal val="0"/>
            <c:showCatName val="0"/>
            <c:showSerName val="1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xVal>
            <c:numRef>
              <c:f>Means!$G$3</c:f>
              <c:numCache>
                <c:formatCode>0.00</c:formatCode>
                <c:ptCount val="1"/>
                <c:pt idx="0">
                  <c:v>0.38783185840707973</c:v>
                </c:pt>
              </c:numCache>
            </c:numRef>
          </c:xVal>
          <c:yVal>
            <c:numRef>
              <c:f>Means!$G$2</c:f>
              <c:numCache>
                <c:formatCode>0.00</c:formatCode>
                <c:ptCount val="1"/>
                <c:pt idx="0">
                  <c:v>1.7486725663716818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3-DFD9-4FCD-9EB5-F4CC8E9AEDDE}"/>
            </c:ext>
          </c:extLst>
        </c:ser>
        <c:ser>
          <c:idx val="6"/>
          <c:order val="2"/>
          <c:tx>
            <c:strRef>
              <c:f>Means!$H$1</c:f>
              <c:strCache>
                <c:ptCount val="1"/>
                <c:pt idx="0">
                  <c:v>HSL240-4</c:v>
                </c:pt>
              </c:strCache>
            </c:strRef>
          </c:tx>
          <c:spPr>
            <a:ln w="28575" cap="rnd" cmpd="sng" algn="ctr">
              <a:solidFill>
                <a:schemeClr val="dk1">
                  <a:tint val="80000"/>
                  <a:shade val="95000"/>
                  <a:satMod val="105000"/>
                </a:schemeClr>
              </a:solidFill>
              <a:prstDash val="solid"/>
              <a:round/>
            </a:ln>
            <a:effectLst/>
          </c:spPr>
          <c:marker>
            <c:spPr>
              <a:noFill/>
              <a:ln w="9525" cap="flat" cmpd="sng" algn="ctr">
                <a:solidFill>
                  <a:schemeClr val="dk1">
                    <a:tint val="80000"/>
                    <a:shade val="95000"/>
                    <a:satMod val="105000"/>
                  </a:schemeClr>
                </a:solidFill>
                <a:prstDash val="solid"/>
                <a:round/>
              </a:ln>
              <a:effectLst/>
            </c:spPr>
          </c:marker>
          <c:dPt>
            <c:idx val="0"/>
            <c:bubble3D val="0"/>
            <c:extLst>
              <c:ext xmlns:c16="http://schemas.microsoft.com/office/drawing/2014/chart" uri="{C3380CC4-5D6E-409C-BE32-E72D297353CC}">
                <c16:uniqueId val="{00000004-DFD9-4FCD-9EB5-F4CC8E9AEDDE}"/>
              </c:ext>
            </c:extLst>
          </c:dPt>
          <c:dLbls>
            <c:dLbl>
              <c:idx val="0"/>
              <c:tx>
                <c:rich>
                  <a:bodyPr/>
                  <a:lstStyle/>
                  <a:p>
                    <a:r>
                      <a:rPr lang="en-US"/>
                      <a:t>H240-4</a:t>
                    </a:r>
                  </a:p>
                </c:rich>
              </c:tx>
              <c:dLblPos val="r"/>
              <c:showLegendKey val="0"/>
              <c:showVal val="0"/>
              <c:showCatName val="0"/>
              <c:showSerName val="1"/>
              <c:showPercent val="0"/>
              <c:showBubbleSize val="0"/>
              <c:extLst>
                <c:ext xmlns:c15="http://schemas.microsoft.com/office/drawing/2012/chart" uri="{CE6537A1-D6FC-4f65-9D91-7224C49458BB}">
                  <c15:showDataLabelsRange val="0"/>
                </c:ext>
                <c:ext xmlns:c16="http://schemas.microsoft.com/office/drawing/2014/chart" uri="{C3380CC4-5D6E-409C-BE32-E72D297353CC}">
                  <c16:uniqueId val="{00000004-DFD9-4FCD-9EB5-F4CC8E9AEDDE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r"/>
            <c:showLegendKey val="0"/>
            <c:showVal val="0"/>
            <c:showCatName val="0"/>
            <c:showSerName val="1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xVal>
            <c:numRef>
              <c:f>Means!$H$3</c:f>
              <c:numCache>
                <c:formatCode>0.00</c:formatCode>
                <c:ptCount val="1"/>
                <c:pt idx="0">
                  <c:v>0.307032590051458</c:v>
                </c:pt>
              </c:numCache>
            </c:numRef>
          </c:xVal>
          <c:yVal>
            <c:numRef>
              <c:f>Means!$H$2</c:f>
              <c:numCache>
                <c:formatCode>0.00</c:formatCode>
                <c:ptCount val="1"/>
                <c:pt idx="0">
                  <c:v>1.653516295025729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5-DFD9-4FCD-9EB5-F4CC8E9AEDDE}"/>
            </c:ext>
          </c:extLst>
        </c:ser>
        <c:ser>
          <c:idx val="7"/>
          <c:order val="3"/>
          <c:tx>
            <c:strRef>
              <c:f>Means!$I$1</c:f>
              <c:strCache>
                <c:ptCount val="1"/>
                <c:pt idx="0">
                  <c:v>PSL300-1</c:v>
                </c:pt>
              </c:strCache>
            </c:strRef>
          </c:tx>
          <c:spPr>
            <a:ln w="28575" cap="rnd" cmpd="sng" algn="ctr">
              <a:noFill/>
              <a:prstDash val="solid"/>
              <a:round/>
            </a:ln>
            <a:effectLst/>
          </c:spPr>
          <c:marker>
            <c:spPr>
              <a:solidFill>
                <a:schemeClr val="dk1">
                  <a:tint val="88500"/>
                </a:schemeClr>
              </a:solidFill>
              <a:ln w="9525" cap="flat" cmpd="sng" algn="ctr">
                <a:solidFill>
                  <a:schemeClr val="dk1">
                    <a:tint val="88500"/>
                    <a:shade val="95000"/>
                    <a:satMod val="105000"/>
                  </a:schemeClr>
                </a:solidFill>
                <a:prstDash val="solid"/>
                <a:round/>
              </a:ln>
              <a:effectLst/>
            </c:spPr>
          </c:marker>
          <c:dLbls>
            <c:dLbl>
              <c:idx val="0"/>
              <c:tx>
                <c:rich>
                  <a:bodyPr/>
                  <a:lstStyle/>
                  <a:p>
                    <a:r>
                      <a:rPr lang="en-US"/>
                      <a:t>P300-1</a:t>
                    </a:r>
                  </a:p>
                </c:rich>
              </c:tx>
              <c:dLblPos val="r"/>
              <c:showLegendKey val="0"/>
              <c:showVal val="0"/>
              <c:showCatName val="0"/>
              <c:showSerName val="1"/>
              <c:showPercent val="0"/>
              <c:showBubbleSize val="0"/>
              <c:extLst>
                <c:ext xmlns:c15="http://schemas.microsoft.com/office/drawing/2012/chart" uri="{CE6537A1-D6FC-4f65-9D91-7224C49458BB}">
                  <c15:showDataLabelsRange val="0"/>
                </c:ext>
                <c:ext xmlns:c16="http://schemas.microsoft.com/office/drawing/2014/chart" uri="{C3380CC4-5D6E-409C-BE32-E72D297353CC}">
                  <c16:uniqueId val="{00000006-DFD9-4FCD-9EB5-F4CC8E9AEDDE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r"/>
            <c:showLegendKey val="0"/>
            <c:showVal val="0"/>
            <c:showCatName val="0"/>
            <c:showSerName val="1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xVal>
            <c:numRef>
              <c:f>Means!$I$3</c:f>
              <c:numCache>
                <c:formatCode>0.00</c:formatCode>
                <c:ptCount val="1"/>
                <c:pt idx="0">
                  <c:v>0.25607863424728405</c:v>
                </c:pt>
              </c:numCache>
            </c:numRef>
          </c:xVal>
          <c:yVal>
            <c:numRef>
              <c:f>Means!$I$2</c:f>
              <c:numCache>
                <c:formatCode>0.00</c:formatCode>
                <c:ptCount val="1"/>
                <c:pt idx="0">
                  <c:v>1.4495602690118987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7-DFD9-4FCD-9EB5-F4CC8E9AEDDE}"/>
            </c:ext>
          </c:extLst>
        </c:ser>
        <c:ser>
          <c:idx val="8"/>
          <c:order val="4"/>
          <c:tx>
            <c:strRef>
              <c:f>Means!$J$1</c:f>
              <c:strCache>
                <c:ptCount val="1"/>
                <c:pt idx="0">
                  <c:v>PSL400-1</c:v>
                </c:pt>
              </c:strCache>
            </c:strRef>
          </c:tx>
          <c:spPr>
            <a:ln w="28575" cap="rnd" cmpd="sng" algn="ctr">
              <a:noFill/>
              <a:prstDash val="solid"/>
              <a:round/>
            </a:ln>
            <a:effectLst/>
          </c:spPr>
          <c:marker>
            <c:spPr>
              <a:solidFill>
                <a:schemeClr val="dk1">
                  <a:tint val="55000"/>
                </a:schemeClr>
              </a:solidFill>
              <a:ln w="9525" cap="flat" cmpd="sng" algn="ctr">
                <a:solidFill>
                  <a:schemeClr val="dk1">
                    <a:tint val="55000"/>
                    <a:shade val="95000"/>
                    <a:satMod val="105000"/>
                  </a:schemeClr>
                </a:solidFill>
                <a:prstDash val="solid"/>
                <a:round/>
              </a:ln>
              <a:effectLst/>
            </c:spPr>
          </c:marker>
          <c:dPt>
            <c:idx val="0"/>
            <c:bubble3D val="0"/>
            <c:spPr>
              <a:ln w="28575" cap="rnd" cmpd="sng" algn="ctr">
                <a:solidFill>
                  <a:schemeClr val="dk1">
                    <a:tint val="55000"/>
                    <a:shade val="95000"/>
                    <a:satMod val="105000"/>
                  </a:schemeClr>
                </a:solidFill>
                <a:prstDash val="solid"/>
                <a:round/>
              </a:ln>
              <a:effectLst/>
            </c:spPr>
            <c:extLst>
              <c:ext xmlns:c16="http://schemas.microsoft.com/office/drawing/2014/chart" uri="{C3380CC4-5D6E-409C-BE32-E72D297353CC}">
                <c16:uniqueId val="{00000009-DFD9-4FCD-9EB5-F4CC8E9AEDDE}"/>
              </c:ext>
            </c:extLst>
          </c:dPt>
          <c:dLbls>
            <c:dLbl>
              <c:idx val="0"/>
              <c:tx>
                <c:rich>
                  <a:bodyPr/>
                  <a:lstStyle/>
                  <a:p>
                    <a:r>
                      <a:rPr lang="en-US"/>
                      <a:t>P400-1</a:t>
                    </a:r>
                  </a:p>
                </c:rich>
              </c:tx>
              <c:dLblPos val="r"/>
              <c:showLegendKey val="0"/>
              <c:showVal val="0"/>
              <c:showCatName val="0"/>
              <c:showSerName val="1"/>
              <c:showPercent val="0"/>
              <c:showBubbleSize val="0"/>
              <c:extLst>
                <c:ext xmlns:c15="http://schemas.microsoft.com/office/drawing/2012/chart" uri="{CE6537A1-D6FC-4f65-9D91-7224C49458BB}">
                  <c15:showDataLabelsRange val="0"/>
                </c:ext>
                <c:ext xmlns:c16="http://schemas.microsoft.com/office/drawing/2014/chart" uri="{C3380CC4-5D6E-409C-BE32-E72D297353CC}">
                  <c16:uniqueId val="{00000009-DFD9-4FCD-9EB5-F4CC8E9AEDDE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r"/>
            <c:showLegendKey val="0"/>
            <c:showVal val="0"/>
            <c:showCatName val="0"/>
            <c:showSerName val="1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xVal>
            <c:numRef>
              <c:f>Means!$J$3</c:f>
              <c:numCache>
                <c:formatCode>0.00</c:formatCode>
                <c:ptCount val="1"/>
                <c:pt idx="0">
                  <c:v>0.15617749419953597</c:v>
                </c:pt>
              </c:numCache>
            </c:numRef>
          </c:xVal>
          <c:yVal>
            <c:numRef>
              <c:f>Means!$J$2</c:f>
              <c:numCache>
                <c:formatCode>0.00</c:formatCode>
                <c:ptCount val="1"/>
                <c:pt idx="0">
                  <c:v>1.012761020881670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A-DFD9-4FCD-9EB5-F4CC8E9AEDDE}"/>
            </c:ext>
          </c:extLst>
        </c:ser>
        <c:ser>
          <c:idx val="0"/>
          <c:order val="5"/>
          <c:tx>
            <c:v>anthracite</c:v>
          </c:tx>
          <c:spPr>
            <a:ln w="28575" cap="rnd" cmpd="sng" algn="ctr">
              <a:solidFill>
                <a:schemeClr val="dk1">
                  <a:tint val="88500"/>
                  <a:shade val="95000"/>
                  <a:satMod val="105000"/>
                </a:schemeClr>
              </a:solidFill>
              <a:prstDash val="solid"/>
              <a:round/>
            </a:ln>
            <a:effectLst/>
          </c:spPr>
          <c:marker>
            <c:spPr>
              <a:solidFill>
                <a:schemeClr val="dk1">
                  <a:tint val="88500"/>
                </a:schemeClr>
              </a:solidFill>
              <a:ln w="9525" cap="flat" cmpd="sng" algn="ctr">
                <a:solidFill>
                  <a:schemeClr val="dk1">
                    <a:tint val="88500"/>
                    <a:shade val="95000"/>
                    <a:satMod val="105000"/>
                  </a:schemeClr>
                </a:solidFill>
                <a:prstDash val="solid"/>
                <a:round/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r"/>
            <c:showLegendKey val="0"/>
            <c:showVal val="0"/>
            <c:showCatName val="0"/>
            <c:showSerName val="1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xVal>
            <c:numRef>
              <c:f>Means!$B$3</c:f>
              <c:numCache>
                <c:formatCode>General</c:formatCode>
                <c:ptCount val="1"/>
                <c:pt idx="0">
                  <c:v>2.5000000000000001E-2</c:v>
                </c:pt>
              </c:numCache>
            </c:numRef>
          </c:xVal>
          <c:yVal>
            <c:numRef>
              <c:f>Means!$B$2</c:f>
              <c:numCache>
                <c:formatCode>General</c:formatCode>
                <c:ptCount val="1"/>
                <c:pt idx="0">
                  <c:v>0.3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B-DFD9-4FCD-9EB5-F4CC8E9AEDDE}"/>
            </c:ext>
          </c:extLst>
        </c:ser>
        <c:ser>
          <c:idx val="1"/>
          <c:order val="6"/>
          <c:tx>
            <c:v>bituminus coal</c:v>
          </c:tx>
          <c:spPr>
            <a:ln w="28575" cap="rnd" cmpd="sng" algn="ctr">
              <a:solidFill>
                <a:schemeClr val="dk1">
                  <a:tint val="55000"/>
                  <a:shade val="95000"/>
                  <a:satMod val="105000"/>
                </a:schemeClr>
              </a:solidFill>
              <a:prstDash val="solid"/>
              <a:round/>
            </a:ln>
            <a:effectLst/>
          </c:spPr>
          <c:marker>
            <c:spPr>
              <a:solidFill>
                <a:schemeClr val="dk1">
                  <a:tint val="55000"/>
                </a:schemeClr>
              </a:solidFill>
              <a:ln w="9525" cap="flat" cmpd="sng" algn="ctr">
                <a:solidFill>
                  <a:schemeClr val="dk1">
                    <a:tint val="55000"/>
                    <a:shade val="95000"/>
                    <a:satMod val="105000"/>
                  </a:schemeClr>
                </a:solidFill>
                <a:prstDash val="solid"/>
                <a:round/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r"/>
            <c:showLegendKey val="0"/>
            <c:showVal val="0"/>
            <c:showCatName val="0"/>
            <c:showSerName val="1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xVal>
            <c:numRef>
              <c:f>Means!$C$3</c:f>
              <c:numCache>
                <c:formatCode>General</c:formatCode>
                <c:ptCount val="1"/>
                <c:pt idx="0">
                  <c:v>2.5000000000000001E-2</c:v>
                </c:pt>
              </c:numCache>
            </c:numRef>
          </c:xVal>
          <c:yVal>
            <c:numRef>
              <c:f>Means!$C$2</c:f>
              <c:numCache>
                <c:formatCode>General</c:formatCode>
                <c:ptCount val="1"/>
                <c:pt idx="0">
                  <c:v>0.7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C-DFD9-4FCD-9EB5-F4CC8E9AEDDE}"/>
            </c:ext>
          </c:extLst>
        </c:ser>
        <c:ser>
          <c:idx val="2"/>
          <c:order val="7"/>
          <c:tx>
            <c:v>sub-bituminus coal</c:v>
          </c:tx>
          <c:spPr>
            <a:ln w="28575" cap="rnd" cmpd="sng" algn="ctr">
              <a:solidFill>
                <a:schemeClr val="dk1">
                  <a:tint val="75000"/>
                  <a:shade val="95000"/>
                  <a:satMod val="105000"/>
                </a:schemeClr>
              </a:solidFill>
              <a:prstDash val="solid"/>
              <a:round/>
            </a:ln>
            <a:effectLst/>
          </c:spPr>
          <c:marker>
            <c:spPr>
              <a:solidFill>
                <a:schemeClr val="dk1">
                  <a:tint val="75000"/>
                </a:schemeClr>
              </a:solidFill>
              <a:ln w="9525" cap="flat" cmpd="sng" algn="ctr">
                <a:solidFill>
                  <a:schemeClr val="dk1">
                    <a:tint val="75000"/>
                    <a:shade val="95000"/>
                    <a:satMod val="105000"/>
                  </a:schemeClr>
                </a:solidFill>
                <a:prstDash val="solid"/>
                <a:round/>
              </a:ln>
              <a:effectLst/>
            </c:spPr>
          </c:marker>
          <c:dPt>
            <c:idx val="0"/>
            <c:bubble3D val="0"/>
            <c:extLst>
              <c:ext xmlns:c16="http://schemas.microsoft.com/office/drawing/2014/chart" uri="{C3380CC4-5D6E-409C-BE32-E72D297353CC}">
                <c16:uniqueId val="{0000000D-DFD9-4FCD-9EB5-F4CC8E9AEDDE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r"/>
            <c:showLegendKey val="0"/>
            <c:showVal val="0"/>
            <c:showCatName val="0"/>
            <c:showSerName val="1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xVal>
            <c:numRef>
              <c:f>Means!$D$3</c:f>
              <c:numCache>
                <c:formatCode>General</c:formatCode>
                <c:ptCount val="1"/>
                <c:pt idx="0">
                  <c:v>0.2</c:v>
                </c:pt>
              </c:numCache>
            </c:numRef>
          </c:xVal>
          <c:yVal>
            <c:numRef>
              <c:f>Means!$D$2</c:f>
              <c:numCache>
                <c:formatCode>General</c:formatCode>
                <c:ptCount val="1"/>
                <c:pt idx="0">
                  <c:v>0.8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E-DFD9-4FCD-9EB5-F4CC8E9AEDDE}"/>
            </c:ext>
          </c:extLst>
        </c:ser>
        <c:ser>
          <c:idx val="3"/>
          <c:order val="8"/>
          <c:tx>
            <c:v>lignite</c:v>
          </c:tx>
          <c:spPr>
            <a:ln w="28575" cap="rnd" cmpd="sng" algn="ctr">
              <a:solidFill>
                <a:schemeClr val="dk1">
                  <a:tint val="98500"/>
                  <a:shade val="95000"/>
                  <a:satMod val="105000"/>
                </a:schemeClr>
              </a:solidFill>
              <a:prstDash val="solid"/>
              <a:round/>
            </a:ln>
            <a:effectLst/>
          </c:spPr>
          <c:marker>
            <c:spPr>
              <a:noFill/>
              <a:ln w="9525" cap="flat" cmpd="sng" algn="ctr">
                <a:solidFill>
                  <a:schemeClr val="dk1">
                    <a:tint val="98500"/>
                    <a:shade val="95000"/>
                    <a:satMod val="105000"/>
                  </a:schemeClr>
                </a:solidFill>
                <a:prstDash val="solid"/>
                <a:round/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r"/>
            <c:showLegendKey val="0"/>
            <c:showVal val="0"/>
            <c:showCatName val="0"/>
            <c:showSerName val="1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xVal>
            <c:numRef>
              <c:f>Means!$E$3</c:f>
              <c:numCache>
                <c:formatCode>General</c:formatCode>
                <c:ptCount val="1"/>
                <c:pt idx="0">
                  <c:v>0.25</c:v>
                </c:pt>
              </c:numCache>
            </c:numRef>
          </c:xVal>
          <c:yVal>
            <c:numRef>
              <c:f>Means!$E$2</c:f>
              <c:numCache>
                <c:formatCode>General</c:formatCode>
                <c:ptCount val="1"/>
                <c:pt idx="0">
                  <c:v>1.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F-DFD9-4FCD-9EB5-F4CC8E9AEDDE}"/>
            </c:ext>
          </c:extLst>
        </c:ser>
        <c:ser>
          <c:idx val="9"/>
          <c:order val="9"/>
          <c:tx>
            <c:strRef>
              <c:f>Means!$K$1</c:f>
              <c:strCache>
                <c:ptCount val="1"/>
                <c:pt idx="0">
                  <c:v>SS wet</c:v>
                </c:pt>
              </c:strCache>
            </c:strRef>
          </c:tx>
          <c:spPr>
            <a:ln w="28575" cap="rnd" cmpd="sng" algn="ctr">
              <a:solidFill>
                <a:schemeClr val="dk1">
                  <a:tint val="75000"/>
                  <a:shade val="95000"/>
                  <a:satMod val="105000"/>
                </a:schemeClr>
              </a:solidFill>
              <a:prstDash val="solid"/>
              <a:round/>
            </a:ln>
            <a:effectLst/>
          </c:spPr>
          <c:marker>
            <c:spPr>
              <a:solidFill>
                <a:schemeClr val="dk1">
                  <a:tint val="75000"/>
                </a:schemeClr>
              </a:solidFill>
              <a:ln w="9525" cap="flat" cmpd="sng" algn="ctr">
                <a:solidFill>
                  <a:schemeClr val="dk1">
                    <a:tint val="75000"/>
                    <a:shade val="95000"/>
                    <a:satMod val="105000"/>
                  </a:schemeClr>
                </a:solidFill>
                <a:prstDash val="solid"/>
                <a:round/>
              </a:ln>
              <a:effectLst/>
            </c:spPr>
          </c:marker>
          <c:dLbls>
            <c:dLbl>
              <c:idx val="0"/>
              <c:tx>
                <c:rich>
                  <a:bodyPr/>
                  <a:lstStyle/>
                  <a:p>
                    <a:r>
                      <a:rPr lang="en-US"/>
                      <a:t>SS</a:t>
                    </a:r>
                    <a:r>
                      <a:rPr lang="en-US" baseline="-25000"/>
                      <a:t>2</a:t>
                    </a:r>
                    <a:endParaRPr lang="en-US"/>
                  </a:p>
                </c:rich>
              </c:tx>
              <c:dLblPos val="r"/>
              <c:showLegendKey val="0"/>
              <c:showVal val="1"/>
              <c:showCatName val="1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>
                  <c15:showDataLabelsRange val="0"/>
                </c:ext>
                <c:ext xmlns:c16="http://schemas.microsoft.com/office/drawing/2014/chart" uri="{C3380CC4-5D6E-409C-BE32-E72D297353CC}">
                  <c16:uniqueId val="{00000010-DFD9-4FCD-9EB5-F4CC8E9AEDDE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000" b="0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endParaRPr lang="en-US"/>
              </a:p>
            </c:txPr>
            <c:dLblPos val="r"/>
            <c:showLegendKey val="0"/>
            <c:showVal val="1"/>
            <c:showCatName val="1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shade val="95000"/>
                          <a:satMod val="105000"/>
                        </a:schemeClr>
                      </a:solidFill>
                      <a:prstDash val="solid"/>
                      <a:round/>
                    </a:ln>
                    <a:effectLst/>
                  </c:spPr>
                </c15:leaderLines>
              </c:ext>
            </c:extLst>
          </c:dLbls>
          <c:xVal>
            <c:numRef>
              <c:f>Means!$K$3</c:f>
              <c:numCache>
                <c:formatCode>0.00</c:formatCode>
                <c:ptCount val="1"/>
                <c:pt idx="0">
                  <c:v>0.98179472477064211</c:v>
                </c:pt>
              </c:numCache>
            </c:numRef>
          </c:xVal>
          <c:yVal>
            <c:numRef>
              <c:f>Means!$K$2</c:f>
              <c:numCache>
                <c:formatCode>0.00</c:formatCode>
                <c:ptCount val="1"/>
                <c:pt idx="0">
                  <c:v>1.967889908256880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11-DFD9-4FCD-9EB5-F4CC8E9AEDDE}"/>
            </c:ext>
          </c:extLst>
        </c:ser>
        <c:dLbls>
          <c:dLblPos val="r"/>
          <c:showLegendKey val="0"/>
          <c:showVal val="1"/>
          <c:showCatName val="1"/>
          <c:showSerName val="0"/>
          <c:showPercent val="0"/>
          <c:showBubbleSize val="0"/>
        </c:dLbls>
        <c:axId val="311614320"/>
        <c:axId val="311615104"/>
      </c:scatterChart>
      <c:valAx>
        <c:axId val="311614320"/>
        <c:scaling>
          <c:orientation val="minMax"/>
          <c:min val="0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1" i="0" u="none" strike="noStrike" kern="1200" baseline="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O/C atomic</a:t>
                </a:r>
                <a:r>
                  <a:rPr lang="en-US" baseline="0"/>
                  <a:t> </a:t>
                </a:r>
                <a:r>
                  <a:rPr lang="en-US"/>
                  <a:t>ratio</a:t>
                </a:r>
              </a:p>
            </c:rich>
          </c:tx>
          <c:layout>
            <c:manualLayout>
              <c:xMode val="edge"/>
              <c:yMode val="edge"/>
              <c:x val="0.13035202402620433"/>
              <c:y val="0.8224533290228347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1" i="0" u="none" strike="noStrike" kern="1200" baseline="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tint val="75000"/>
                <a:shade val="95000"/>
                <a:satMod val="105000"/>
              </a:schemeClr>
            </a:solidFill>
            <a:prstDash val="solid"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11615104"/>
        <c:crosses val="autoZero"/>
        <c:crossBetween val="midCat"/>
      </c:valAx>
      <c:valAx>
        <c:axId val="311615104"/>
        <c:scaling>
          <c:orientation val="minMax"/>
          <c:max val="2.2000000000000002"/>
          <c:min val="0"/>
        </c:scaling>
        <c:delete val="0"/>
        <c:axPos val="l"/>
        <c:title>
          <c:tx>
            <c:rich>
              <a:bodyPr rot="-5400000" spcFirstLastPara="1" vertOverflow="ellipsis" vert="horz" wrap="square" anchor="ctr" anchorCtr="1"/>
              <a:lstStyle/>
              <a:p>
                <a:pPr algn="ctr" rtl="0">
                  <a:defRPr lang="es-ES" sz="1000" b="1" i="0" u="none" strike="noStrike" kern="1200" baseline="0">
                    <a:solidFill>
                      <a:sysClr val="windowText" lastClr="000000"/>
                    </a:solidFill>
                    <a:effectLst/>
                    <a:latin typeface="+mn-lt"/>
                    <a:ea typeface="+mn-ea"/>
                    <a:cs typeface="+mn-cs"/>
                  </a:defRPr>
                </a:pPr>
                <a:r>
                  <a:rPr lang="es-ES" sz="1000" b="1" i="0" u="none" strike="noStrike" kern="1200" baseline="0">
                    <a:solidFill>
                      <a:sysClr val="windowText" lastClr="000000"/>
                    </a:solidFill>
                    <a:effectLst/>
                    <a:latin typeface="+mn-lt"/>
                    <a:ea typeface="+mn-ea"/>
                    <a:cs typeface="+mn-cs"/>
                  </a:rPr>
                  <a:t>H/C atomic ratio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 algn="ctr" rtl="0">
                <a:defRPr lang="es-ES" sz="1000" b="1" i="0" u="none" strike="noStrike" kern="1200" baseline="0">
                  <a:solidFill>
                    <a:sysClr val="windowText" lastClr="000000"/>
                  </a:solidFill>
                  <a:effectLst/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.00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tint val="75000"/>
                <a:shade val="95000"/>
                <a:satMod val="105000"/>
              </a:schemeClr>
            </a:solidFill>
            <a:prstDash val="solid"/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00" b="0" i="0" u="none" strike="noStrike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311614320"/>
        <c:crosses val="autoZero"/>
        <c:crossBetween val="midCat"/>
      </c:valAx>
      <c:spPr>
        <a:noFill/>
        <a:ln>
          <a:solidFill>
            <a:schemeClr val="tx1">
              <a:lumMod val="50000"/>
              <a:lumOff val="50000"/>
            </a:schemeClr>
          </a:solidFill>
        </a:ln>
        <a:effectLst/>
      </c:spPr>
    </c:plotArea>
    <c:plotVisOnly val="1"/>
    <c:dispBlanksAs val="gap"/>
    <c:showDLblsOverMax val="0"/>
  </c:chart>
  <c:spPr>
    <a:noFill/>
    <a:ln w="6350" cap="flat" cmpd="sng" algn="ctr">
      <a:noFill/>
      <a:prstDash val="solid"/>
      <a:miter lim="800000"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cene3d>
          <a:camera prst="orthographicFront"/>
          <a:lightRig rig="threePt" dir="t"/>
        </a:scene3d>
        <a:sp3d prstMaterial="legacyWireframe"/>
      </c:spPr>
    </c:sideWall>
    <c:backWall>
      <c:thickness val="0"/>
      <c:spPr>
        <a:noFill/>
        <a:ln>
          <a:noFill/>
        </a:ln>
        <a:effectLst/>
        <a:scene3d>
          <a:camera prst="orthographicFront"/>
          <a:lightRig rig="threePt" dir="t"/>
        </a:scene3d>
        <a:sp3d prstMaterial="legacyWireframe"/>
      </c:spPr>
    </c:backWall>
    <c:plotArea>
      <c:layout>
        <c:manualLayout>
          <c:layoutTarget val="inner"/>
          <c:xMode val="edge"/>
          <c:yMode val="edge"/>
          <c:x val="8.0567373522754102E-2"/>
          <c:y val="3.2859824618841578E-2"/>
          <c:w val="0.91344037550861701"/>
          <c:h val="0.61561330409528903"/>
        </c:manualLayout>
      </c:layout>
      <c:bar3DChart>
        <c:barDir val="col"/>
        <c:grouping val="standard"/>
        <c:varyColors val="0"/>
        <c:ser>
          <c:idx val="2"/>
          <c:order val="0"/>
          <c:tx>
            <c:strRef>
              <c:f>pH!$C$1</c:f>
              <c:strCache>
                <c:ptCount val="1"/>
                <c:pt idx="0">
                  <c:v>June 2018</c:v>
                </c:pt>
              </c:strCache>
            </c:strRef>
          </c:tx>
          <c:spPr>
            <a:solidFill>
              <a:schemeClr val="accent3"/>
            </a:solidFill>
            <a:ln>
              <a:noFill/>
            </a:ln>
            <a:effectLst/>
            <a:sp3d/>
          </c:spPr>
          <c:invertIfNegative val="0"/>
          <c:cat>
            <c:strRef>
              <c:f>EC!$A$2:$A$36</c:f>
              <c:strCache>
                <c:ptCount val="34"/>
                <c:pt idx="0">
                  <c:v>Co-r0</c:v>
                </c:pt>
                <c:pt idx="1">
                  <c:v>H180+SS2-r1</c:v>
                </c:pt>
                <c:pt idx="2">
                  <c:v>H180+SS2-r2</c:v>
                </c:pt>
                <c:pt idx="3">
                  <c:v>H180+SS2-r3</c:v>
                </c:pt>
                <c:pt idx="4">
                  <c:v>H180-r1</c:v>
                </c:pt>
                <c:pt idx="5">
                  <c:v>H180-r2</c:v>
                </c:pt>
                <c:pt idx="6">
                  <c:v>H180-r3</c:v>
                </c:pt>
                <c:pt idx="7">
                  <c:v>H240+SS2-r1</c:v>
                </c:pt>
                <c:pt idx="8">
                  <c:v>H240+SS2-r2</c:v>
                </c:pt>
                <c:pt idx="9">
                  <c:v>H240+SS2-r3</c:v>
                </c:pt>
                <c:pt idx="10">
                  <c:v>H240-r1</c:v>
                </c:pt>
                <c:pt idx="11">
                  <c:v>H240-r2</c:v>
                </c:pt>
                <c:pt idx="12">
                  <c:v>H240-r3</c:v>
                </c:pt>
                <c:pt idx="13">
                  <c:v>P300+SS2-r1</c:v>
                </c:pt>
                <c:pt idx="14">
                  <c:v>P300+SS2-r2</c:v>
                </c:pt>
                <c:pt idx="15">
                  <c:v>P300+SS2-r3</c:v>
                </c:pt>
                <c:pt idx="16">
                  <c:v>P300-r1</c:v>
                </c:pt>
                <c:pt idx="17">
                  <c:v>P300-r2</c:v>
                </c:pt>
                <c:pt idx="18">
                  <c:v>P300-r3</c:v>
                </c:pt>
                <c:pt idx="19">
                  <c:v>P400+SS2-r1</c:v>
                </c:pt>
                <c:pt idx="20">
                  <c:v>P400+SS2-r2</c:v>
                </c:pt>
                <c:pt idx="21">
                  <c:v>P400+SS2-r3</c:v>
                </c:pt>
                <c:pt idx="22">
                  <c:v>P400-r1</c:v>
                </c:pt>
                <c:pt idx="23">
                  <c:v>P400-r2</c:v>
                </c:pt>
                <c:pt idx="24">
                  <c:v>P400-r3</c:v>
                </c:pt>
                <c:pt idx="25">
                  <c:v>SS1+SS2-r1</c:v>
                </c:pt>
                <c:pt idx="26">
                  <c:v>SS1+SS2-r2</c:v>
                </c:pt>
                <c:pt idx="27">
                  <c:v>SS1+SS2-r3</c:v>
                </c:pt>
                <c:pt idx="28">
                  <c:v>SS1-r1</c:v>
                </c:pt>
                <c:pt idx="29">
                  <c:v>SS1-r2</c:v>
                </c:pt>
                <c:pt idx="30">
                  <c:v>SS1-r3</c:v>
                </c:pt>
                <c:pt idx="31">
                  <c:v>SS2-r1</c:v>
                </c:pt>
                <c:pt idx="32">
                  <c:v>SS2-r2</c:v>
                </c:pt>
                <c:pt idx="33">
                  <c:v>SS2-r3</c:v>
                </c:pt>
              </c:strCache>
            </c:strRef>
          </c:cat>
          <c:val>
            <c:numRef>
              <c:f>EC!$B$2:$B$35</c:f>
              <c:numCache>
                <c:formatCode>General</c:formatCode>
                <c:ptCount val="34"/>
                <c:pt idx="0">
                  <c:v>4.2</c:v>
                </c:pt>
                <c:pt idx="1">
                  <c:v>8.6</c:v>
                </c:pt>
                <c:pt idx="2">
                  <c:v>11.5</c:v>
                </c:pt>
                <c:pt idx="3">
                  <c:v>21.5</c:v>
                </c:pt>
                <c:pt idx="4">
                  <c:v>13.2</c:v>
                </c:pt>
                <c:pt idx="5">
                  <c:v>11.6</c:v>
                </c:pt>
                <c:pt idx="6">
                  <c:v>9.8000000000000007</c:v>
                </c:pt>
                <c:pt idx="7">
                  <c:v>7.9</c:v>
                </c:pt>
                <c:pt idx="8">
                  <c:v>14</c:v>
                </c:pt>
                <c:pt idx="9">
                  <c:v>18.5</c:v>
                </c:pt>
                <c:pt idx="10">
                  <c:v>5.2</c:v>
                </c:pt>
                <c:pt idx="11">
                  <c:v>6.4</c:v>
                </c:pt>
                <c:pt idx="12">
                  <c:v>10.5</c:v>
                </c:pt>
                <c:pt idx="13">
                  <c:v>7.4</c:v>
                </c:pt>
                <c:pt idx="14">
                  <c:v>8.4</c:v>
                </c:pt>
                <c:pt idx="15">
                  <c:v>16.899999999999999</c:v>
                </c:pt>
                <c:pt idx="16">
                  <c:v>5.0999999999999996</c:v>
                </c:pt>
                <c:pt idx="17">
                  <c:v>5.3</c:v>
                </c:pt>
                <c:pt idx="18">
                  <c:v>7.8</c:v>
                </c:pt>
                <c:pt idx="19">
                  <c:v>6.3</c:v>
                </c:pt>
                <c:pt idx="20">
                  <c:v>10.199999999999999</c:v>
                </c:pt>
                <c:pt idx="21">
                  <c:v>15.1</c:v>
                </c:pt>
                <c:pt idx="22">
                  <c:v>4.5</c:v>
                </c:pt>
                <c:pt idx="23">
                  <c:v>4.8</c:v>
                </c:pt>
                <c:pt idx="24">
                  <c:v>5.3</c:v>
                </c:pt>
                <c:pt idx="25">
                  <c:v>11.8</c:v>
                </c:pt>
                <c:pt idx="26">
                  <c:v>18.3</c:v>
                </c:pt>
                <c:pt idx="27">
                  <c:v>23.5</c:v>
                </c:pt>
                <c:pt idx="28">
                  <c:v>7.7</c:v>
                </c:pt>
                <c:pt idx="29">
                  <c:v>11.8</c:v>
                </c:pt>
                <c:pt idx="30">
                  <c:v>16.600000000000001</c:v>
                </c:pt>
                <c:pt idx="31">
                  <c:v>6.1</c:v>
                </c:pt>
                <c:pt idx="32">
                  <c:v>9.9</c:v>
                </c:pt>
                <c:pt idx="33">
                  <c:v>10.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BEA-4726-A655-B153FE8B63E2}"/>
            </c:ext>
          </c:extLst>
        </c:ser>
        <c:ser>
          <c:idx val="1"/>
          <c:order val="1"/>
          <c:tx>
            <c:strRef>
              <c:f>pH!$E$1</c:f>
              <c:strCache>
                <c:ptCount val="1"/>
                <c:pt idx="0">
                  <c:v>August 2018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EC!$A$2:$A$36</c:f>
              <c:strCache>
                <c:ptCount val="34"/>
                <c:pt idx="0">
                  <c:v>Co-r0</c:v>
                </c:pt>
                <c:pt idx="1">
                  <c:v>H180+SS2-r1</c:v>
                </c:pt>
                <c:pt idx="2">
                  <c:v>H180+SS2-r2</c:v>
                </c:pt>
                <c:pt idx="3">
                  <c:v>H180+SS2-r3</c:v>
                </c:pt>
                <c:pt idx="4">
                  <c:v>H180-r1</c:v>
                </c:pt>
                <c:pt idx="5">
                  <c:v>H180-r2</c:v>
                </c:pt>
                <c:pt idx="6">
                  <c:v>H180-r3</c:v>
                </c:pt>
                <c:pt idx="7">
                  <c:v>H240+SS2-r1</c:v>
                </c:pt>
                <c:pt idx="8">
                  <c:v>H240+SS2-r2</c:v>
                </c:pt>
                <c:pt idx="9">
                  <c:v>H240+SS2-r3</c:v>
                </c:pt>
                <c:pt idx="10">
                  <c:v>H240-r1</c:v>
                </c:pt>
                <c:pt idx="11">
                  <c:v>H240-r2</c:v>
                </c:pt>
                <c:pt idx="12">
                  <c:v>H240-r3</c:v>
                </c:pt>
                <c:pt idx="13">
                  <c:v>P300+SS2-r1</c:v>
                </c:pt>
                <c:pt idx="14">
                  <c:v>P300+SS2-r2</c:v>
                </c:pt>
                <c:pt idx="15">
                  <c:v>P300+SS2-r3</c:v>
                </c:pt>
                <c:pt idx="16">
                  <c:v>P300-r1</c:v>
                </c:pt>
                <c:pt idx="17">
                  <c:v>P300-r2</c:v>
                </c:pt>
                <c:pt idx="18">
                  <c:v>P300-r3</c:v>
                </c:pt>
                <c:pt idx="19">
                  <c:v>P400+SS2-r1</c:v>
                </c:pt>
                <c:pt idx="20">
                  <c:v>P400+SS2-r2</c:v>
                </c:pt>
                <c:pt idx="21">
                  <c:v>P400+SS2-r3</c:v>
                </c:pt>
                <c:pt idx="22">
                  <c:v>P400-r1</c:v>
                </c:pt>
                <c:pt idx="23">
                  <c:v>P400-r2</c:v>
                </c:pt>
                <c:pt idx="24">
                  <c:v>P400-r3</c:v>
                </c:pt>
                <c:pt idx="25">
                  <c:v>SS1+SS2-r1</c:v>
                </c:pt>
                <c:pt idx="26">
                  <c:v>SS1+SS2-r2</c:v>
                </c:pt>
                <c:pt idx="27">
                  <c:v>SS1+SS2-r3</c:v>
                </c:pt>
                <c:pt idx="28">
                  <c:v>SS1-r1</c:v>
                </c:pt>
                <c:pt idx="29">
                  <c:v>SS1-r2</c:v>
                </c:pt>
                <c:pt idx="30">
                  <c:v>SS1-r3</c:v>
                </c:pt>
                <c:pt idx="31">
                  <c:v>SS2-r1</c:v>
                </c:pt>
                <c:pt idx="32">
                  <c:v>SS2-r2</c:v>
                </c:pt>
                <c:pt idx="33">
                  <c:v>SS2-r3</c:v>
                </c:pt>
              </c:strCache>
            </c:strRef>
          </c:cat>
          <c:val>
            <c:numRef>
              <c:f>EC!$D$2:$D$35</c:f>
              <c:numCache>
                <c:formatCode>General</c:formatCode>
                <c:ptCount val="34"/>
                <c:pt idx="0">
                  <c:v>3.4</c:v>
                </c:pt>
                <c:pt idx="1">
                  <c:v>7</c:v>
                </c:pt>
                <c:pt idx="2">
                  <c:v>8.1999999999999993</c:v>
                </c:pt>
                <c:pt idx="3">
                  <c:v>20.7</c:v>
                </c:pt>
                <c:pt idx="4">
                  <c:v>10.9</c:v>
                </c:pt>
                <c:pt idx="5">
                  <c:v>12</c:v>
                </c:pt>
                <c:pt idx="6">
                  <c:v>13.7</c:v>
                </c:pt>
                <c:pt idx="7">
                  <c:v>6.5</c:v>
                </c:pt>
                <c:pt idx="8">
                  <c:v>12.4</c:v>
                </c:pt>
                <c:pt idx="9">
                  <c:v>16.7</c:v>
                </c:pt>
                <c:pt idx="10">
                  <c:v>5.0999999999999996</c:v>
                </c:pt>
                <c:pt idx="11">
                  <c:v>6.1</c:v>
                </c:pt>
                <c:pt idx="12">
                  <c:v>9</c:v>
                </c:pt>
                <c:pt idx="13">
                  <c:v>6.4</c:v>
                </c:pt>
                <c:pt idx="14">
                  <c:v>9.1999999999999993</c:v>
                </c:pt>
                <c:pt idx="15">
                  <c:v>26.4</c:v>
                </c:pt>
                <c:pt idx="16">
                  <c:v>4.2</c:v>
                </c:pt>
                <c:pt idx="17">
                  <c:v>5.9</c:v>
                </c:pt>
                <c:pt idx="18">
                  <c:v>9.8000000000000007</c:v>
                </c:pt>
                <c:pt idx="19">
                  <c:v>8.1999999999999993</c:v>
                </c:pt>
                <c:pt idx="20">
                  <c:v>10.4</c:v>
                </c:pt>
                <c:pt idx="21">
                  <c:v>21.6</c:v>
                </c:pt>
                <c:pt idx="22">
                  <c:v>7.5</c:v>
                </c:pt>
                <c:pt idx="23">
                  <c:v>5.0999999999999996</c:v>
                </c:pt>
                <c:pt idx="24">
                  <c:v>12.1</c:v>
                </c:pt>
                <c:pt idx="25">
                  <c:v>9.1</c:v>
                </c:pt>
                <c:pt idx="26">
                  <c:v>7.2</c:v>
                </c:pt>
                <c:pt idx="27">
                  <c:v>8.4</c:v>
                </c:pt>
                <c:pt idx="28">
                  <c:v>4.5</c:v>
                </c:pt>
                <c:pt idx="29">
                  <c:v>9.1999999999999993</c:v>
                </c:pt>
                <c:pt idx="30">
                  <c:v>7</c:v>
                </c:pt>
                <c:pt idx="31">
                  <c:v>4.0999999999999996</c:v>
                </c:pt>
                <c:pt idx="32">
                  <c:v>6.9</c:v>
                </c:pt>
                <c:pt idx="33">
                  <c:v>15.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9BEA-4726-A655-B153FE8B63E2}"/>
            </c:ext>
          </c:extLst>
        </c:ser>
        <c:ser>
          <c:idx val="0"/>
          <c:order val="2"/>
          <c:tx>
            <c:strRef>
              <c:f>pH!$G$1</c:f>
              <c:strCache>
                <c:ptCount val="1"/>
                <c:pt idx="0">
                  <c:v>June 2019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invertIfNegative val="0"/>
          <c:cat>
            <c:strRef>
              <c:f>EC!$A$2:$A$36</c:f>
              <c:strCache>
                <c:ptCount val="34"/>
                <c:pt idx="0">
                  <c:v>Co-r0</c:v>
                </c:pt>
                <c:pt idx="1">
                  <c:v>H180+SS2-r1</c:v>
                </c:pt>
                <c:pt idx="2">
                  <c:v>H180+SS2-r2</c:v>
                </c:pt>
                <c:pt idx="3">
                  <c:v>H180+SS2-r3</c:v>
                </c:pt>
                <c:pt idx="4">
                  <c:v>H180-r1</c:v>
                </c:pt>
                <c:pt idx="5">
                  <c:v>H180-r2</c:v>
                </c:pt>
                <c:pt idx="6">
                  <c:v>H180-r3</c:v>
                </c:pt>
                <c:pt idx="7">
                  <c:v>H240+SS2-r1</c:v>
                </c:pt>
                <c:pt idx="8">
                  <c:v>H240+SS2-r2</c:v>
                </c:pt>
                <c:pt idx="9">
                  <c:v>H240+SS2-r3</c:v>
                </c:pt>
                <c:pt idx="10">
                  <c:v>H240-r1</c:v>
                </c:pt>
                <c:pt idx="11">
                  <c:v>H240-r2</c:v>
                </c:pt>
                <c:pt idx="12">
                  <c:v>H240-r3</c:v>
                </c:pt>
                <c:pt idx="13">
                  <c:v>P300+SS2-r1</c:v>
                </c:pt>
                <c:pt idx="14">
                  <c:v>P300+SS2-r2</c:v>
                </c:pt>
                <c:pt idx="15">
                  <c:v>P300+SS2-r3</c:v>
                </c:pt>
                <c:pt idx="16">
                  <c:v>P300-r1</c:v>
                </c:pt>
                <c:pt idx="17">
                  <c:v>P300-r2</c:v>
                </c:pt>
                <c:pt idx="18">
                  <c:v>P300-r3</c:v>
                </c:pt>
                <c:pt idx="19">
                  <c:v>P400+SS2-r1</c:v>
                </c:pt>
                <c:pt idx="20">
                  <c:v>P400+SS2-r2</c:v>
                </c:pt>
                <c:pt idx="21">
                  <c:v>P400+SS2-r3</c:v>
                </c:pt>
                <c:pt idx="22">
                  <c:v>P400-r1</c:v>
                </c:pt>
                <c:pt idx="23">
                  <c:v>P400-r2</c:v>
                </c:pt>
                <c:pt idx="24">
                  <c:v>P400-r3</c:v>
                </c:pt>
                <c:pt idx="25">
                  <c:v>SS1+SS2-r1</c:v>
                </c:pt>
                <c:pt idx="26">
                  <c:v>SS1+SS2-r2</c:v>
                </c:pt>
                <c:pt idx="27">
                  <c:v>SS1+SS2-r3</c:v>
                </c:pt>
                <c:pt idx="28">
                  <c:v>SS1-r1</c:v>
                </c:pt>
                <c:pt idx="29">
                  <c:v>SS1-r2</c:v>
                </c:pt>
                <c:pt idx="30">
                  <c:v>SS1-r3</c:v>
                </c:pt>
                <c:pt idx="31">
                  <c:v>SS2-r1</c:v>
                </c:pt>
                <c:pt idx="32">
                  <c:v>SS2-r2</c:v>
                </c:pt>
                <c:pt idx="33">
                  <c:v>SS2-r3</c:v>
                </c:pt>
              </c:strCache>
            </c:strRef>
          </c:cat>
          <c:val>
            <c:numRef>
              <c:f>EC!$F$2:$F$35</c:f>
              <c:numCache>
                <c:formatCode>General</c:formatCode>
                <c:ptCount val="34"/>
                <c:pt idx="0">
                  <c:v>28.3</c:v>
                </c:pt>
                <c:pt idx="1">
                  <c:v>50.1</c:v>
                </c:pt>
                <c:pt idx="2">
                  <c:v>69.8</c:v>
                </c:pt>
                <c:pt idx="3">
                  <c:v>148.5</c:v>
                </c:pt>
                <c:pt idx="4">
                  <c:v>41.8</c:v>
                </c:pt>
                <c:pt idx="5">
                  <c:v>33.9</c:v>
                </c:pt>
                <c:pt idx="6">
                  <c:v>57.8</c:v>
                </c:pt>
                <c:pt idx="7">
                  <c:v>42.3</c:v>
                </c:pt>
                <c:pt idx="8">
                  <c:v>62.3</c:v>
                </c:pt>
                <c:pt idx="9">
                  <c:v>130.80000000000001</c:v>
                </c:pt>
                <c:pt idx="10">
                  <c:v>35.1</c:v>
                </c:pt>
                <c:pt idx="11">
                  <c:v>45.2</c:v>
                </c:pt>
                <c:pt idx="12">
                  <c:v>60.5</c:v>
                </c:pt>
                <c:pt idx="13">
                  <c:v>82.5</c:v>
                </c:pt>
                <c:pt idx="14">
                  <c:v>178.9</c:v>
                </c:pt>
                <c:pt idx="15">
                  <c:v>148.30000000000001</c:v>
                </c:pt>
                <c:pt idx="16">
                  <c:v>45.6</c:v>
                </c:pt>
                <c:pt idx="17">
                  <c:v>58.4</c:v>
                </c:pt>
                <c:pt idx="18">
                  <c:v>65.900000000000006</c:v>
                </c:pt>
                <c:pt idx="19">
                  <c:v>58.3</c:v>
                </c:pt>
                <c:pt idx="20">
                  <c:v>78.400000000000006</c:v>
                </c:pt>
                <c:pt idx="21">
                  <c:v>141</c:v>
                </c:pt>
                <c:pt idx="22">
                  <c:v>78.7</c:v>
                </c:pt>
                <c:pt idx="23">
                  <c:v>61.6</c:v>
                </c:pt>
                <c:pt idx="24">
                  <c:v>81.5</c:v>
                </c:pt>
                <c:pt idx="25">
                  <c:v>61.3</c:v>
                </c:pt>
                <c:pt idx="26">
                  <c:v>76.2</c:v>
                </c:pt>
                <c:pt idx="27">
                  <c:v>132</c:v>
                </c:pt>
                <c:pt idx="28">
                  <c:v>29.1</c:v>
                </c:pt>
                <c:pt idx="29">
                  <c:v>65.400000000000006</c:v>
                </c:pt>
                <c:pt idx="30">
                  <c:v>51.1</c:v>
                </c:pt>
                <c:pt idx="31">
                  <c:v>51.7</c:v>
                </c:pt>
                <c:pt idx="32">
                  <c:v>67.599999999999994</c:v>
                </c:pt>
                <c:pt idx="33">
                  <c:v>256.100000000000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9BEA-4726-A655-B153FE8B63E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5"/>
        <c:shape val="box"/>
        <c:axId val="640323616"/>
        <c:axId val="640321120"/>
        <c:axId val="434883776"/>
      </c:bar3DChart>
      <c:catAx>
        <c:axId val="6403236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0321120"/>
        <c:crosses val="autoZero"/>
        <c:auto val="1"/>
        <c:lblAlgn val="ctr"/>
        <c:lblOffset val="100"/>
        <c:noMultiLvlLbl val="0"/>
      </c:catAx>
      <c:valAx>
        <c:axId val="640321120"/>
        <c:scaling>
          <c:orientation val="minMax"/>
          <c:min val="5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s-ES" sz="1050" b="0" i="0" baseline="0">
                    <a:effectLst/>
                  </a:rPr>
                  <a:t>EC (microS/cm) </a:t>
                </a:r>
                <a:endParaRPr lang="es-ES" sz="1050">
                  <a:effectLst/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0323616"/>
        <c:crosses val="autoZero"/>
        <c:crossBetween val="between"/>
      </c:valAx>
      <c:serAx>
        <c:axId val="434883776"/>
        <c:scaling>
          <c:orientation val="minMax"/>
        </c:scaling>
        <c:delete val="1"/>
        <c:axPos val="b"/>
        <c:majorTickMark val="out"/>
        <c:minorTickMark val="none"/>
        <c:tickLblPos val="nextTo"/>
        <c:crossAx val="640321120"/>
        <c:crosses val="autoZero"/>
      </c:serAx>
      <c:spPr>
        <a:noFill/>
        <a:ln>
          <a:noFill/>
        </a:ln>
        <a:effectLst/>
      </c:spPr>
    </c:plotArea>
    <c:legend>
      <c:legendPos val="b"/>
      <c:overlay val="1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>
        <c:manualLayout>
          <c:layoutTarget val="inner"/>
          <c:xMode val="edge"/>
          <c:yMode val="edge"/>
          <c:x val="5.7062414089703486E-2"/>
          <c:y val="0.10220673635307782"/>
          <c:w val="0.92748272114036323"/>
          <c:h val="0.54413308092585988"/>
        </c:manualLayout>
      </c:layout>
      <c:bar3DChart>
        <c:barDir val="col"/>
        <c:grouping val="standard"/>
        <c:varyColors val="0"/>
        <c:ser>
          <c:idx val="2"/>
          <c:order val="0"/>
          <c:tx>
            <c:strRef>
              <c:f>pH!$G$1</c:f>
              <c:strCache>
                <c:ptCount val="1"/>
                <c:pt idx="0">
                  <c:v>June 2019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invertIfNegative val="0"/>
          <c:cat>
            <c:strRef>
              <c:f>pH!$A$2:$A$36</c:f>
              <c:strCache>
                <c:ptCount val="34"/>
                <c:pt idx="0">
                  <c:v>Co-r0</c:v>
                </c:pt>
                <c:pt idx="1">
                  <c:v>H180+SS2-r1</c:v>
                </c:pt>
                <c:pt idx="2">
                  <c:v>H180+SS2-r2</c:v>
                </c:pt>
                <c:pt idx="3">
                  <c:v>H180+SS2-r3</c:v>
                </c:pt>
                <c:pt idx="4">
                  <c:v>H180-r1</c:v>
                </c:pt>
                <c:pt idx="5">
                  <c:v>H180-r2</c:v>
                </c:pt>
                <c:pt idx="6">
                  <c:v>H180-r3</c:v>
                </c:pt>
                <c:pt idx="7">
                  <c:v>H240+SS2-r1</c:v>
                </c:pt>
                <c:pt idx="8">
                  <c:v>H240+SS2-r2</c:v>
                </c:pt>
                <c:pt idx="9">
                  <c:v>H240+SS2-r3</c:v>
                </c:pt>
                <c:pt idx="10">
                  <c:v>H240-r1</c:v>
                </c:pt>
                <c:pt idx="11">
                  <c:v>H240-r2</c:v>
                </c:pt>
                <c:pt idx="12">
                  <c:v>H240-r3</c:v>
                </c:pt>
                <c:pt idx="13">
                  <c:v>P300+SS2-r1</c:v>
                </c:pt>
                <c:pt idx="14">
                  <c:v>P300+SS2-r2</c:v>
                </c:pt>
                <c:pt idx="15">
                  <c:v>P300+SS2-r3</c:v>
                </c:pt>
                <c:pt idx="16">
                  <c:v>P300-r1</c:v>
                </c:pt>
                <c:pt idx="17">
                  <c:v>P300-r2</c:v>
                </c:pt>
                <c:pt idx="18">
                  <c:v>P300-r3</c:v>
                </c:pt>
                <c:pt idx="19">
                  <c:v>P400+SS2-r1</c:v>
                </c:pt>
                <c:pt idx="20">
                  <c:v>P400+SS2-r2</c:v>
                </c:pt>
                <c:pt idx="21">
                  <c:v>P400+SS2-r3</c:v>
                </c:pt>
                <c:pt idx="22">
                  <c:v>P400-r1</c:v>
                </c:pt>
                <c:pt idx="23">
                  <c:v>P400-r2</c:v>
                </c:pt>
                <c:pt idx="24">
                  <c:v>P400-r3</c:v>
                </c:pt>
                <c:pt idx="25">
                  <c:v>SS1+SS2-r1</c:v>
                </c:pt>
                <c:pt idx="26">
                  <c:v>SS1+SS2-r2</c:v>
                </c:pt>
                <c:pt idx="27">
                  <c:v>SS1+SS2-r3</c:v>
                </c:pt>
                <c:pt idx="28">
                  <c:v>SS1-r1</c:v>
                </c:pt>
                <c:pt idx="29">
                  <c:v>SS1-r2</c:v>
                </c:pt>
                <c:pt idx="30">
                  <c:v>SS1-r3</c:v>
                </c:pt>
                <c:pt idx="31">
                  <c:v>SS2-r1</c:v>
                </c:pt>
                <c:pt idx="32">
                  <c:v>SS2-r2</c:v>
                </c:pt>
                <c:pt idx="33">
                  <c:v>SS2-r3</c:v>
                </c:pt>
              </c:strCache>
              <c:extLst/>
            </c:strRef>
          </c:cat>
          <c:val>
            <c:numRef>
              <c:f>pH!$G$2:$G$36</c:f>
              <c:numCache>
                <c:formatCode>General</c:formatCode>
                <c:ptCount val="34"/>
                <c:pt idx="0">
                  <c:v>6.2</c:v>
                </c:pt>
                <c:pt idx="1">
                  <c:v>6</c:v>
                </c:pt>
                <c:pt idx="2">
                  <c:v>5.9</c:v>
                </c:pt>
                <c:pt idx="3">
                  <c:v>5.7</c:v>
                </c:pt>
                <c:pt idx="4">
                  <c:v>6</c:v>
                </c:pt>
                <c:pt idx="5">
                  <c:v>6.1</c:v>
                </c:pt>
                <c:pt idx="6">
                  <c:v>5.9</c:v>
                </c:pt>
                <c:pt idx="7">
                  <c:v>6.1</c:v>
                </c:pt>
                <c:pt idx="8">
                  <c:v>6.1</c:v>
                </c:pt>
                <c:pt idx="9">
                  <c:v>5.8</c:v>
                </c:pt>
                <c:pt idx="10">
                  <c:v>6.3</c:v>
                </c:pt>
                <c:pt idx="11">
                  <c:v>6.2</c:v>
                </c:pt>
                <c:pt idx="12">
                  <c:v>5.8</c:v>
                </c:pt>
                <c:pt idx="13">
                  <c:v>6.2</c:v>
                </c:pt>
                <c:pt idx="14">
                  <c:v>6.1</c:v>
                </c:pt>
                <c:pt idx="15">
                  <c:v>6.2</c:v>
                </c:pt>
                <c:pt idx="16">
                  <c:v>6.4</c:v>
                </c:pt>
                <c:pt idx="17">
                  <c:v>6.4</c:v>
                </c:pt>
                <c:pt idx="18">
                  <c:v>6.5</c:v>
                </c:pt>
                <c:pt idx="19">
                  <c:v>6.3</c:v>
                </c:pt>
                <c:pt idx="20">
                  <c:v>6.3</c:v>
                </c:pt>
                <c:pt idx="21">
                  <c:v>6.3</c:v>
                </c:pt>
                <c:pt idx="22">
                  <c:v>6.7</c:v>
                </c:pt>
                <c:pt idx="23">
                  <c:v>6.8</c:v>
                </c:pt>
                <c:pt idx="24">
                  <c:v>6.5</c:v>
                </c:pt>
                <c:pt idx="25">
                  <c:v>6</c:v>
                </c:pt>
                <c:pt idx="26">
                  <c:v>6</c:v>
                </c:pt>
                <c:pt idx="27">
                  <c:v>5.7</c:v>
                </c:pt>
                <c:pt idx="28">
                  <c:v>6.4</c:v>
                </c:pt>
                <c:pt idx="29">
                  <c:v>5.9</c:v>
                </c:pt>
                <c:pt idx="30">
                  <c:v>5.9</c:v>
                </c:pt>
                <c:pt idx="31">
                  <c:v>6</c:v>
                </c:pt>
                <c:pt idx="32">
                  <c:v>5.8</c:v>
                </c:pt>
                <c:pt idx="33">
                  <c:v>5.7</c:v>
                </c:pt>
              </c:numCache>
              <c:extLst/>
            </c:numRef>
          </c:val>
          <c:extLst>
            <c:ext xmlns:c16="http://schemas.microsoft.com/office/drawing/2014/chart" uri="{C3380CC4-5D6E-409C-BE32-E72D297353CC}">
              <c16:uniqueId val="{00000000-1D13-40CD-8804-2CECCCCA3A98}"/>
            </c:ext>
          </c:extLst>
        </c:ser>
        <c:ser>
          <c:idx val="1"/>
          <c:order val="1"/>
          <c:tx>
            <c:strRef>
              <c:f>pH!$E$1</c:f>
              <c:strCache>
                <c:ptCount val="1"/>
                <c:pt idx="0">
                  <c:v>August 2018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pH!$A$2:$A$36</c:f>
              <c:strCache>
                <c:ptCount val="34"/>
                <c:pt idx="0">
                  <c:v>Co-r0</c:v>
                </c:pt>
                <c:pt idx="1">
                  <c:v>H180+SS2-r1</c:v>
                </c:pt>
                <c:pt idx="2">
                  <c:v>H180+SS2-r2</c:v>
                </c:pt>
                <c:pt idx="3">
                  <c:v>H180+SS2-r3</c:v>
                </c:pt>
                <c:pt idx="4">
                  <c:v>H180-r1</c:v>
                </c:pt>
                <c:pt idx="5">
                  <c:v>H180-r2</c:v>
                </c:pt>
                <c:pt idx="6">
                  <c:v>H180-r3</c:v>
                </c:pt>
                <c:pt idx="7">
                  <c:v>H240+SS2-r1</c:v>
                </c:pt>
                <c:pt idx="8">
                  <c:v>H240+SS2-r2</c:v>
                </c:pt>
                <c:pt idx="9">
                  <c:v>H240+SS2-r3</c:v>
                </c:pt>
                <c:pt idx="10">
                  <c:v>H240-r1</c:v>
                </c:pt>
                <c:pt idx="11">
                  <c:v>H240-r2</c:v>
                </c:pt>
                <c:pt idx="12">
                  <c:v>H240-r3</c:v>
                </c:pt>
                <c:pt idx="13">
                  <c:v>P300+SS2-r1</c:v>
                </c:pt>
                <c:pt idx="14">
                  <c:v>P300+SS2-r2</c:v>
                </c:pt>
                <c:pt idx="15">
                  <c:v>P300+SS2-r3</c:v>
                </c:pt>
                <c:pt idx="16">
                  <c:v>P300-r1</c:v>
                </c:pt>
                <c:pt idx="17">
                  <c:v>P300-r2</c:v>
                </c:pt>
                <c:pt idx="18">
                  <c:v>P300-r3</c:v>
                </c:pt>
                <c:pt idx="19">
                  <c:v>P400+SS2-r1</c:v>
                </c:pt>
                <c:pt idx="20">
                  <c:v>P400+SS2-r2</c:v>
                </c:pt>
                <c:pt idx="21">
                  <c:v>P400+SS2-r3</c:v>
                </c:pt>
                <c:pt idx="22">
                  <c:v>P400-r1</c:v>
                </c:pt>
                <c:pt idx="23">
                  <c:v>P400-r2</c:v>
                </c:pt>
                <c:pt idx="24">
                  <c:v>P400-r3</c:v>
                </c:pt>
                <c:pt idx="25">
                  <c:v>SS1+SS2-r1</c:v>
                </c:pt>
                <c:pt idx="26">
                  <c:v>SS1+SS2-r2</c:v>
                </c:pt>
                <c:pt idx="27">
                  <c:v>SS1+SS2-r3</c:v>
                </c:pt>
                <c:pt idx="28">
                  <c:v>SS1-r1</c:v>
                </c:pt>
                <c:pt idx="29">
                  <c:v>SS1-r2</c:v>
                </c:pt>
                <c:pt idx="30">
                  <c:v>SS1-r3</c:v>
                </c:pt>
                <c:pt idx="31">
                  <c:v>SS2-r1</c:v>
                </c:pt>
                <c:pt idx="32">
                  <c:v>SS2-r2</c:v>
                </c:pt>
                <c:pt idx="33">
                  <c:v>SS2-r3</c:v>
                </c:pt>
              </c:strCache>
              <c:extLst/>
            </c:strRef>
          </c:cat>
          <c:val>
            <c:numRef>
              <c:f>pH!$E$2:$E$36</c:f>
              <c:numCache>
                <c:formatCode>General</c:formatCode>
                <c:ptCount val="34"/>
                <c:pt idx="0">
                  <c:v>7</c:v>
                </c:pt>
                <c:pt idx="1">
                  <c:v>6.3</c:v>
                </c:pt>
                <c:pt idx="2">
                  <c:v>6</c:v>
                </c:pt>
                <c:pt idx="3">
                  <c:v>6</c:v>
                </c:pt>
                <c:pt idx="4">
                  <c:v>6.5</c:v>
                </c:pt>
                <c:pt idx="5">
                  <c:v>6.4</c:v>
                </c:pt>
                <c:pt idx="6">
                  <c:v>6.3</c:v>
                </c:pt>
                <c:pt idx="7">
                  <c:v>6.1</c:v>
                </c:pt>
                <c:pt idx="8">
                  <c:v>6.2</c:v>
                </c:pt>
                <c:pt idx="9">
                  <c:v>6.1</c:v>
                </c:pt>
                <c:pt idx="10">
                  <c:v>6.6</c:v>
                </c:pt>
                <c:pt idx="11">
                  <c:v>6.7</c:v>
                </c:pt>
                <c:pt idx="12">
                  <c:v>6.3</c:v>
                </c:pt>
                <c:pt idx="13">
                  <c:v>6.2</c:v>
                </c:pt>
                <c:pt idx="14">
                  <c:v>6.2</c:v>
                </c:pt>
                <c:pt idx="15">
                  <c:v>6.2</c:v>
                </c:pt>
                <c:pt idx="16">
                  <c:v>6.8</c:v>
                </c:pt>
                <c:pt idx="17">
                  <c:v>6.6</c:v>
                </c:pt>
                <c:pt idx="18">
                  <c:v>6.7</c:v>
                </c:pt>
                <c:pt idx="19">
                  <c:v>6.5</c:v>
                </c:pt>
                <c:pt idx="20">
                  <c:v>6.7</c:v>
                </c:pt>
                <c:pt idx="21">
                  <c:v>6.5</c:v>
                </c:pt>
                <c:pt idx="22">
                  <c:v>7.1</c:v>
                </c:pt>
                <c:pt idx="23">
                  <c:v>7.1</c:v>
                </c:pt>
                <c:pt idx="24">
                  <c:v>6.9</c:v>
                </c:pt>
                <c:pt idx="25">
                  <c:v>6</c:v>
                </c:pt>
                <c:pt idx="26">
                  <c:v>6</c:v>
                </c:pt>
                <c:pt idx="27">
                  <c:v>6.1</c:v>
                </c:pt>
                <c:pt idx="28">
                  <c:v>6.6</c:v>
                </c:pt>
                <c:pt idx="29">
                  <c:v>6.2</c:v>
                </c:pt>
                <c:pt idx="30">
                  <c:v>6.4</c:v>
                </c:pt>
                <c:pt idx="31">
                  <c:v>6.2</c:v>
                </c:pt>
                <c:pt idx="32">
                  <c:v>5.7</c:v>
                </c:pt>
                <c:pt idx="33">
                  <c:v>5.6</c:v>
                </c:pt>
              </c:numCache>
              <c:extLst/>
            </c:numRef>
          </c:val>
          <c:extLst>
            <c:ext xmlns:c16="http://schemas.microsoft.com/office/drawing/2014/chart" uri="{C3380CC4-5D6E-409C-BE32-E72D297353CC}">
              <c16:uniqueId val="{00000001-1D13-40CD-8804-2CECCCCA3A98}"/>
            </c:ext>
          </c:extLst>
        </c:ser>
        <c:ser>
          <c:idx val="0"/>
          <c:order val="2"/>
          <c:tx>
            <c:strRef>
              <c:f>pH!$C$1</c:f>
              <c:strCache>
                <c:ptCount val="1"/>
                <c:pt idx="0">
                  <c:v>June 2018</c:v>
                </c:pt>
              </c:strCache>
            </c:strRef>
          </c:tx>
          <c:spPr>
            <a:solidFill>
              <a:schemeClr val="bg1">
                <a:lumMod val="65000"/>
              </a:schemeClr>
            </a:solidFill>
            <a:ln>
              <a:noFill/>
            </a:ln>
            <a:effectLst/>
            <a:sp3d/>
          </c:spPr>
          <c:invertIfNegative val="0"/>
          <c:cat>
            <c:strRef>
              <c:f>pH!$A$2:$A$36</c:f>
              <c:strCache>
                <c:ptCount val="34"/>
                <c:pt idx="0">
                  <c:v>Co-r0</c:v>
                </c:pt>
                <c:pt idx="1">
                  <c:v>H180+SS2-r1</c:v>
                </c:pt>
                <c:pt idx="2">
                  <c:v>H180+SS2-r2</c:v>
                </c:pt>
                <c:pt idx="3">
                  <c:v>H180+SS2-r3</c:v>
                </c:pt>
                <c:pt idx="4">
                  <c:v>H180-r1</c:v>
                </c:pt>
                <c:pt idx="5">
                  <c:v>H180-r2</c:v>
                </c:pt>
                <c:pt idx="6">
                  <c:v>H180-r3</c:v>
                </c:pt>
                <c:pt idx="7">
                  <c:v>H240+SS2-r1</c:v>
                </c:pt>
                <c:pt idx="8">
                  <c:v>H240+SS2-r2</c:v>
                </c:pt>
                <c:pt idx="9">
                  <c:v>H240+SS2-r3</c:v>
                </c:pt>
                <c:pt idx="10">
                  <c:v>H240-r1</c:v>
                </c:pt>
                <c:pt idx="11">
                  <c:v>H240-r2</c:v>
                </c:pt>
                <c:pt idx="12">
                  <c:v>H240-r3</c:v>
                </c:pt>
                <c:pt idx="13">
                  <c:v>P300+SS2-r1</c:v>
                </c:pt>
                <c:pt idx="14">
                  <c:v>P300+SS2-r2</c:v>
                </c:pt>
                <c:pt idx="15">
                  <c:v>P300+SS2-r3</c:v>
                </c:pt>
                <c:pt idx="16">
                  <c:v>P300-r1</c:v>
                </c:pt>
                <c:pt idx="17">
                  <c:v>P300-r2</c:v>
                </c:pt>
                <c:pt idx="18">
                  <c:v>P300-r3</c:v>
                </c:pt>
                <c:pt idx="19">
                  <c:v>P400+SS2-r1</c:v>
                </c:pt>
                <c:pt idx="20">
                  <c:v>P400+SS2-r2</c:v>
                </c:pt>
                <c:pt idx="21">
                  <c:v>P400+SS2-r3</c:v>
                </c:pt>
                <c:pt idx="22">
                  <c:v>P400-r1</c:v>
                </c:pt>
                <c:pt idx="23">
                  <c:v>P400-r2</c:v>
                </c:pt>
                <c:pt idx="24">
                  <c:v>P400-r3</c:v>
                </c:pt>
                <c:pt idx="25">
                  <c:v>SS1+SS2-r1</c:v>
                </c:pt>
                <c:pt idx="26">
                  <c:v>SS1+SS2-r2</c:v>
                </c:pt>
                <c:pt idx="27">
                  <c:v>SS1+SS2-r3</c:v>
                </c:pt>
                <c:pt idx="28">
                  <c:v>SS1-r1</c:v>
                </c:pt>
                <c:pt idx="29">
                  <c:v>SS1-r2</c:v>
                </c:pt>
                <c:pt idx="30">
                  <c:v>SS1-r3</c:v>
                </c:pt>
                <c:pt idx="31">
                  <c:v>SS2-r1</c:v>
                </c:pt>
                <c:pt idx="32">
                  <c:v>SS2-r2</c:v>
                </c:pt>
                <c:pt idx="33">
                  <c:v>SS2-r3</c:v>
                </c:pt>
              </c:strCache>
              <c:extLst/>
            </c:strRef>
          </c:cat>
          <c:val>
            <c:numRef>
              <c:f>pH!$C$2:$C$36</c:f>
              <c:numCache>
                <c:formatCode>General</c:formatCode>
                <c:ptCount val="34"/>
                <c:pt idx="0">
                  <c:v>7.9</c:v>
                </c:pt>
                <c:pt idx="1">
                  <c:v>7.05</c:v>
                </c:pt>
                <c:pt idx="2">
                  <c:v>7.14</c:v>
                </c:pt>
                <c:pt idx="3">
                  <c:v>6.61</c:v>
                </c:pt>
                <c:pt idx="4">
                  <c:v>7.69</c:v>
                </c:pt>
                <c:pt idx="5">
                  <c:v>7.31</c:v>
                </c:pt>
                <c:pt idx="6">
                  <c:v>7.16</c:v>
                </c:pt>
                <c:pt idx="7">
                  <c:v>7.39</c:v>
                </c:pt>
                <c:pt idx="8">
                  <c:v>7.14</c:v>
                </c:pt>
                <c:pt idx="9">
                  <c:v>7.15</c:v>
                </c:pt>
                <c:pt idx="10">
                  <c:v>7.67</c:v>
                </c:pt>
                <c:pt idx="11">
                  <c:v>7.3</c:v>
                </c:pt>
                <c:pt idx="12">
                  <c:v>7.33</c:v>
                </c:pt>
                <c:pt idx="13">
                  <c:v>7.29</c:v>
                </c:pt>
                <c:pt idx="14">
                  <c:v>7.35</c:v>
                </c:pt>
                <c:pt idx="15">
                  <c:v>7.1</c:v>
                </c:pt>
                <c:pt idx="16">
                  <c:v>7.74</c:v>
                </c:pt>
                <c:pt idx="17">
                  <c:v>7.73</c:v>
                </c:pt>
                <c:pt idx="18">
                  <c:v>7.73</c:v>
                </c:pt>
                <c:pt idx="19">
                  <c:v>7.46</c:v>
                </c:pt>
                <c:pt idx="20">
                  <c:v>7.35</c:v>
                </c:pt>
                <c:pt idx="21">
                  <c:v>7.22</c:v>
                </c:pt>
                <c:pt idx="22">
                  <c:v>7.97</c:v>
                </c:pt>
                <c:pt idx="23">
                  <c:v>7.88</c:v>
                </c:pt>
                <c:pt idx="24">
                  <c:v>7.89</c:v>
                </c:pt>
                <c:pt idx="25">
                  <c:v>7.29</c:v>
                </c:pt>
                <c:pt idx="26">
                  <c:v>7.25</c:v>
                </c:pt>
                <c:pt idx="27">
                  <c:v>7.08</c:v>
                </c:pt>
                <c:pt idx="28">
                  <c:v>8.0399999999999991</c:v>
                </c:pt>
                <c:pt idx="29">
                  <c:v>8.18</c:v>
                </c:pt>
                <c:pt idx="30">
                  <c:v>7.9</c:v>
                </c:pt>
                <c:pt idx="31">
                  <c:v>7.22</c:v>
                </c:pt>
                <c:pt idx="32">
                  <c:v>7.21</c:v>
                </c:pt>
                <c:pt idx="33">
                  <c:v>7.22</c:v>
                </c:pt>
              </c:numCache>
              <c:extLst/>
            </c:numRef>
          </c:val>
          <c:extLst>
            <c:ext xmlns:c16="http://schemas.microsoft.com/office/drawing/2014/chart" uri="{C3380CC4-5D6E-409C-BE32-E72D297353CC}">
              <c16:uniqueId val="{00000002-1D13-40CD-8804-2CECCCCA3A9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5"/>
        <c:shape val="box"/>
        <c:axId val="640323616"/>
        <c:axId val="640321120"/>
        <c:axId val="434883776"/>
      </c:bar3DChart>
      <c:catAx>
        <c:axId val="6403236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0321120"/>
        <c:crosses val="autoZero"/>
        <c:auto val="1"/>
        <c:lblAlgn val="ctr"/>
        <c:lblOffset val="100"/>
        <c:noMultiLvlLbl val="0"/>
      </c:catAx>
      <c:valAx>
        <c:axId val="640321120"/>
        <c:scaling>
          <c:orientation val="minMax"/>
          <c:min val="5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pH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640323616"/>
        <c:crosses val="autoZero"/>
        <c:crossBetween val="between"/>
      </c:valAx>
      <c:serAx>
        <c:axId val="434883776"/>
        <c:scaling>
          <c:orientation val="minMax"/>
        </c:scaling>
        <c:delete val="1"/>
        <c:axPos val="b"/>
        <c:majorTickMark val="none"/>
        <c:minorTickMark val="none"/>
        <c:tickLblPos val="nextTo"/>
        <c:crossAx val="640321120"/>
        <c:crosses val="autoZero"/>
      </c:ser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37533981065854649"/>
          <c:y val="0.83471548815018826"/>
          <c:w val="0.2521302434666689"/>
          <c:h val="8.750385330690288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7.5143806849472569E-2"/>
          <c:y val="2.5759281170004238E-2"/>
          <c:w val="0.90564160095377"/>
          <c:h val="0.574805121034261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Ratios!$H$75</c:f>
              <c:strCache>
                <c:ptCount val="1"/>
                <c:pt idx="0">
                  <c:v>Difference from control Y1 (%)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strRef>
              <c:f>Ratios!$A$76:$A$109</c:f>
              <c:strCache>
                <c:ptCount val="34"/>
                <c:pt idx="0">
                  <c:v>C</c:v>
                </c:pt>
                <c:pt idx="1">
                  <c:v>SS2 r1</c:v>
                </c:pt>
                <c:pt idx="2">
                  <c:v>SS2 r2</c:v>
                </c:pt>
                <c:pt idx="3">
                  <c:v>SS2 r3</c:v>
                </c:pt>
                <c:pt idx="4">
                  <c:v>SS r1</c:v>
                </c:pt>
                <c:pt idx="5">
                  <c:v>SS r2</c:v>
                </c:pt>
                <c:pt idx="6">
                  <c:v>SS r3</c:v>
                </c:pt>
                <c:pt idx="7">
                  <c:v>SS + SS2 r1</c:v>
                </c:pt>
                <c:pt idx="8">
                  <c:v>SS + SS2 r2</c:v>
                </c:pt>
                <c:pt idx="9">
                  <c:v>SS + SS2 r3</c:v>
                </c:pt>
                <c:pt idx="10">
                  <c:v>H180 r1</c:v>
                </c:pt>
                <c:pt idx="11">
                  <c:v>H180 r2</c:v>
                </c:pt>
                <c:pt idx="12">
                  <c:v>H180 r3</c:v>
                </c:pt>
                <c:pt idx="13">
                  <c:v>H180 + SS2 r1</c:v>
                </c:pt>
                <c:pt idx="14">
                  <c:v>H180 + SS2 r2</c:v>
                </c:pt>
                <c:pt idx="15">
                  <c:v>H180 + SS2 r3</c:v>
                </c:pt>
                <c:pt idx="16">
                  <c:v>H240 r1</c:v>
                </c:pt>
                <c:pt idx="17">
                  <c:v>H240 r2</c:v>
                </c:pt>
                <c:pt idx="18">
                  <c:v>H240 r3</c:v>
                </c:pt>
                <c:pt idx="19">
                  <c:v>H240 + SS2 r1</c:v>
                </c:pt>
                <c:pt idx="20">
                  <c:v>H240 + SS2 r2</c:v>
                </c:pt>
                <c:pt idx="21">
                  <c:v>H240+ SS2 r3</c:v>
                </c:pt>
                <c:pt idx="22">
                  <c:v>P300 r1</c:v>
                </c:pt>
                <c:pt idx="23">
                  <c:v>P300 r2</c:v>
                </c:pt>
                <c:pt idx="24">
                  <c:v>P300 r3</c:v>
                </c:pt>
                <c:pt idx="25">
                  <c:v>P300 + SS2 r1</c:v>
                </c:pt>
                <c:pt idx="26">
                  <c:v>P300 + SS2 r2</c:v>
                </c:pt>
                <c:pt idx="27">
                  <c:v>P300 + SS2 r3</c:v>
                </c:pt>
                <c:pt idx="28">
                  <c:v>P400 r1</c:v>
                </c:pt>
                <c:pt idx="29">
                  <c:v>P400 r2</c:v>
                </c:pt>
                <c:pt idx="30">
                  <c:v>P400 r3</c:v>
                </c:pt>
                <c:pt idx="31">
                  <c:v>P400 + SS2 r1</c:v>
                </c:pt>
                <c:pt idx="32">
                  <c:v>P400 + SS2 r2</c:v>
                </c:pt>
                <c:pt idx="33">
                  <c:v>P400 + SS2 r3</c:v>
                </c:pt>
              </c:strCache>
            </c:strRef>
          </c:cat>
          <c:val>
            <c:numRef>
              <c:f>Ratios!$H$76:$H$109</c:f>
              <c:numCache>
                <c:formatCode>0.0</c:formatCode>
                <c:ptCount val="34"/>
                <c:pt idx="0" formatCode="General">
                  <c:v>0</c:v>
                </c:pt>
                <c:pt idx="1">
                  <c:v>-2.5916022259160432</c:v>
                </c:pt>
                <c:pt idx="2">
                  <c:v>-10.802919708029215</c:v>
                </c:pt>
                <c:pt idx="3">
                  <c:v>4.1222808412228025</c:v>
                </c:pt>
                <c:pt idx="4">
                  <c:v>-22.244706222447057</c:v>
                </c:pt>
                <c:pt idx="5">
                  <c:v>-8.7721326877213315</c:v>
                </c:pt>
                <c:pt idx="6">
                  <c:v>-3.5238852352388528</c:v>
                </c:pt>
                <c:pt idx="7">
                  <c:v>-16.95454216954543</c:v>
                </c:pt>
                <c:pt idx="8">
                  <c:v>-15.660909156609087</c:v>
                </c:pt>
                <c:pt idx="9">
                  <c:v>48.643492086434918</c:v>
                </c:pt>
                <c:pt idx="10">
                  <c:v>-28.280696682806973</c:v>
                </c:pt>
                <c:pt idx="11">
                  <c:v>-24.950495049504962</c:v>
                </c:pt>
                <c:pt idx="12">
                  <c:v>-23.152417431524171</c:v>
                </c:pt>
                <c:pt idx="13">
                  <c:v>-12.4275493242755</c:v>
                </c:pt>
                <c:pt idx="14">
                  <c:v>-9.916889499168887</c:v>
                </c:pt>
                <c:pt idx="15">
                  <c:v>29.322830093228298</c:v>
                </c:pt>
                <c:pt idx="16">
                  <c:v>-30.941678109416777</c:v>
                </c:pt>
                <c:pt idx="17">
                  <c:v>-33.014381730143818</c:v>
                </c:pt>
                <c:pt idx="18">
                  <c:v>-19.254173592541736</c:v>
                </c:pt>
                <c:pt idx="19">
                  <c:v>-29.191298691913005</c:v>
                </c:pt>
                <c:pt idx="20">
                  <c:v>-32.034400520344008</c:v>
                </c:pt>
                <c:pt idx="21">
                  <c:v>-22.131965021319651</c:v>
                </c:pt>
                <c:pt idx="22">
                  <c:v>-20.384476403844783</c:v>
                </c:pt>
                <c:pt idx="23">
                  <c:v>-41.789405217894057</c:v>
                </c:pt>
                <c:pt idx="24">
                  <c:v>-31.175832911758338</c:v>
                </c:pt>
                <c:pt idx="25">
                  <c:v>-13.04762593047627</c:v>
                </c:pt>
                <c:pt idx="26">
                  <c:v>-12.109561321095619</c:v>
                </c:pt>
                <c:pt idx="27">
                  <c:v>34.487244344872437</c:v>
                </c:pt>
                <c:pt idx="28">
                  <c:v>-19.018573390185733</c:v>
                </c:pt>
                <c:pt idx="29">
                  <c:v>-14.887620148876193</c:v>
                </c:pt>
                <c:pt idx="30">
                  <c:v>-12.300354123003531</c:v>
                </c:pt>
                <c:pt idx="31">
                  <c:v>-22.059695020596973</c:v>
                </c:pt>
                <c:pt idx="32">
                  <c:v>1.5841584158415973</c:v>
                </c:pt>
                <c:pt idx="33">
                  <c:v>16.17836236178363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91C-4F9F-B92C-C63A763F655D}"/>
            </c:ext>
          </c:extLst>
        </c:ser>
        <c:ser>
          <c:idx val="1"/>
          <c:order val="1"/>
          <c:tx>
            <c:strRef>
              <c:f>Ratios!$I$75</c:f>
              <c:strCache>
                <c:ptCount val="1"/>
                <c:pt idx="0">
                  <c:v>Difference from control Y2(%)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val>
            <c:numRef>
              <c:f>Ratios!$I$76:$I$109</c:f>
              <c:numCache>
                <c:formatCode>0.0</c:formatCode>
                <c:ptCount val="34"/>
                <c:pt idx="0" formatCode="General">
                  <c:v>0</c:v>
                </c:pt>
                <c:pt idx="1">
                  <c:v>24.908133445212801</c:v>
                </c:pt>
                <c:pt idx="2">
                  <c:v>3.1639709499146509</c:v>
                </c:pt>
                <c:pt idx="3">
                  <c:v>31.377853650067994</c:v>
                </c:pt>
                <c:pt idx="4">
                  <c:v>30.800613408176808</c:v>
                </c:pt>
                <c:pt idx="5">
                  <c:v>-2.8109719047481256</c:v>
                </c:pt>
                <c:pt idx="6">
                  <c:v>26.649981192673799</c:v>
                </c:pt>
                <c:pt idx="7">
                  <c:v>10.477127397934066</c:v>
                </c:pt>
                <c:pt idx="8">
                  <c:v>38.609993923786909</c:v>
                </c:pt>
                <c:pt idx="9">
                  <c:v>34.805127166459286</c:v>
                </c:pt>
                <c:pt idx="10">
                  <c:v>15.621654466016585</c:v>
                </c:pt>
                <c:pt idx="11">
                  <c:v>11.41315355458463</c:v>
                </c:pt>
                <c:pt idx="12">
                  <c:v>1.2051155927200998</c:v>
                </c:pt>
                <c:pt idx="13">
                  <c:v>-10.799745377737922</c:v>
                </c:pt>
                <c:pt idx="14">
                  <c:v>-0.74795289488152195</c:v>
                </c:pt>
                <c:pt idx="15">
                  <c:v>1.1863082665431968</c:v>
                </c:pt>
                <c:pt idx="16">
                  <c:v>30.440380776019239</c:v>
                </c:pt>
                <c:pt idx="17">
                  <c:v>28.391828940134829</c:v>
                </c:pt>
                <c:pt idx="18">
                  <c:v>3.4619947339486625</c:v>
                </c:pt>
                <c:pt idx="19">
                  <c:v>32.38621567662971</c:v>
                </c:pt>
                <c:pt idx="20">
                  <c:v>35.459043430456283</c:v>
                </c:pt>
                <c:pt idx="21">
                  <c:v>32.675559156274389</c:v>
                </c:pt>
                <c:pt idx="22">
                  <c:v>7.6169671016463454</c:v>
                </c:pt>
                <c:pt idx="23">
                  <c:v>32.163421197303308</c:v>
                </c:pt>
                <c:pt idx="24">
                  <c:v>27.529585370793637</c:v>
                </c:pt>
                <c:pt idx="25">
                  <c:v>55.770955701513259</c:v>
                </c:pt>
                <c:pt idx="26">
                  <c:v>47.876218859407956</c:v>
                </c:pt>
                <c:pt idx="27">
                  <c:v>25.906368449986967</c:v>
                </c:pt>
                <c:pt idx="28">
                  <c:v>21.699314255953208</c:v>
                </c:pt>
                <c:pt idx="29">
                  <c:v>22.949278088018271</c:v>
                </c:pt>
                <c:pt idx="30">
                  <c:v>25.277046381759771</c:v>
                </c:pt>
                <c:pt idx="31">
                  <c:v>9.1331269349845101</c:v>
                </c:pt>
                <c:pt idx="32">
                  <c:v>2.7400827522351676</c:v>
                </c:pt>
                <c:pt idx="33">
                  <c:v>6.086340094325977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791C-4F9F-B92C-C63A763F655D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75"/>
        <c:overlap val="-25"/>
        <c:axId val="413599568"/>
        <c:axId val="413599152"/>
      </c:barChart>
      <c:catAx>
        <c:axId val="4135995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13599152"/>
        <c:crosses val="autoZero"/>
        <c:auto val="1"/>
        <c:lblAlgn val="ctr"/>
        <c:lblOffset val="100"/>
        <c:noMultiLvlLbl val="0"/>
      </c:catAx>
      <c:valAx>
        <c:axId val="413599152"/>
        <c:scaling>
          <c:orientation val="minMax"/>
          <c:max val="60"/>
          <c:min val="-5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GB"/>
                  <a:t>%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41359956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20">
  <a:schemeClr val="dk1"/>
  <cs:variation>
    <a:tint val="88500"/>
  </cs:variation>
  <cs:variation>
    <a:tint val="55000"/>
  </cs:variation>
  <cs:variation>
    <a:tint val="75000"/>
  </cs:variation>
  <cs:variation>
    <a:tint val="98500"/>
  </cs:variation>
  <cs:variation>
    <a:tint val="30000"/>
  </cs:variation>
  <cs:variation>
    <a:tint val="60000"/>
  </cs:variation>
  <cs:variation>
    <a:tint val="8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101">
  <cs:axisTitle>
    <cs:lnRef idx="0"/>
    <cs:fillRef idx="0"/>
    <cs:effectRef idx="0"/>
    <cs:fontRef idx="minor">
      <a:schemeClr val="tx1"/>
    </cs:fontRef>
    <cs:defRPr sz="1000" b="1" kern="1200"/>
  </cs:axisTitle>
  <cs:category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categoryAxis>
  <cs:chartArea mods="allowNoFillOverride allowNoLineOverride">
    <cs:lnRef idx="1">
      <a:schemeClr val="tx1">
        <a:tint val="75000"/>
      </a:schemeClr>
    </cs:lnRef>
    <cs:fillRef idx="1">
      <a:schemeClr val="bg1"/>
    </cs:fillRef>
    <cs:effectRef idx="0"/>
    <cs:fontRef idx="minor">
      <a:schemeClr val="tx1"/>
    </cs:fontRef>
    <cs:spPr>
      <a:ln>
        <a:round/>
      </a:ln>
    </cs:spPr>
    <cs:defRPr sz="1000" kern="1200"/>
  </cs:chartArea>
  <cs:dataLabel>
    <cs:lnRef idx="0"/>
    <cs:fillRef idx="0"/>
    <cs:effectRef idx="0"/>
    <cs:fontRef idx="minor">
      <a:schemeClr val="tx1"/>
    </cs:fontRef>
    <cs:defRPr sz="1000" kern="1200"/>
  </cs:dataLabel>
  <cs:dataLabelCallout>
    <cs:lnRef idx="0"/>
    <cs:fillRef idx="0"/>
    <cs:effectRef idx="0"/>
    <cs:fontRef idx="minor">
      <a:schemeClr val="dk1"/>
    </cs:fontRef>
    <cs:spPr>
      <a:solidFill>
        <a:schemeClr val="lt1"/>
      </a:solidFill>
      <a:ln>
        <a:solidFill>
          <a:schemeClr val="dk1">
            <a:lumMod val="65000"/>
            <a:lumOff val="35000"/>
          </a:schemeClr>
        </a:solidFill>
      </a:ln>
    </cs:spPr>
    <cs:defRPr sz="1000" kern="1200"/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1">
      <cs:styleClr val="auto"/>
    </cs:lnRef>
    <cs:lineWidthScale>3</cs:lineWidthScale>
    <cs:fillRef idx="0"/>
    <cs:effectRef idx="0"/>
    <cs:fontRef idx="minor">
      <a:schemeClr val="tx1"/>
    </cs:fontRef>
    <cs:spPr>
      <a:ln cap="rnd">
        <a:round/>
      </a:ln>
    </cs:spPr>
  </cs:dataPointLine>
  <cs:dataPointMarker>
    <cs:lnRef idx="1">
      <cs:styleClr val="auto"/>
    </cs:lnRef>
    <cs:fillRef idx="1">
      <cs:styleClr val="auto"/>
    </cs:fillRef>
    <cs:effectRef idx="0"/>
    <cs:fontRef idx="minor">
      <a:schemeClr val="tx1"/>
    </cs:fontRef>
    <cs:spPr>
      <a:ln>
        <a:round/>
      </a:ln>
    </cs:spPr>
  </cs:dataPointMarker>
  <cs:dataPointMarkerLayout/>
  <cs:dataPointWireframe>
    <cs:lnRef idx="1">
      <cs:styleClr val="auto"/>
    </cs:lnRef>
    <cs:fillRef idx="0"/>
    <cs:effectRef idx="0"/>
    <cs:fontRef idx="minor">
      <a:schemeClr val="tx1"/>
    </cs:fontRef>
    <cs:spPr>
      <a:ln>
        <a:round/>
      </a:ln>
    </cs:spPr>
  </cs:dataPointWireframe>
  <cs:dataTable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dataTable>
  <cs:downBar>
    <cs:lnRef idx="1">
      <a:schemeClr val="tx1"/>
    </cs:lnRef>
    <cs:fillRef idx="1">
      <a:schemeClr val="dk1">
        <a:tint val="85000"/>
      </a:schemeClr>
    </cs:fillRef>
    <cs:effectRef idx="0"/>
    <cs:fontRef idx="minor">
      <a:schemeClr val="tx1"/>
    </cs:fontRef>
    <cs:spPr>
      <a:ln>
        <a:round/>
      </a:ln>
    </cs:spPr>
  </cs:downBar>
  <cs:drop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dropLine>
  <cs:errorBar>
    <cs:lnRef idx="1">
      <a:schemeClr val="tx1"/>
    </cs:lnRef>
    <cs:fillRef idx="1">
      <a:schemeClr val="tx1"/>
    </cs:fillRef>
    <cs:effectRef idx="0"/>
    <cs:fontRef idx="minor">
      <a:schemeClr val="tx1"/>
    </cs:fontRef>
    <cs:spPr>
      <a:ln>
        <a:round/>
      </a:ln>
    </cs:spPr>
  </cs:errorBar>
  <cs:floor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</cs:floor>
  <cs:gridlineMajor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</cs:gridlineMajor>
  <cs:gridlineMinor>
    <cs:lnRef idx="1">
      <a:schemeClr val="tx1">
        <a:tint val="50000"/>
      </a:schemeClr>
    </cs:lnRef>
    <cs:fillRef idx="0"/>
    <cs:effectRef idx="0"/>
    <cs:fontRef idx="minor">
      <a:schemeClr val="tx1"/>
    </cs:fontRef>
    <cs:spPr>
      <a:ln>
        <a:round/>
      </a:ln>
    </cs:spPr>
  </cs:gridlineMinor>
  <cs:hiLo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hiLoLine>
  <cs:leader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leaderLine>
  <cs:legend>
    <cs:lnRef idx="0"/>
    <cs:fillRef idx="0"/>
    <cs:effectRef idx="0"/>
    <cs:fontRef idx="minor">
      <a:schemeClr val="tx1"/>
    </cs:fontRef>
    <cs:defRPr sz="1000" kern="1200"/>
  </cs:legend>
  <cs:plotArea mods="allowNoFillOverride allowNoLineOverride">
    <cs:lnRef idx="0"/>
    <cs:fillRef idx="1">
      <a:schemeClr val="bg1"/>
    </cs:fillRef>
    <cs:effectRef idx="0"/>
    <cs:fontRef idx="minor">
      <a:schemeClr val="tx1"/>
    </cs:fontRef>
  </cs:plotArea>
  <cs:plotArea3D>
    <cs:lnRef idx="0"/>
    <cs:fillRef idx="0"/>
    <cs:effectRef idx="0"/>
    <cs:fontRef idx="minor">
      <a:schemeClr val="tx1"/>
    </cs:fontRef>
  </cs:plotArea3D>
  <cs:series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seriesAxis>
  <cs:seriesLine>
    <cs:lnRef idx="1">
      <a:schemeClr val="tx1"/>
    </cs:lnRef>
    <cs:fillRef idx="0"/>
    <cs:effectRef idx="0"/>
    <cs:fontRef idx="minor">
      <a:schemeClr val="tx1"/>
    </cs:fontRef>
    <cs:spPr>
      <a:ln>
        <a:round/>
      </a:ln>
    </cs:spPr>
  </cs:seriesLine>
  <cs:title>
    <cs:lnRef idx="0"/>
    <cs:fillRef idx="0"/>
    <cs:effectRef idx="0"/>
    <cs:fontRef idx="minor">
      <a:schemeClr val="tx1"/>
    </cs:fontRef>
    <cs:defRPr sz="1800" b="1" kern="1200"/>
  </cs:title>
  <cs:trendline>
    <cs:lnRef idx="1">
      <a:schemeClr val="tx1"/>
    </cs:lnRef>
    <cs:fillRef idx="0"/>
    <cs:effectRef idx="0"/>
    <cs:fontRef idx="minor">
      <a:schemeClr val="tx1"/>
    </cs:fontRef>
    <cs:spPr>
      <a:ln cap="rnd">
        <a:round/>
      </a:ln>
    </cs:spPr>
  </cs:trendline>
  <cs:trendlineLabel>
    <cs:lnRef idx="0"/>
    <cs:fillRef idx="0"/>
    <cs:effectRef idx="0"/>
    <cs:fontRef idx="minor">
      <a:schemeClr val="tx1"/>
    </cs:fontRef>
    <cs:defRPr sz="1000" kern="1200"/>
  </cs:trendlineLabel>
  <cs:upBar>
    <cs:lnRef idx="1">
      <a:schemeClr val="tx1"/>
    </cs:lnRef>
    <cs:fillRef idx="1">
      <a:schemeClr val="dk1">
        <a:tint val="25000"/>
      </a:schemeClr>
    </cs:fillRef>
    <cs:effectRef idx="0"/>
    <cs:fontRef idx="minor">
      <a:schemeClr val="tx1"/>
    </cs:fontRef>
    <cs:spPr>
      <a:ln>
        <a:round/>
      </a:ln>
    </cs:spPr>
  </cs:upBar>
  <cs:valueAxis>
    <cs:lnRef idx="1">
      <a:schemeClr val="tx1">
        <a:tint val="75000"/>
      </a:schemeClr>
    </cs:lnRef>
    <cs:fillRef idx="0"/>
    <cs:effectRef idx="0"/>
    <cs:fontRef idx="minor">
      <a:schemeClr val="tx1"/>
    </cs:fontRef>
    <cs:spPr>
      <a:ln>
        <a:round/>
      </a:ln>
    </cs:spPr>
    <cs:defRPr sz="1000" kern="1200"/>
  </cs:valueAxis>
  <cs:wall>
    <cs:lnRef idx="0"/>
    <cs:fillRef idx="0"/>
    <cs:effectRef idx="0"/>
    <cs:fontRef idx="minor">
      <a:schemeClr val="tx1"/>
    </cs:fontRef>
  </cs:wall>
</cs:chartStyle>
</file>

<file path=ppt/charts/style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8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iagrams/_rels/data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image" Target="../media/image29.png"/></Relationships>
</file>

<file path=ppt/diagrams/_rels/data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image" Target="../media/image29.png"/></Relationships>
</file>

<file path=ppt/diagrams/_rels/data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image" Target="../media/image29.png"/></Relationships>
</file>

<file path=ppt/diagrams/_rels/drawing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image" Target="../media/image29.png"/></Relationships>
</file>

<file path=ppt/diagrams/_rels/drawing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image" Target="../media/image29.png"/></Relationships>
</file>

<file path=ppt/diagrams/_rels/drawing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image" Target="../media/image29.png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1">
  <dgm:title val=""/>
  <dgm:desc val=""/>
  <dgm:catLst>
    <dgm:cat type="accent1" pri="11100"/>
  </dgm:catLst>
  <dgm:styleLbl name="node0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lignNode1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1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lnNode1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vennNode1">
    <dgm:fillClrLst meth="repeat">
      <a:schemeClr val="lt1">
        <a:alpha val="50000"/>
      </a:schemeClr>
    </dgm:fillClrLst>
    <dgm:linClrLst meth="repeat">
      <a:schemeClr val="accent1">
        <a:shade val="80000"/>
      </a:schemeClr>
    </dgm:linClrLst>
    <dgm:effectClrLst/>
    <dgm:txLinClrLst/>
    <dgm:txFillClrLst/>
    <dgm:txEffectClrLst/>
  </dgm:styleLbl>
  <dgm:styleLbl name="node2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3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4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ImgPlace1">
    <dgm:fillClrLst meth="repeat">
      <a:schemeClr val="accent1">
        <a:tint val="4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4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4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1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2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3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4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accent1">
        <a:alpha val="4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lt1">
        <a:alpha val="90000"/>
        <a:tint val="40000"/>
      </a:schemeClr>
    </dgm:fillClrLst>
    <dgm:linClrLst meth="repeat">
      <a:schemeClr val="accent1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lt1">
        <a:alpha val="90000"/>
        <a:tint val="40000"/>
      </a:schemeClr>
    </dgm:fillClrLst>
    <dgm:linClrLst meth="repeat">
      <a:schemeClr val="accent1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lt1">
        <a:alpha val="90000"/>
        <a:tint val="40000"/>
      </a:schemeClr>
    </dgm:fillClrLst>
    <dgm:linClrLst meth="repeat">
      <a:schemeClr val="accent1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3_1">
  <dgm:title val=""/>
  <dgm:desc val=""/>
  <dgm:catLst>
    <dgm:cat type="accent3" pri="11100"/>
  </dgm:catLst>
  <dgm:styleLbl name="node0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lignNode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lnNode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vennNode1">
    <dgm:fillClrLst meth="repeat">
      <a:schemeClr val="lt1">
        <a:alpha val="50000"/>
      </a:schemeClr>
    </dgm:fillClrLst>
    <dgm:linClrLst meth="repeat">
      <a:schemeClr val="accent3">
        <a:shade val="80000"/>
      </a:schemeClr>
    </dgm:linClrLst>
    <dgm:effectClrLst/>
    <dgm:txLinClrLst/>
    <dgm:txFillClrLst/>
    <dgm:txEffectClrLst/>
  </dgm:styleLbl>
  <dgm:styleLbl name="node2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3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4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ImgPlace1">
    <dgm:fillClrLst meth="repeat">
      <a:schemeClr val="accent3">
        <a:tint val="40000"/>
      </a:schemeClr>
    </dgm:fillClrLst>
    <dgm:linClrLst meth="repeat">
      <a:schemeClr val="accent3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3">
        <a:tint val="40000"/>
      </a:schemeClr>
    </dgm:fillClrLst>
    <dgm:linClrLst meth="repeat">
      <a:schemeClr val="accent3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3">
        <a:tint val="40000"/>
      </a:schemeClr>
    </dgm:fillClrLst>
    <dgm:linClrLst meth="repeat">
      <a:schemeClr val="accent3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fg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bg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sibTrans1D1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2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3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4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parCh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/>
    <dgm:txEffectClrLst/>
  </dgm:styleLbl>
  <dgm:styleLbl name="parChTrans2D2">
    <dgm:fillClrLst meth="repeat">
      <a:schemeClr val="accent3"/>
    </dgm:fillClrLst>
    <dgm:linClrLst meth="repeat">
      <a:schemeClr val="accent3"/>
    </dgm:linClrLst>
    <dgm:effectClrLst/>
    <dgm:txLinClrLst/>
    <dgm:txFillClrLst/>
    <dgm:txEffectClrLst/>
  </dgm:styleLbl>
  <dgm:styleLbl name="parChTrans2D3">
    <dgm:fillClrLst meth="repeat">
      <a:schemeClr val="accent3"/>
    </dgm:fillClrLst>
    <dgm:linClrLst meth="repeat">
      <a:schemeClr val="accent3"/>
    </dgm:linClrLst>
    <dgm:effectClrLst/>
    <dgm:txLinClrLst/>
    <dgm:txFillClrLst/>
    <dgm:txEffectClrLst/>
  </dgm:styleLbl>
  <dgm:styleLbl name="parChTrans2D4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3"/>
    </dgm:fillClrLst>
    <dgm:linClrLst meth="repeat">
      <a:schemeClr val="accent3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/>
    </dgm:fillClrLst>
    <dgm:linClrLst meth="repeat">
      <a:schemeClr val="accent3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3"/>
    </dgm:fillClrLst>
    <dgm:linClrLst meth="repeat">
      <a:schemeClr val="accent3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3"/>
    </dgm:fillClrLst>
    <dgm:linClrLst meth="repeat">
      <a:schemeClr val="accent3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accent3">
        <a:alpha val="4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lt1">
        <a:alpha val="90000"/>
        <a:tint val="40000"/>
      </a:schemeClr>
    </dgm:fillClrLst>
    <dgm:linClrLst meth="repeat">
      <a:schemeClr val="accent3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lt1">
        <a:alpha val="90000"/>
        <a:tint val="40000"/>
      </a:schemeClr>
    </dgm:fillClrLst>
    <dgm:linClrLst meth="repeat">
      <a:schemeClr val="accent3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lt1">
        <a:alpha val="90000"/>
        <a:tint val="40000"/>
      </a:schemeClr>
    </dgm:fillClrLst>
    <dgm:linClrLst meth="repeat">
      <a:schemeClr val="accent3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3"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3">
        <a:shade val="80000"/>
      </a:schemeClr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3">
        <a:tint val="50000"/>
        <a:alpha val="40000"/>
      </a:schemeClr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3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3.xml><?xml version="1.0" encoding="utf-8"?>
<dgm:colorsDef xmlns:dgm="http://schemas.openxmlformats.org/drawingml/2006/diagram" xmlns:a="http://schemas.openxmlformats.org/drawingml/2006/main" uniqueId="urn:microsoft.com/office/officeart/2005/8/colors/accent3_1">
  <dgm:title val=""/>
  <dgm:desc val=""/>
  <dgm:catLst>
    <dgm:cat type="accent3" pri="11100"/>
  </dgm:catLst>
  <dgm:styleLbl name="node0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lignNode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lnNode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vennNode1">
    <dgm:fillClrLst meth="repeat">
      <a:schemeClr val="lt1">
        <a:alpha val="50000"/>
      </a:schemeClr>
    </dgm:fillClrLst>
    <dgm:linClrLst meth="repeat">
      <a:schemeClr val="accent3">
        <a:shade val="80000"/>
      </a:schemeClr>
    </dgm:linClrLst>
    <dgm:effectClrLst/>
    <dgm:txLinClrLst/>
    <dgm:txFillClrLst/>
    <dgm:txEffectClrLst/>
  </dgm:styleLbl>
  <dgm:styleLbl name="node2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3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4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ImgPlace1">
    <dgm:fillClrLst meth="repeat">
      <a:schemeClr val="accent3">
        <a:tint val="40000"/>
      </a:schemeClr>
    </dgm:fillClrLst>
    <dgm:linClrLst meth="repeat">
      <a:schemeClr val="accent3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3">
        <a:tint val="40000"/>
      </a:schemeClr>
    </dgm:fillClrLst>
    <dgm:linClrLst meth="repeat">
      <a:schemeClr val="accent3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3">
        <a:tint val="40000"/>
      </a:schemeClr>
    </dgm:fillClrLst>
    <dgm:linClrLst meth="repeat">
      <a:schemeClr val="accent3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fg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bg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sibTrans1D1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2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3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4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parCh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/>
    <dgm:txEffectClrLst/>
  </dgm:styleLbl>
  <dgm:styleLbl name="parChTrans2D2">
    <dgm:fillClrLst meth="repeat">
      <a:schemeClr val="accent3"/>
    </dgm:fillClrLst>
    <dgm:linClrLst meth="repeat">
      <a:schemeClr val="accent3"/>
    </dgm:linClrLst>
    <dgm:effectClrLst/>
    <dgm:txLinClrLst/>
    <dgm:txFillClrLst/>
    <dgm:txEffectClrLst/>
  </dgm:styleLbl>
  <dgm:styleLbl name="parChTrans2D3">
    <dgm:fillClrLst meth="repeat">
      <a:schemeClr val="accent3"/>
    </dgm:fillClrLst>
    <dgm:linClrLst meth="repeat">
      <a:schemeClr val="accent3"/>
    </dgm:linClrLst>
    <dgm:effectClrLst/>
    <dgm:txLinClrLst/>
    <dgm:txFillClrLst/>
    <dgm:txEffectClrLst/>
  </dgm:styleLbl>
  <dgm:styleLbl name="parChTrans2D4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3"/>
    </dgm:fillClrLst>
    <dgm:linClrLst meth="repeat">
      <a:schemeClr val="accent3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/>
    </dgm:fillClrLst>
    <dgm:linClrLst meth="repeat">
      <a:schemeClr val="accent3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3"/>
    </dgm:fillClrLst>
    <dgm:linClrLst meth="repeat">
      <a:schemeClr val="accent3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3"/>
    </dgm:fillClrLst>
    <dgm:linClrLst meth="repeat">
      <a:schemeClr val="accent3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accent3">
        <a:alpha val="4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lt1">
        <a:alpha val="90000"/>
        <a:tint val="40000"/>
      </a:schemeClr>
    </dgm:fillClrLst>
    <dgm:linClrLst meth="repeat">
      <a:schemeClr val="accent3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lt1">
        <a:alpha val="90000"/>
        <a:tint val="40000"/>
      </a:schemeClr>
    </dgm:fillClrLst>
    <dgm:linClrLst meth="repeat">
      <a:schemeClr val="accent3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lt1">
        <a:alpha val="90000"/>
        <a:tint val="40000"/>
      </a:schemeClr>
    </dgm:fillClrLst>
    <dgm:linClrLst meth="repeat">
      <a:schemeClr val="accent3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3"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3">
        <a:shade val="80000"/>
      </a:schemeClr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3">
        <a:tint val="50000"/>
        <a:alpha val="40000"/>
      </a:schemeClr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3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4.xml><?xml version="1.0" encoding="utf-8"?>
<dgm:colorsDef xmlns:dgm="http://schemas.openxmlformats.org/drawingml/2006/diagram" xmlns:a="http://schemas.openxmlformats.org/drawingml/2006/main" uniqueId="urn:microsoft.com/office/officeart/2005/8/colors/accent3_1">
  <dgm:title val=""/>
  <dgm:desc val=""/>
  <dgm:catLst>
    <dgm:cat type="accent3" pri="11100"/>
  </dgm:catLst>
  <dgm:styleLbl name="node0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lignNode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lnNode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vennNode1">
    <dgm:fillClrLst meth="repeat">
      <a:schemeClr val="lt1">
        <a:alpha val="50000"/>
      </a:schemeClr>
    </dgm:fillClrLst>
    <dgm:linClrLst meth="repeat">
      <a:schemeClr val="accent3">
        <a:shade val="80000"/>
      </a:schemeClr>
    </dgm:linClrLst>
    <dgm:effectClrLst/>
    <dgm:txLinClrLst/>
    <dgm:txFillClrLst/>
    <dgm:txEffectClrLst/>
  </dgm:styleLbl>
  <dgm:styleLbl name="node2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3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4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ImgPlace1">
    <dgm:fillClrLst meth="repeat">
      <a:schemeClr val="accent3">
        <a:tint val="40000"/>
      </a:schemeClr>
    </dgm:fillClrLst>
    <dgm:linClrLst meth="repeat">
      <a:schemeClr val="accent3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3">
        <a:tint val="40000"/>
      </a:schemeClr>
    </dgm:fillClrLst>
    <dgm:linClrLst meth="repeat">
      <a:schemeClr val="accent3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3">
        <a:tint val="40000"/>
      </a:schemeClr>
    </dgm:fillClrLst>
    <dgm:linClrLst meth="repeat">
      <a:schemeClr val="accent3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fg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bgSib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sibTrans1D1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1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2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3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4">
    <dgm:fillClrLst meth="repeat">
      <a:schemeClr val="lt1"/>
    </dgm:fillClrLst>
    <dgm:linClrLst meth="repeat">
      <a:schemeClr val="accent3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parChTrans2D1">
    <dgm:fillClrLst meth="repeat">
      <a:schemeClr val="accent3">
        <a:tint val="60000"/>
      </a:schemeClr>
    </dgm:fillClrLst>
    <dgm:linClrLst meth="repeat">
      <a:schemeClr val="accent3">
        <a:tint val="60000"/>
      </a:schemeClr>
    </dgm:linClrLst>
    <dgm:effectClrLst/>
    <dgm:txLinClrLst/>
    <dgm:txFillClrLst/>
    <dgm:txEffectClrLst/>
  </dgm:styleLbl>
  <dgm:styleLbl name="parChTrans2D2">
    <dgm:fillClrLst meth="repeat">
      <a:schemeClr val="accent3"/>
    </dgm:fillClrLst>
    <dgm:linClrLst meth="repeat">
      <a:schemeClr val="accent3"/>
    </dgm:linClrLst>
    <dgm:effectClrLst/>
    <dgm:txLinClrLst/>
    <dgm:txFillClrLst/>
    <dgm:txEffectClrLst/>
  </dgm:styleLbl>
  <dgm:styleLbl name="parChTrans2D3">
    <dgm:fillClrLst meth="repeat">
      <a:schemeClr val="accent3"/>
    </dgm:fillClrLst>
    <dgm:linClrLst meth="repeat">
      <a:schemeClr val="accent3"/>
    </dgm:linClrLst>
    <dgm:effectClrLst/>
    <dgm:txLinClrLst/>
    <dgm:txFillClrLst/>
    <dgm:txEffectClrLst/>
  </dgm:styleLbl>
  <dgm:styleLbl name="parChTrans2D4">
    <dgm:fillClrLst meth="repeat">
      <a:schemeClr val="accent3"/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3"/>
    </dgm:fillClrLst>
    <dgm:linClrLst meth="repeat">
      <a:schemeClr val="accent3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/>
    </dgm:fillClrLst>
    <dgm:linClrLst meth="repeat">
      <a:schemeClr val="accent3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3"/>
    </dgm:fillClrLst>
    <dgm:linClrLst meth="repeat">
      <a:schemeClr val="accent3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3"/>
    </dgm:fillClrLst>
    <dgm:linClrLst meth="repeat">
      <a:schemeClr val="accent3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accent3">
        <a:alpha val="4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lt1">
        <a:alpha val="90000"/>
        <a:tint val="40000"/>
      </a:schemeClr>
    </dgm:fillClrLst>
    <dgm:linClrLst meth="repeat">
      <a:schemeClr val="accent3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lt1">
        <a:alpha val="90000"/>
        <a:tint val="40000"/>
      </a:schemeClr>
    </dgm:fillClrLst>
    <dgm:linClrLst meth="repeat">
      <a:schemeClr val="accent3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lt1">
        <a:alpha val="90000"/>
        <a:tint val="40000"/>
      </a:schemeClr>
    </dgm:fillClrLst>
    <dgm:linClrLst meth="repeat">
      <a:schemeClr val="accent3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accent3">
        <a:alpha val="90000"/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3">
        <a:tint val="40000"/>
      </a:schemeClr>
    </dgm:fillClrLst>
    <dgm:linClrLst meth="repeat">
      <a:schemeClr val="accent3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3">
        <a:shade val="80000"/>
      </a:schemeClr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3">
        <a:tint val="50000"/>
        <a:alpha val="40000"/>
      </a:schemeClr>
    </dgm:fillClrLst>
    <dgm:linClrLst meth="repeat">
      <a:schemeClr val="accent3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3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6D8F0FEC-2A1B-4265-B92A-698C0629FC35}" type="doc">
      <dgm:prSet loTypeId="urn:microsoft.com/office/officeart/2005/8/layout/chevron1" loCatId="process" qsTypeId="urn:microsoft.com/office/officeart/2005/8/quickstyle/simple1" qsCatId="simple" csTypeId="urn:microsoft.com/office/officeart/2005/8/colors/accent1_1" csCatId="accent1" phldr="1"/>
      <dgm:spPr/>
    </dgm:pt>
    <dgm:pt modelId="{ED98DBD5-8B04-4777-8A1A-C19BA5A86D5C}">
      <dgm:prSet phldrT="[Text]" custT="1"/>
      <dgm:spPr/>
      <dgm:t>
        <a:bodyPr/>
        <a:lstStyle/>
        <a:p>
          <a:r>
            <a:rPr lang="en-US" sz="1400" dirty="0"/>
            <a:t>Glasshouse Experiment </a:t>
          </a:r>
          <a:br>
            <a:rPr lang="en-US" sz="1400" dirty="0"/>
          </a:br>
          <a:r>
            <a:rPr lang="en-US" sz="1400" dirty="0"/>
            <a:t>(2 years)</a:t>
          </a:r>
        </a:p>
      </dgm:t>
    </dgm:pt>
    <dgm:pt modelId="{98F1507E-D1E8-499A-8B66-BD86C1DF69D2}" type="parTrans" cxnId="{D70B1920-6921-400D-BD18-48E142CBCE6E}">
      <dgm:prSet/>
      <dgm:spPr/>
      <dgm:t>
        <a:bodyPr/>
        <a:lstStyle/>
        <a:p>
          <a:endParaRPr lang="en-US" sz="1400"/>
        </a:p>
      </dgm:t>
    </dgm:pt>
    <dgm:pt modelId="{06E4EA8A-6906-4E26-B26D-0904E1481183}" type="sibTrans" cxnId="{D70B1920-6921-400D-BD18-48E142CBCE6E}">
      <dgm:prSet/>
      <dgm:spPr/>
      <dgm:t>
        <a:bodyPr/>
        <a:lstStyle/>
        <a:p>
          <a:endParaRPr lang="en-US" sz="1400"/>
        </a:p>
      </dgm:t>
    </dgm:pt>
    <dgm:pt modelId="{CBC19C36-7F72-47F9-81BB-23942320FEBD}">
      <dgm:prSet phldrT="[Text]" custT="1"/>
      <dgm:spPr/>
      <dgm:t>
        <a:bodyPr/>
        <a:lstStyle/>
        <a:p>
          <a:r>
            <a:rPr lang="en-US" sz="1400" dirty="0"/>
            <a:t>Thermal</a:t>
          </a:r>
        </a:p>
        <a:p>
          <a:r>
            <a:rPr lang="en-US" sz="1400" dirty="0"/>
            <a:t>Treatments</a:t>
          </a:r>
        </a:p>
      </dgm:t>
    </dgm:pt>
    <dgm:pt modelId="{DF8D9ABC-8735-4014-854B-4763B90B1F67}" type="sibTrans" cxnId="{85189CE0-D3B8-41A2-9BD0-B979D2EF1086}">
      <dgm:prSet/>
      <dgm:spPr/>
      <dgm:t>
        <a:bodyPr/>
        <a:lstStyle/>
        <a:p>
          <a:endParaRPr lang="en-US" sz="1400"/>
        </a:p>
      </dgm:t>
    </dgm:pt>
    <dgm:pt modelId="{D1D09FC9-F652-4593-9175-6D6674BF17C7}" type="parTrans" cxnId="{85189CE0-D3B8-41A2-9BD0-B979D2EF1086}">
      <dgm:prSet/>
      <dgm:spPr/>
      <dgm:t>
        <a:bodyPr/>
        <a:lstStyle/>
        <a:p>
          <a:endParaRPr lang="en-US" sz="1400"/>
        </a:p>
      </dgm:t>
    </dgm:pt>
    <dgm:pt modelId="{6A995815-549E-4236-8842-8B5C52A3AAED}">
      <dgm:prSet phldrT="[Text]" custT="1"/>
      <dgm:spPr/>
      <dgm:t>
        <a:bodyPr/>
        <a:lstStyle/>
        <a:p>
          <a:r>
            <a:rPr lang="en-US" sz="1400" dirty="0"/>
            <a:t>Characterization</a:t>
          </a:r>
        </a:p>
        <a:p>
          <a:r>
            <a:rPr lang="en-US" sz="1400" dirty="0"/>
            <a:t>Materials &amp; Soil</a:t>
          </a:r>
        </a:p>
      </dgm:t>
    </dgm:pt>
    <dgm:pt modelId="{FA6DB493-92F5-4EE6-80FC-188452AF8DA9}" type="sibTrans" cxnId="{D3F3C3C1-4D45-4568-9CDD-393C72576F8E}">
      <dgm:prSet/>
      <dgm:spPr/>
      <dgm:t>
        <a:bodyPr/>
        <a:lstStyle/>
        <a:p>
          <a:endParaRPr lang="en-US" sz="1400"/>
        </a:p>
      </dgm:t>
    </dgm:pt>
    <dgm:pt modelId="{ADCB469C-FB9F-45EF-A44D-900C9E01D748}" type="parTrans" cxnId="{D3F3C3C1-4D45-4568-9CDD-393C72576F8E}">
      <dgm:prSet/>
      <dgm:spPr/>
      <dgm:t>
        <a:bodyPr/>
        <a:lstStyle/>
        <a:p>
          <a:endParaRPr lang="en-US" sz="1400"/>
        </a:p>
      </dgm:t>
    </dgm:pt>
    <dgm:pt modelId="{46138F35-FAB8-48B0-B016-EC7BEE7AEC8F}" type="pres">
      <dgm:prSet presAssocID="{6D8F0FEC-2A1B-4265-B92A-698C0629FC35}" presName="Name0" presStyleCnt="0">
        <dgm:presLayoutVars>
          <dgm:dir/>
          <dgm:animLvl val="lvl"/>
          <dgm:resizeHandles val="exact"/>
        </dgm:presLayoutVars>
      </dgm:prSet>
      <dgm:spPr/>
    </dgm:pt>
    <dgm:pt modelId="{C8F90EA7-5A13-4C1C-A9B4-2F5DD110F081}" type="pres">
      <dgm:prSet presAssocID="{CBC19C36-7F72-47F9-81BB-23942320FEBD}" presName="parTxOnly" presStyleLbl="node1" presStyleIdx="0" presStyleCnt="3" custScaleX="134023">
        <dgm:presLayoutVars>
          <dgm:chMax val="0"/>
          <dgm:chPref val="0"/>
          <dgm:bulletEnabled val="1"/>
        </dgm:presLayoutVars>
      </dgm:prSet>
      <dgm:spPr/>
    </dgm:pt>
    <dgm:pt modelId="{38FA9366-B965-4128-A2C0-F230416AC19B}" type="pres">
      <dgm:prSet presAssocID="{DF8D9ABC-8735-4014-854B-4763B90B1F67}" presName="parTxOnlySpace" presStyleCnt="0"/>
      <dgm:spPr/>
    </dgm:pt>
    <dgm:pt modelId="{D1ACAD79-E6BE-49AB-8055-59AC8B731BA8}" type="pres">
      <dgm:prSet presAssocID="{6A995815-549E-4236-8842-8B5C52A3AAED}" presName="parTxOnly" presStyleLbl="node1" presStyleIdx="1" presStyleCnt="3" custScaleX="128344">
        <dgm:presLayoutVars>
          <dgm:chMax val="0"/>
          <dgm:chPref val="0"/>
          <dgm:bulletEnabled val="1"/>
        </dgm:presLayoutVars>
      </dgm:prSet>
      <dgm:spPr/>
    </dgm:pt>
    <dgm:pt modelId="{5D9EE42B-0194-4E4D-B564-A749A9720AA7}" type="pres">
      <dgm:prSet presAssocID="{FA6DB493-92F5-4EE6-80FC-188452AF8DA9}" presName="parTxOnlySpace" presStyleCnt="0"/>
      <dgm:spPr/>
    </dgm:pt>
    <dgm:pt modelId="{C4F92EFB-0EFF-4930-9591-4473E0809D3C}" type="pres">
      <dgm:prSet presAssocID="{ED98DBD5-8B04-4777-8A1A-C19BA5A86D5C}" presName="parTxOnly" presStyleLbl="node1" presStyleIdx="2" presStyleCnt="3" custScaleX="135887">
        <dgm:presLayoutVars>
          <dgm:chMax val="0"/>
          <dgm:chPref val="0"/>
          <dgm:bulletEnabled val="1"/>
        </dgm:presLayoutVars>
      </dgm:prSet>
      <dgm:spPr/>
    </dgm:pt>
  </dgm:ptLst>
  <dgm:cxnLst>
    <dgm:cxn modelId="{6C07BC13-B0F8-4168-B694-F7332618CF2C}" type="presOf" srcId="{CBC19C36-7F72-47F9-81BB-23942320FEBD}" destId="{C8F90EA7-5A13-4C1C-A9B4-2F5DD110F081}" srcOrd="0" destOrd="0" presId="urn:microsoft.com/office/officeart/2005/8/layout/chevron1"/>
    <dgm:cxn modelId="{D70B1920-6921-400D-BD18-48E142CBCE6E}" srcId="{6D8F0FEC-2A1B-4265-B92A-698C0629FC35}" destId="{ED98DBD5-8B04-4777-8A1A-C19BA5A86D5C}" srcOrd="2" destOrd="0" parTransId="{98F1507E-D1E8-499A-8B66-BD86C1DF69D2}" sibTransId="{06E4EA8A-6906-4E26-B26D-0904E1481183}"/>
    <dgm:cxn modelId="{036CB25E-1D9A-4119-836F-C40C3A34C958}" type="presOf" srcId="{6A995815-549E-4236-8842-8B5C52A3AAED}" destId="{D1ACAD79-E6BE-49AB-8055-59AC8B731BA8}" srcOrd="0" destOrd="0" presId="urn:microsoft.com/office/officeart/2005/8/layout/chevron1"/>
    <dgm:cxn modelId="{D3F3C3C1-4D45-4568-9CDD-393C72576F8E}" srcId="{6D8F0FEC-2A1B-4265-B92A-698C0629FC35}" destId="{6A995815-549E-4236-8842-8B5C52A3AAED}" srcOrd="1" destOrd="0" parTransId="{ADCB469C-FB9F-45EF-A44D-900C9E01D748}" sibTransId="{FA6DB493-92F5-4EE6-80FC-188452AF8DA9}"/>
    <dgm:cxn modelId="{67013FC6-D9F6-4A0B-8959-D70C2345CCD3}" type="presOf" srcId="{ED98DBD5-8B04-4777-8A1A-C19BA5A86D5C}" destId="{C4F92EFB-0EFF-4930-9591-4473E0809D3C}" srcOrd="0" destOrd="0" presId="urn:microsoft.com/office/officeart/2005/8/layout/chevron1"/>
    <dgm:cxn modelId="{B7F7F4CF-8F85-45D7-92B4-4756437245EC}" type="presOf" srcId="{6D8F0FEC-2A1B-4265-B92A-698C0629FC35}" destId="{46138F35-FAB8-48B0-B016-EC7BEE7AEC8F}" srcOrd="0" destOrd="0" presId="urn:microsoft.com/office/officeart/2005/8/layout/chevron1"/>
    <dgm:cxn modelId="{85189CE0-D3B8-41A2-9BD0-B979D2EF1086}" srcId="{6D8F0FEC-2A1B-4265-B92A-698C0629FC35}" destId="{CBC19C36-7F72-47F9-81BB-23942320FEBD}" srcOrd="0" destOrd="0" parTransId="{D1D09FC9-F652-4593-9175-6D6674BF17C7}" sibTransId="{DF8D9ABC-8735-4014-854B-4763B90B1F67}"/>
    <dgm:cxn modelId="{FA5C73FC-8E67-4CB7-B5CD-DA17AE03D974}" type="presParOf" srcId="{46138F35-FAB8-48B0-B016-EC7BEE7AEC8F}" destId="{C8F90EA7-5A13-4C1C-A9B4-2F5DD110F081}" srcOrd="0" destOrd="0" presId="urn:microsoft.com/office/officeart/2005/8/layout/chevron1"/>
    <dgm:cxn modelId="{0A59F86F-A985-427B-AE01-8FA17B68DBA2}" type="presParOf" srcId="{46138F35-FAB8-48B0-B016-EC7BEE7AEC8F}" destId="{38FA9366-B965-4128-A2C0-F230416AC19B}" srcOrd="1" destOrd="0" presId="urn:microsoft.com/office/officeart/2005/8/layout/chevron1"/>
    <dgm:cxn modelId="{63EB2B6D-BF92-4F78-A410-16E8145538EB}" type="presParOf" srcId="{46138F35-FAB8-48B0-B016-EC7BEE7AEC8F}" destId="{D1ACAD79-E6BE-49AB-8055-59AC8B731BA8}" srcOrd="2" destOrd="0" presId="urn:microsoft.com/office/officeart/2005/8/layout/chevron1"/>
    <dgm:cxn modelId="{4FE5C9DC-B7A7-4B60-910A-46CC63717F82}" type="presParOf" srcId="{46138F35-FAB8-48B0-B016-EC7BEE7AEC8F}" destId="{5D9EE42B-0194-4E4D-B564-A749A9720AA7}" srcOrd="3" destOrd="0" presId="urn:microsoft.com/office/officeart/2005/8/layout/chevron1"/>
    <dgm:cxn modelId="{6D53414D-C604-4995-92A1-3170E23BB5AC}" type="presParOf" srcId="{46138F35-FAB8-48B0-B016-EC7BEE7AEC8F}" destId="{C4F92EFB-0EFF-4930-9591-4473E0809D3C}" srcOrd="4" destOrd="0" presId="urn:microsoft.com/office/officeart/2005/8/layout/chevron1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7A3B50E4-39F1-423C-9C04-F06ED6784D01}" type="doc">
      <dgm:prSet loTypeId="urn:microsoft.com/office/officeart/2008/layout/PictureAccentList" loCatId="list" qsTypeId="urn:microsoft.com/office/officeart/2005/8/quickstyle/simple1" qsCatId="simple" csTypeId="urn:microsoft.com/office/officeart/2005/8/colors/accent3_1" csCatId="accent3" phldr="1"/>
      <dgm:spPr/>
      <dgm:t>
        <a:bodyPr/>
        <a:lstStyle/>
        <a:p>
          <a:endParaRPr lang="en-US"/>
        </a:p>
      </dgm:t>
    </dgm:pt>
    <dgm:pt modelId="{2259E13F-B780-4388-AA48-18F53BDCA3FC}">
      <dgm:prSet phldrT="[Text]" custT="1"/>
      <dgm:spPr/>
      <dgm:t>
        <a:bodyPr/>
        <a:lstStyle/>
        <a:p>
          <a:r>
            <a:rPr lang="en-US" sz="1200" dirty="0"/>
            <a:t>Sewage Sludge (SS</a:t>
          </a:r>
          <a:r>
            <a:rPr lang="en-US" sz="1000" dirty="0"/>
            <a:t>1</a:t>
          </a:r>
          <a:r>
            <a:rPr lang="en-US" sz="1200" dirty="0"/>
            <a:t>) Feedstock </a:t>
          </a:r>
        </a:p>
      </dgm:t>
    </dgm:pt>
    <dgm:pt modelId="{3D56DBE0-57AF-4F2E-B216-88F2EF805F0A}" type="parTrans" cxnId="{D1BB1497-FC4C-42FF-A484-C437E874A98B}">
      <dgm:prSet/>
      <dgm:spPr/>
      <dgm:t>
        <a:bodyPr/>
        <a:lstStyle/>
        <a:p>
          <a:endParaRPr lang="en-US" sz="1050"/>
        </a:p>
      </dgm:t>
    </dgm:pt>
    <dgm:pt modelId="{E38BFA9F-CF81-4B4D-9200-31F04DDC1922}" type="sibTrans" cxnId="{D1BB1497-FC4C-42FF-A484-C437E874A98B}">
      <dgm:prSet/>
      <dgm:spPr/>
      <dgm:t>
        <a:bodyPr/>
        <a:lstStyle/>
        <a:p>
          <a:endParaRPr lang="en-US" sz="1050"/>
        </a:p>
      </dgm:t>
    </dgm:pt>
    <dgm:pt modelId="{1EDE53F7-493F-4FCD-BC21-B9C1DBBACE3E}">
      <dgm:prSet phldrT="[Text]" custT="1"/>
      <dgm:spPr/>
      <dgm:t>
        <a:bodyPr/>
        <a:lstStyle/>
        <a:p>
          <a:pPr algn="l">
            <a:lnSpc>
              <a:spcPct val="90000"/>
            </a:lnSpc>
          </a:pPr>
          <a:br>
            <a:rPr lang="en-US" sz="1200" dirty="0"/>
          </a:br>
          <a:r>
            <a:rPr lang="en-US" sz="1200" dirty="0"/>
            <a:t>Hydrochar </a:t>
          </a:r>
          <a:r>
            <a:rPr lang="es-ES" sz="1200" dirty="0"/>
            <a:t>180◦C 4h (H180-4)</a:t>
          </a:r>
        </a:p>
        <a:p>
          <a:pPr algn="l">
            <a:lnSpc>
              <a:spcPct val="100000"/>
            </a:lnSpc>
          </a:pPr>
          <a:r>
            <a:rPr lang="en-US" sz="1200" dirty="0"/>
            <a:t>Hydrochar </a:t>
          </a:r>
          <a:r>
            <a:rPr lang="es-ES" sz="1200" dirty="0"/>
            <a:t>240◦C 4h (H240-4)</a:t>
          </a:r>
          <a:br>
            <a:rPr lang="en-US" sz="1600" dirty="0"/>
          </a:br>
          <a:endParaRPr lang="en-US" sz="1050" dirty="0"/>
        </a:p>
      </dgm:t>
    </dgm:pt>
    <dgm:pt modelId="{8541DB9E-A1BA-4798-8232-E094D3470DB7}" type="parTrans" cxnId="{3CA0C530-AD18-4DB2-9C0B-DE7EE8571840}">
      <dgm:prSet/>
      <dgm:spPr/>
      <dgm:t>
        <a:bodyPr/>
        <a:lstStyle/>
        <a:p>
          <a:endParaRPr lang="en-US" sz="1050"/>
        </a:p>
      </dgm:t>
    </dgm:pt>
    <dgm:pt modelId="{CBD29009-EB99-467B-BEED-D7D8C90827E4}" type="sibTrans" cxnId="{3CA0C530-AD18-4DB2-9C0B-DE7EE8571840}">
      <dgm:prSet/>
      <dgm:spPr/>
      <dgm:t>
        <a:bodyPr/>
        <a:lstStyle/>
        <a:p>
          <a:endParaRPr lang="en-US" sz="1050"/>
        </a:p>
      </dgm:t>
    </dgm:pt>
    <dgm:pt modelId="{033F2CBE-AFCE-49B7-A653-5C8DAD7054C6}">
      <dgm:prSet phldrT="[Text]" custT="1"/>
      <dgm:spPr/>
      <dgm:t>
        <a:bodyPr/>
        <a:lstStyle/>
        <a:p>
          <a:pPr algn="l"/>
          <a:br>
            <a:rPr lang="en-US" sz="1200" dirty="0"/>
          </a:br>
          <a:r>
            <a:rPr lang="en-US" sz="1200" dirty="0"/>
            <a:t>Pyrochar </a:t>
          </a:r>
          <a:r>
            <a:rPr lang="es-ES" sz="1200" b="0" dirty="0"/>
            <a:t>300◦C 1h (P300-1)</a:t>
          </a:r>
        </a:p>
        <a:p>
          <a:pPr algn="l"/>
          <a:r>
            <a:rPr lang="en-US" sz="1200" b="0" dirty="0"/>
            <a:t>Pyrochar </a:t>
          </a:r>
          <a:r>
            <a:rPr lang="es-ES" sz="1200" b="0" dirty="0"/>
            <a:t>400◦C 1h (P400-1)</a:t>
          </a:r>
          <a:br>
            <a:rPr lang="es-ES" sz="1200" b="1" dirty="0"/>
          </a:br>
          <a:endParaRPr lang="en-US" sz="1200" dirty="0"/>
        </a:p>
      </dgm:t>
    </dgm:pt>
    <dgm:pt modelId="{03D0C35E-6FF7-4382-B844-34F5C2F32C19}" type="parTrans" cxnId="{40AD72CE-F409-4225-8489-8017F2342C0A}">
      <dgm:prSet/>
      <dgm:spPr/>
      <dgm:t>
        <a:bodyPr/>
        <a:lstStyle/>
        <a:p>
          <a:endParaRPr lang="en-US" sz="1050"/>
        </a:p>
      </dgm:t>
    </dgm:pt>
    <dgm:pt modelId="{9F3FB62E-9BAA-4B76-9FA6-55E1FD655B8A}" type="sibTrans" cxnId="{40AD72CE-F409-4225-8489-8017F2342C0A}">
      <dgm:prSet/>
      <dgm:spPr/>
      <dgm:t>
        <a:bodyPr/>
        <a:lstStyle/>
        <a:p>
          <a:endParaRPr lang="en-US" sz="1050"/>
        </a:p>
      </dgm:t>
    </dgm:pt>
    <dgm:pt modelId="{87E8560D-2C3C-4ACB-9ECF-9C89BAEEA2DE}" type="pres">
      <dgm:prSet presAssocID="{7A3B50E4-39F1-423C-9C04-F06ED6784D01}" presName="layout" presStyleCnt="0">
        <dgm:presLayoutVars>
          <dgm:chMax/>
          <dgm:chPref/>
          <dgm:dir/>
          <dgm:animOne val="branch"/>
          <dgm:animLvl val="lvl"/>
          <dgm:resizeHandles/>
        </dgm:presLayoutVars>
      </dgm:prSet>
      <dgm:spPr/>
    </dgm:pt>
    <dgm:pt modelId="{2A48BA06-91CE-4ED4-86ED-FAEA9AF3208C}" type="pres">
      <dgm:prSet presAssocID="{2259E13F-B780-4388-AA48-18F53BDCA3FC}" presName="root" presStyleCnt="0">
        <dgm:presLayoutVars>
          <dgm:chMax/>
          <dgm:chPref val="4"/>
        </dgm:presLayoutVars>
      </dgm:prSet>
      <dgm:spPr/>
    </dgm:pt>
    <dgm:pt modelId="{FDD9B517-ACB6-413A-866A-43FE28945008}" type="pres">
      <dgm:prSet presAssocID="{2259E13F-B780-4388-AA48-18F53BDCA3FC}" presName="rootComposite" presStyleCnt="0">
        <dgm:presLayoutVars/>
      </dgm:prSet>
      <dgm:spPr/>
    </dgm:pt>
    <dgm:pt modelId="{8ADA4B41-ABE6-4BD5-BA19-F766384C5A36}" type="pres">
      <dgm:prSet presAssocID="{2259E13F-B780-4388-AA48-18F53BDCA3FC}" presName="rootText" presStyleLbl="node0" presStyleIdx="0" presStyleCnt="1" custScaleY="61721" custLinFactNeighborX="251" custLinFactNeighborY="5892">
        <dgm:presLayoutVars>
          <dgm:chMax/>
          <dgm:chPref val="4"/>
        </dgm:presLayoutVars>
      </dgm:prSet>
      <dgm:spPr/>
    </dgm:pt>
    <dgm:pt modelId="{BF174576-6698-43C6-9D17-4FE3E47A9785}" type="pres">
      <dgm:prSet presAssocID="{2259E13F-B780-4388-AA48-18F53BDCA3FC}" presName="childShape" presStyleCnt="0">
        <dgm:presLayoutVars>
          <dgm:chMax val="0"/>
          <dgm:chPref val="0"/>
        </dgm:presLayoutVars>
      </dgm:prSet>
      <dgm:spPr/>
    </dgm:pt>
    <dgm:pt modelId="{EDEA2C4E-C32D-4A52-8D2A-96D57EFC371C}" type="pres">
      <dgm:prSet presAssocID="{1EDE53F7-493F-4FCD-BC21-B9C1DBBACE3E}" presName="childComposite" presStyleCnt="0">
        <dgm:presLayoutVars>
          <dgm:chMax val="0"/>
          <dgm:chPref val="0"/>
        </dgm:presLayoutVars>
      </dgm:prSet>
      <dgm:spPr/>
    </dgm:pt>
    <dgm:pt modelId="{E0CAABE3-43B6-4C4E-802A-B873F0529A57}" type="pres">
      <dgm:prSet presAssocID="{1EDE53F7-493F-4FCD-BC21-B9C1DBBACE3E}" presName="Image" presStyleLbl="node1" presStyleIdx="0" presStyleCnt="2" custScaleY="103338" custLinFactY="21890" custLinFactNeighborX="4885" custLinFactNeighborY="100000"/>
      <dgm:spPr>
        <a:blipFill rotWithShape="1">
          <a:blip xmlns:r="http://schemas.openxmlformats.org/officeDocument/2006/relationships" r:embed="rId1"/>
          <a:stretch>
            <a:fillRect/>
          </a:stretch>
        </a:blipFill>
      </dgm:spPr>
    </dgm:pt>
    <dgm:pt modelId="{500A8904-A9D0-43B3-B490-B88D8EB44E36}" type="pres">
      <dgm:prSet presAssocID="{1EDE53F7-493F-4FCD-BC21-B9C1DBBACE3E}" presName="childText" presStyleLbl="lnNode1" presStyleIdx="0" presStyleCnt="2" custScaleY="87809">
        <dgm:presLayoutVars>
          <dgm:chMax val="0"/>
          <dgm:chPref val="0"/>
          <dgm:bulletEnabled val="1"/>
        </dgm:presLayoutVars>
      </dgm:prSet>
      <dgm:spPr/>
    </dgm:pt>
    <dgm:pt modelId="{FCBADA57-EBA8-449F-BF5B-5D71138E919E}" type="pres">
      <dgm:prSet presAssocID="{033F2CBE-AFCE-49B7-A653-5C8DAD7054C6}" presName="childComposite" presStyleCnt="0">
        <dgm:presLayoutVars>
          <dgm:chMax val="0"/>
          <dgm:chPref val="0"/>
        </dgm:presLayoutVars>
      </dgm:prSet>
      <dgm:spPr/>
    </dgm:pt>
    <dgm:pt modelId="{AE77F65B-3ABF-4323-809B-5A7A1999DE64}" type="pres">
      <dgm:prSet presAssocID="{033F2CBE-AFCE-49B7-A653-5C8DAD7054C6}" presName="Image" presStyleLbl="node1" presStyleIdx="1" presStyleCnt="2" custLinFactY="-14660" custLinFactNeighborX="4885" custLinFactNeighborY="-100000"/>
      <dgm:spPr>
        <a:blipFill rotWithShape="1">
          <a:blip xmlns:r="http://schemas.openxmlformats.org/officeDocument/2006/relationships" r:embed="rId2"/>
          <a:stretch>
            <a:fillRect/>
          </a:stretch>
        </a:blipFill>
      </dgm:spPr>
    </dgm:pt>
    <dgm:pt modelId="{77FEB96E-2AE4-4204-A3D6-E3600689F5A0}" type="pres">
      <dgm:prSet presAssocID="{033F2CBE-AFCE-49B7-A653-5C8DAD7054C6}" presName="childText" presStyleLbl="lnNode1" presStyleIdx="1" presStyleCnt="2" custLinFactNeighborX="2241" custLinFactNeighborY="10399">
        <dgm:presLayoutVars>
          <dgm:chMax val="0"/>
          <dgm:chPref val="0"/>
          <dgm:bulletEnabled val="1"/>
        </dgm:presLayoutVars>
      </dgm:prSet>
      <dgm:spPr/>
    </dgm:pt>
  </dgm:ptLst>
  <dgm:cxnLst>
    <dgm:cxn modelId="{3CA0C530-AD18-4DB2-9C0B-DE7EE8571840}" srcId="{2259E13F-B780-4388-AA48-18F53BDCA3FC}" destId="{1EDE53F7-493F-4FCD-BC21-B9C1DBBACE3E}" srcOrd="0" destOrd="0" parTransId="{8541DB9E-A1BA-4798-8232-E094D3470DB7}" sibTransId="{CBD29009-EB99-467B-BEED-D7D8C90827E4}"/>
    <dgm:cxn modelId="{23112A6F-D666-45CC-9571-FB40A98590D0}" type="presOf" srcId="{033F2CBE-AFCE-49B7-A653-5C8DAD7054C6}" destId="{77FEB96E-2AE4-4204-A3D6-E3600689F5A0}" srcOrd="0" destOrd="0" presId="urn:microsoft.com/office/officeart/2008/layout/PictureAccentList"/>
    <dgm:cxn modelId="{35AD7E7F-C979-4DA3-9ACD-EB493B2945FE}" type="presOf" srcId="{7A3B50E4-39F1-423C-9C04-F06ED6784D01}" destId="{87E8560D-2C3C-4ACB-9ECF-9C89BAEEA2DE}" srcOrd="0" destOrd="0" presId="urn:microsoft.com/office/officeart/2008/layout/PictureAccentList"/>
    <dgm:cxn modelId="{50C7BC80-6970-4D76-8F83-34F2DDD12FF9}" type="presOf" srcId="{1EDE53F7-493F-4FCD-BC21-B9C1DBBACE3E}" destId="{500A8904-A9D0-43B3-B490-B88D8EB44E36}" srcOrd="0" destOrd="0" presId="urn:microsoft.com/office/officeart/2008/layout/PictureAccentList"/>
    <dgm:cxn modelId="{710BA883-3832-4BDD-879B-1B4E9E300361}" type="presOf" srcId="{2259E13F-B780-4388-AA48-18F53BDCA3FC}" destId="{8ADA4B41-ABE6-4BD5-BA19-F766384C5A36}" srcOrd="0" destOrd="0" presId="urn:microsoft.com/office/officeart/2008/layout/PictureAccentList"/>
    <dgm:cxn modelId="{D1BB1497-FC4C-42FF-A484-C437E874A98B}" srcId="{7A3B50E4-39F1-423C-9C04-F06ED6784D01}" destId="{2259E13F-B780-4388-AA48-18F53BDCA3FC}" srcOrd="0" destOrd="0" parTransId="{3D56DBE0-57AF-4F2E-B216-88F2EF805F0A}" sibTransId="{E38BFA9F-CF81-4B4D-9200-31F04DDC1922}"/>
    <dgm:cxn modelId="{40AD72CE-F409-4225-8489-8017F2342C0A}" srcId="{2259E13F-B780-4388-AA48-18F53BDCA3FC}" destId="{033F2CBE-AFCE-49B7-A653-5C8DAD7054C6}" srcOrd="1" destOrd="0" parTransId="{03D0C35E-6FF7-4382-B844-34F5C2F32C19}" sibTransId="{9F3FB62E-9BAA-4B76-9FA6-55E1FD655B8A}"/>
    <dgm:cxn modelId="{CBADB2D4-AB38-4735-8D46-E9D369C371B4}" type="presParOf" srcId="{87E8560D-2C3C-4ACB-9ECF-9C89BAEEA2DE}" destId="{2A48BA06-91CE-4ED4-86ED-FAEA9AF3208C}" srcOrd="0" destOrd="0" presId="urn:microsoft.com/office/officeart/2008/layout/PictureAccentList"/>
    <dgm:cxn modelId="{B689888B-18EC-435A-AC1D-D22DC155A6B0}" type="presParOf" srcId="{2A48BA06-91CE-4ED4-86ED-FAEA9AF3208C}" destId="{FDD9B517-ACB6-413A-866A-43FE28945008}" srcOrd="0" destOrd="0" presId="urn:microsoft.com/office/officeart/2008/layout/PictureAccentList"/>
    <dgm:cxn modelId="{F4C0FA7F-E795-4241-9755-6E0AD6860A07}" type="presParOf" srcId="{FDD9B517-ACB6-413A-866A-43FE28945008}" destId="{8ADA4B41-ABE6-4BD5-BA19-F766384C5A36}" srcOrd="0" destOrd="0" presId="urn:microsoft.com/office/officeart/2008/layout/PictureAccentList"/>
    <dgm:cxn modelId="{45B73CBE-248B-4179-AEDC-8833E0727AF7}" type="presParOf" srcId="{2A48BA06-91CE-4ED4-86ED-FAEA9AF3208C}" destId="{BF174576-6698-43C6-9D17-4FE3E47A9785}" srcOrd="1" destOrd="0" presId="urn:microsoft.com/office/officeart/2008/layout/PictureAccentList"/>
    <dgm:cxn modelId="{030F15B3-827F-4B75-9F0D-47363E9F47EC}" type="presParOf" srcId="{BF174576-6698-43C6-9D17-4FE3E47A9785}" destId="{EDEA2C4E-C32D-4A52-8D2A-96D57EFC371C}" srcOrd="0" destOrd="0" presId="urn:microsoft.com/office/officeart/2008/layout/PictureAccentList"/>
    <dgm:cxn modelId="{11C70D33-8B31-4810-9DC8-2DE5244A8BA1}" type="presParOf" srcId="{EDEA2C4E-C32D-4A52-8D2A-96D57EFC371C}" destId="{E0CAABE3-43B6-4C4E-802A-B873F0529A57}" srcOrd="0" destOrd="0" presId="urn:microsoft.com/office/officeart/2008/layout/PictureAccentList"/>
    <dgm:cxn modelId="{1AF43116-63D4-4CB4-8FD6-1FE00850F81D}" type="presParOf" srcId="{EDEA2C4E-C32D-4A52-8D2A-96D57EFC371C}" destId="{500A8904-A9D0-43B3-B490-B88D8EB44E36}" srcOrd="1" destOrd="0" presId="urn:microsoft.com/office/officeart/2008/layout/PictureAccentList"/>
    <dgm:cxn modelId="{BF612601-AE67-45F0-9D17-328EFB50FC2B}" type="presParOf" srcId="{BF174576-6698-43C6-9D17-4FE3E47A9785}" destId="{FCBADA57-EBA8-449F-BF5B-5D71138E919E}" srcOrd="1" destOrd="0" presId="urn:microsoft.com/office/officeart/2008/layout/PictureAccentList"/>
    <dgm:cxn modelId="{49BEA47B-59C2-48F2-83B1-00F64F5776A3}" type="presParOf" srcId="{FCBADA57-EBA8-449F-BF5B-5D71138E919E}" destId="{AE77F65B-3ABF-4323-809B-5A7A1999DE64}" srcOrd="0" destOrd="0" presId="urn:microsoft.com/office/officeart/2008/layout/PictureAccentList"/>
    <dgm:cxn modelId="{C77F1B04-9058-4030-8FE3-487537642FC9}" type="presParOf" srcId="{FCBADA57-EBA8-449F-BF5B-5D71138E919E}" destId="{77FEB96E-2AE4-4204-A3D6-E3600689F5A0}" srcOrd="1" destOrd="0" presId="urn:microsoft.com/office/officeart/2008/layout/PictureAccentList"/>
  </dgm:cxnLst>
  <dgm:bg/>
  <dgm:whole/>
  <dgm:extLst>
    <a:ext uri="http://schemas.microsoft.com/office/drawing/2008/diagram">
      <dsp:dataModelExt xmlns:dsp="http://schemas.microsoft.com/office/drawing/2008/diagram" relId="rId15" minVer="http://schemas.openxmlformats.org/drawingml/2006/diagram"/>
    </a:ext>
  </dgm:extLst>
</dgm:dataModel>
</file>

<file path=ppt/diagrams/data3.xml><?xml version="1.0" encoding="utf-8"?>
<dgm:dataModel xmlns:dgm="http://schemas.openxmlformats.org/drawingml/2006/diagram" xmlns:a="http://schemas.openxmlformats.org/drawingml/2006/main">
  <dgm:ptLst>
    <dgm:pt modelId="{7A3B50E4-39F1-423C-9C04-F06ED6784D01}" type="doc">
      <dgm:prSet loTypeId="urn:microsoft.com/office/officeart/2008/layout/PictureAccentList" loCatId="list" qsTypeId="urn:microsoft.com/office/officeart/2005/8/quickstyle/simple1" qsCatId="simple" csTypeId="urn:microsoft.com/office/officeart/2005/8/colors/accent3_1" csCatId="accent3" phldr="1"/>
      <dgm:spPr/>
      <dgm:t>
        <a:bodyPr/>
        <a:lstStyle/>
        <a:p>
          <a:endParaRPr lang="en-US"/>
        </a:p>
      </dgm:t>
    </dgm:pt>
    <dgm:pt modelId="{2259E13F-B780-4388-AA48-18F53BDCA3FC}">
      <dgm:prSet phldrT="[Text]" custT="1"/>
      <dgm:spPr/>
      <dgm:t>
        <a:bodyPr/>
        <a:lstStyle/>
        <a:p>
          <a:r>
            <a:rPr lang="en-US" sz="1200" dirty="0"/>
            <a:t>Sewage Sludge </a:t>
          </a:r>
          <a:r>
            <a:rPr lang="en-US" sz="1200" b="1" dirty="0"/>
            <a:t>(SS</a:t>
          </a:r>
          <a:r>
            <a:rPr lang="en-US" sz="1000" b="1" dirty="0"/>
            <a:t>1</a:t>
          </a:r>
          <a:r>
            <a:rPr lang="en-US" sz="1200" b="1" dirty="0"/>
            <a:t>) </a:t>
          </a:r>
          <a:r>
            <a:rPr lang="en-US" sz="1200" dirty="0"/>
            <a:t>Feedstock </a:t>
          </a:r>
        </a:p>
      </dgm:t>
    </dgm:pt>
    <dgm:pt modelId="{3D56DBE0-57AF-4F2E-B216-88F2EF805F0A}" type="parTrans" cxnId="{D1BB1497-FC4C-42FF-A484-C437E874A98B}">
      <dgm:prSet/>
      <dgm:spPr/>
      <dgm:t>
        <a:bodyPr/>
        <a:lstStyle/>
        <a:p>
          <a:endParaRPr lang="en-US" sz="1050"/>
        </a:p>
      </dgm:t>
    </dgm:pt>
    <dgm:pt modelId="{E38BFA9F-CF81-4B4D-9200-31F04DDC1922}" type="sibTrans" cxnId="{D1BB1497-FC4C-42FF-A484-C437E874A98B}">
      <dgm:prSet/>
      <dgm:spPr/>
      <dgm:t>
        <a:bodyPr/>
        <a:lstStyle/>
        <a:p>
          <a:endParaRPr lang="en-US" sz="1050"/>
        </a:p>
      </dgm:t>
    </dgm:pt>
    <dgm:pt modelId="{1EDE53F7-493F-4FCD-BC21-B9C1DBBACE3E}">
      <dgm:prSet phldrT="[Text]" custT="1"/>
      <dgm:spPr/>
      <dgm:t>
        <a:bodyPr/>
        <a:lstStyle/>
        <a:p>
          <a:pPr algn="l">
            <a:lnSpc>
              <a:spcPct val="90000"/>
            </a:lnSpc>
          </a:pPr>
          <a:br>
            <a:rPr lang="en-US" sz="1200" dirty="0"/>
          </a:br>
          <a:r>
            <a:rPr lang="en-US" sz="1200" dirty="0"/>
            <a:t>Hydrochar </a:t>
          </a:r>
          <a:r>
            <a:rPr lang="es-ES" sz="1200" dirty="0"/>
            <a:t>180◦C 4h </a:t>
          </a:r>
          <a:r>
            <a:rPr lang="es-ES" sz="1200" b="0" dirty="0">
              <a:solidFill>
                <a:srgbClr val="00B0F0"/>
              </a:solidFill>
            </a:rPr>
            <a:t>(H180-4)</a:t>
          </a:r>
        </a:p>
        <a:p>
          <a:pPr algn="l">
            <a:lnSpc>
              <a:spcPct val="100000"/>
            </a:lnSpc>
          </a:pPr>
          <a:r>
            <a:rPr lang="en-US" sz="1200" dirty="0"/>
            <a:t>Hydrochar </a:t>
          </a:r>
          <a:r>
            <a:rPr lang="es-ES" sz="1200" dirty="0"/>
            <a:t>240◦C 4h </a:t>
          </a:r>
          <a:r>
            <a:rPr lang="es-ES" sz="1200" dirty="0">
              <a:solidFill>
                <a:srgbClr val="002060"/>
              </a:solidFill>
            </a:rPr>
            <a:t>(H240-4)</a:t>
          </a:r>
          <a:br>
            <a:rPr lang="en-US" sz="1600" dirty="0">
              <a:solidFill>
                <a:srgbClr val="002060"/>
              </a:solidFill>
            </a:rPr>
          </a:br>
          <a:endParaRPr lang="en-US" sz="1050" dirty="0">
            <a:solidFill>
              <a:srgbClr val="002060"/>
            </a:solidFill>
          </a:endParaRPr>
        </a:p>
      </dgm:t>
    </dgm:pt>
    <dgm:pt modelId="{8541DB9E-A1BA-4798-8232-E094D3470DB7}" type="parTrans" cxnId="{3CA0C530-AD18-4DB2-9C0B-DE7EE8571840}">
      <dgm:prSet/>
      <dgm:spPr/>
      <dgm:t>
        <a:bodyPr/>
        <a:lstStyle/>
        <a:p>
          <a:endParaRPr lang="en-US" sz="1050"/>
        </a:p>
      </dgm:t>
    </dgm:pt>
    <dgm:pt modelId="{CBD29009-EB99-467B-BEED-D7D8C90827E4}" type="sibTrans" cxnId="{3CA0C530-AD18-4DB2-9C0B-DE7EE8571840}">
      <dgm:prSet/>
      <dgm:spPr/>
      <dgm:t>
        <a:bodyPr/>
        <a:lstStyle/>
        <a:p>
          <a:endParaRPr lang="en-US" sz="1050"/>
        </a:p>
      </dgm:t>
    </dgm:pt>
    <dgm:pt modelId="{033F2CBE-AFCE-49B7-A653-5C8DAD7054C6}">
      <dgm:prSet phldrT="[Text]" custT="1"/>
      <dgm:spPr/>
      <dgm:t>
        <a:bodyPr/>
        <a:lstStyle/>
        <a:p>
          <a:pPr algn="l"/>
          <a:br>
            <a:rPr lang="en-US" sz="1200" dirty="0"/>
          </a:br>
          <a:r>
            <a:rPr lang="en-US" sz="1200" dirty="0"/>
            <a:t>Pyrochar </a:t>
          </a:r>
          <a:r>
            <a:rPr lang="es-ES" sz="1200" b="0" dirty="0"/>
            <a:t>300◦C 1h </a:t>
          </a:r>
          <a:r>
            <a:rPr lang="es-ES" sz="1200" b="0" dirty="0">
              <a:solidFill>
                <a:schemeClr val="accent2">
                  <a:lumMod val="75000"/>
                </a:schemeClr>
              </a:solidFill>
            </a:rPr>
            <a:t>(P300-1)</a:t>
          </a:r>
        </a:p>
        <a:p>
          <a:pPr algn="l"/>
          <a:r>
            <a:rPr lang="en-US" sz="1200" b="0" dirty="0"/>
            <a:t>Pyrochar </a:t>
          </a:r>
          <a:r>
            <a:rPr lang="es-ES" sz="1200" b="0" dirty="0"/>
            <a:t>400◦C 1h </a:t>
          </a:r>
          <a:r>
            <a:rPr lang="es-ES" sz="1200" b="0" dirty="0">
              <a:solidFill>
                <a:srgbClr val="FF0000"/>
              </a:solidFill>
            </a:rPr>
            <a:t>(P400-1)</a:t>
          </a:r>
          <a:br>
            <a:rPr lang="es-ES" sz="1200" b="1" dirty="0">
              <a:solidFill>
                <a:srgbClr val="FF0000"/>
              </a:solidFill>
            </a:rPr>
          </a:br>
          <a:endParaRPr lang="en-US" sz="1200" dirty="0">
            <a:solidFill>
              <a:srgbClr val="FF0000"/>
            </a:solidFill>
          </a:endParaRPr>
        </a:p>
      </dgm:t>
    </dgm:pt>
    <dgm:pt modelId="{03D0C35E-6FF7-4382-B844-34F5C2F32C19}" type="parTrans" cxnId="{40AD72CE-F409-4225-8489-8017F2342C0A}">
      <dgm:prSet/>
      <dgm:spPr/>
      <dgm:t>
        <a:bodyPr/>
        <a:lstStyle/>
        <a:p>
          <a:endParaRPr lang="en-US" sz="1050"/>
        </a:p>
      </dgm:t>
    </dgm:pt>
    <dgm:pt modelId="{9F3FB62E-9BAA-4B76-9FA6-55E1FD655B8A}" type="sibTrans" cxnId="{40AD72CE-F409-4225-8489-8017F2342C0A}">
      <dgm:prSet/>
      <dgm:spPr/>
      <dgm:t>
        <a:bodyPr/>
        <a:lstStyle/>
        <a:p>
          <a:endParaRPr lang="en-US" sz="1050"/>
        </a:p>
      </dgm:t>
    </dgm:pt>
    <dgm:pt modelId="{87E8560D-2C3C-4ACB-9ECF-9C89BAEEA2DE}" type="pres">
      <dgm:prSet presAssocID="{7A3B50E4-39F1-423C-9C04-F06ED6784D01}" presName="layout" presStyleCnt="0">
        <dgm:presLayoutVars>
          <dgm:chMax/>
          <dgm:chPref/>
          <dgm:dir/>
          <dgm:animOne val="branch"/>
          <dgm:animLvl val="lvl"/>
          <dgm:resizeHandles/>
        </dgm:presLayoutVars>
      </dgm:prSet>
      <dgm:spPr/>
    </dgm:pt>
    <dgm:pt modelId="{2A48BA06-91CE-4ED4-86ED-FAEA9AF3208C}" type="pres">
      <dgm:prSet presAssocID="{2259E13F-B780-4388-AA48-18F53BDCA3FC}" presName="root" presStyleCnt="0">
        <dgm:presLayoutVars>
          <dgm:chMax/>
          <dgm:chPref val="4"/>
        </dgm:presLayoutVars>
      </dgm:prSet>
      <dgm:spPr/>
    </dgm:pt>
    <dgm:pt modelId="{FDD9B517-ACB6-413A-866A-43FE28945008}" type="pres">
      <dgm:prSet presAssocID="{2259E13F-B780-4388-AA48-18F53BDCA3FC}" presName="rootComposite" presStyleCnt="0">
        <dgm:presLayoutVars/>
      </dgm:prSet>
      <dgm:spPr/>
    </dgm:pt>
    <dgm:pt modelId="{8ADA4B41-ABE6-4BD5-BA19-F766384C5A36}" type="pres">
      <dgm:prSet presAssocID="{2259E13F-B780-4388-AA48-18F53BDCA3FC}" presName="rootText" presStyleLbl="node0" presStyleIdx="0" presStyleCnt="1" custScaleY="61721" custLinFactNeighborX="251" custLinFactNeighborY="5892">
        <dgm:presLayoutVars>
          <dgm:chMax/>
          <dgm:chPref val="4"/>
        </dgm:presLayoutVars>
      </dgm:prSet>
      <dgm:spPr/>
    </dgm:pt>
    <dgm:pt modelId="{BF174576-6698-43C6-9D17-4FE3E47A9785}" type="pres">
      <dgm:prSet presAssocID="{2259E13F-B780-4388-AA48-18F53BDCA3FC}" presName="childShape" presStyleCnt="0">
        <dgm:presLayoutVars>
          <dgm:chMax val="0"/>
          <dgm:chPref val="0"/>
        </dgm:presLayoutVars>
      </dgm:prSet>
      <dgm:spPr/>
    </dgm:pt>
    <dgm:pt modelId="{EDEA2C4E-C32D-4A52-8D2A-96D57EFC371C}" type="pres">
      <dgm:prSet presAssocID="{1EDE53F7-493F-4FCD-BC21-B9C1DBBACE3E}" presName="childComposite" presStyleCnt="0">
        <dgm:presLayoutVars>
          <dgm:chMax val="0"/>
          <dgm:chPref val="0"/>
        </dgm:presLayoutVars>
      </dgm:prSet>
      <dgm:spPr/>
    </dgm:pt>
    <dgm:pt modelId="{E0CAABE3-43B6-4C4E-802A-B873F0529A57}" type="pres">
      <dgm:prSet presAssocID="{1EDE53F7-493F-4FCD-BC21-B9C1DBBACE3E}" presName="Image" presStyleLbl="node1" presStyleIdx="0" presStyleCnt="2" custScaleY="103338" custLinFactY="4505" custLinFactNeighborX="4944" custLinFactNeighborY="100000"/>
      <dgm:spPr>
        <a:blipFill rotWithShape="1">
          <a:blip xmlns:r="http://schemas.openxmlformats.org/officeDocument/2006/relationships" r:embed="rId1"/>
          <a:stretch>
            <a:fillRect/>
          </a:stretch>
        </a:blipFill>
      </dgm:spPr>
    </dgm:pt>
    <dgm:pt modelId="{500A8904-A9D0-43B3-B490-B88D8EB44E36}" type="pres">
      <dgm:prSet presAssocID="{1EDE53F7-493F-4FCD-BC21-B9C1DBBACE3E}" presName="childText" presStyleLbl="lnNode1" presStyleIdx="0" presStyleCnt="2" custScaleY="87809">
        <dgm:presLayoutVars>
          <dgm:chMax val="0"/>
          <dgm:chPref val="0"/>
          <dgm:bulletEnabled val="1"/>
        </dgm:presLayoutVars>
      </dgm:prSet>
      <dgm:spPr/>
    </dgm:pt>
    <dgm:pt modelId="{FCBADA57-EBA8-449F-BF5B-5D71138E919E}" type="pres">
      <dgm:prSet presAssocID="{033F2CBE-AFCE-49B7-A653-5C8DAD7054C6}" presName="childComposite" presStyleCnt="0">
        <dgm:presLayoutVars>
          <dgm:chMax val="0"/>
          <dgm:chPref val="0"/>
        </dgm:presLayoutVars>
      </dgm:prSet>
      <dgm:spPr/>
    </dgm:pt>
    <dgm:pt modelId="{AE77F65B-3ABF-4323-809B-5A7A1999DE64}" type="pres">
      <dgm:prSet presAssocID="{033F2CBE-AFCE-49B7-A653-5C8DAD7054C6}" presName="Image" presStyleLbl="node1" presStyleIdx="1" presStyleCnt="2" custLinFactY="-14660" custLinFactNeighborX="4885" custLinFactNeighborY="-100000"/>
      <dgm:spPr>
        <a:blipFill rotWithShape="1">
          <a:blip xmlns:r="http://schemas.openxmlformats.org/officeDocument/2006/relationships" r:embed="rId2"/>
          <a:stretch>
            <a:fillRect/>
          </a:stretch>
        </a:blipFill>
      </dgm:spPr>
    </dgm:pt>
    <dgm:pt modelId="{77FEB96E-2AE4-4204-A3D6-E3600689F5A0}" type="pres">
      <dgm:prSet presAssocID="{033F2CBE-AFCE-49B7-A653-5C8DAD7054C6}" presName="childText" presStyleLbl="lnNode1" presStyleIdx="1" presStyleCnt="2" custLinFactNeighborX="820" custLinFactNeighborY="-9303">
        <dgm:presLayoutVars>
          <dgm:chMax val="0"/>
          <dgm:chPref val="0"/>
          <dgm:bulletEnabled val="1"/>
        </dgm:presLayoutVars>
      </dgm:prSet>
      <dgm:spPr/>
    </dgm:pt>
  </dgm:ptLst>
  <dgm:cxnLst>
    <dgm:cxn modelId="{3CA0C530-AD18-4DB2-9C0B-DE7EE8571840}" srcId="{2259E13F-B780-4388-AA48-18F53BDCA3FC}" destId="{1EDE53F7-493F-4FCD-BC21-B9C1DBBACE3E}" srcOrd="0" destOrd="0" parTransId="{8541DB9E-A1BA-4798-8232-E094D3470DB7}" sibTransId="{CBD29009-EB99-467B-BEED-D7D8C90827E4}"/>
    <dgm:cxn modelId="{23112A6F-D666-45CC-9571-FB40A98590D0}" type="presOf" srcId="{033F2CBE-AFCE-49B7-A653-5C8DAD7054C6}" destId="{77FEB96E-2AE4-4204-A3D6-E3600689F5A0}" srcOrd="0" destOrd="0" presId="urn:microsoft.com/office/officeart/2008/layout/PictureAccentList"/>
    <dgm:cxn modelId="{35AD7E7F-C979-4DA3-9ACD-EB493B2945FE}" type="presOf" srcId="{7A3B50E4-39F1-423C-9C04-F06ED6784D01}" destId="{87E8560D-2C3C-4ACB-9ECF-9C89BAEEA2DE}" srcOrd="0" destOrd="0" presId="urn:microsoft.com/office/officeart/2008/layout/PictureAccentList"/>
    <dgm:cxn modelId="{50C7BC80-6970-4D76-8F83-34F2DDD12FF9}" type="presOf" srcId="{1EDE53F7-493F-4FCD-BC21-B9C1DBBACE3E}" destId="{500A8904-A9D0-43B3-B490-B88D8EB44E36}" srcOrd="0" destOrd="0" presId="urn:microsoft.com/office/officeart/2008/layout/PictureAccentList"/>
    <dgm:cxn modelId="{710BA883-3832-4BDD-879B-1B4E9E300361}" type="presOf" srcId="{2259E13F-B780-4388-AA48-18F53BDCA3FC}" destId="{8ADA4B41-ABE6-4BD5-BA19-F766384C5A36}" srcOrd="0" destOrd="0" presId="urn:microsoft.com/office/officeart/2008/layout/PictureAccentList"/>
    <dgm:cxn modelId="{D1BB1497-FC4C-42FF-A484-C437E874A98B}" srcId="{7A3B50E4-39F1-423C-9C04-F06ED6784D01}" destId="{2259E13F-B780-4388-AA48-18F53BDCA3FC}" srcOrd="0" destOrd="0" parTransId="{3D56DBE0-57AF-4F2E-B216-88F2EF805F0A}" sibTransId="{E38BFA9F-CF81-4B4D-9200-31F04DDC1922}"/>
    <dgm:cxn modelId="{40AD72CE-F409-4225-8489-8017F2342C0A}" srcId="{2259E13F-B780-4388-AA48-18F53BDCA3FC}" destId="{033F2CBE-AFCE-49B7-A653-5C8DAD7054C6}" srcOrd="1" destOrd="0" parTransId="{03D0C35E-6FF7-4382-B844-34F5C2F32C19}" sibTransId="{9F3FB62E-9BAA-4B76-9FA6-55E1FD655B8A}"/>
    <dgm:cxn modelId="{CBADB2D4-AB38-4735-8D46-E9D369C371B4}" type="presParOf" srcId="{87E8560D-2C3C-4ACB-9ECF-9C89BAEEA2DE}" destId="{2A48BA06-91CE-4ED4-86ED-FAEA9AF3208C}" srcOrd="0" destOrd="0" presId="urn:microsoft.com/office/officeart/2008/layout/PictureAccentList"/>
    <dgm:cxn modelId="{B689888B-18EC-435A-AC1D-D22DC155A6B0}" type="presParOf" srcId="{2A48BA06-91CE-4ED4-86ED-FAEA9AF3208C}" destId="{FDD9B517-ACB6-413A-866A-43FE28945008}" srcOrd="0" destOrd="0" presId="urn:microsoft.com/office/officeart/2008/layout/PictureAccentList"/>
    <dgm:cxn modelId="{F4C0FA7F-E795-4241-9755-6E0AD6860A07}" type="presParOf" srcId="{FDD9B517-ACB6-413A-866A-43FE28945008}" destId="{8ADA4B41-ABE6-4BD5-BA19-F766384C5A36}" srcOrd="0" destOrd="0" presId="urn:microsoft.com/office/officeart/2008/layout/PictureAccentList"/>
    <dgm:cxn modelId="{45B73CBE-248B-4179-AEDC-8833E0727AF7}" type="presParOf" srcId="{2A48BA06-91CE-4ED4-86ED-FAEA9AF3208C}" destId="{BF174576-6698-43C6-9D17-4FE3E47A9785}" srcOrd="1" destOrd="0" presId="urn:microsoft.com/office/officeart/2008/layout/PictureAccentList"/>
    <dgm:cxn modelId="{030F15B3-827F-4B75-9F0D-47363E9F47EC}" type="presParOf" srcId="{BF174576-6698-43C6-9D17-4FE3E47A9785}" destId="{EDEA2C4E-C32D-4A52-8D2A-96D57EFC371C}" srcOrd="0" destOrd="0" presId="urn:microsoft.com/office/officeart/2008/layout/PictureAccentList"/>
    <dgm:cxn modelId="{11C70D33-8B31-4810-9DC8-2DE5244A8BA1}" type="presParOf" srcId="{EDEA2C4E-C32D-4A52-8D2A-96D57EFC371C}" destId="{E0CAABE3-43B6-4C4E-802A-B873F0529A57}" srcOrd="0" destOrd="0" presId="urn:microsoft.com/office/officeart/2008/layout/PictureAccentList"/>
    <dgm:cxn modelId="{1AF43116-63D4-4CB4-8FD6-1FE00850F81D}" type="presParOf" srcId="{EDEA2C4E-C32D-4A52-8D2A-96D57EFC371C}" destId="{500A8904-A9D0-43B3-B490-B88D8EB44E36}" srcOrd="1" destOrd="0" presId="urn:microsoft.com/office/officeart/2008/layout/PictureAccentList"/>
    <dgm:cxn modelId="{BF612601-AE67-45F0-9D17-328EFB50FC2B}" type="presParOf" srcId="{BF174576-6698-43C6-9D17-4FE3E47A9785}" destId="{FCBADA57-EBA8-449F-BF5B-5D71138E919E}" srcOrd="1" destOrd="0" presId="urn:microsoft.com/office/officeart/2008/layout/PictureAccentList"/>
    <dgm:cxn modelId="{49BEA47B-59C2-48F2-83B1-00F64F5776A3}" type="presParOf" srcId="{FCBADA57-EBA8-449F-BF5B-5D71138E919E}" destId="{AE77F65B-3ABF-4323-809B-5A7A1999DE64}" srcOrd="0" destOrd="0" presId="urn:microsoft.com/office/officeart/2008/layout/PictureAccentList"/>
    <dgm:cxn modelId="{C77F1B04-9058-4030-8FE3-487537642FC9}" type="presParOf" srcId="{FCBADA57-EBA8-449F-BF5B-5D71138E919E}" destId="{77FEB96E-2AE4-4204-A3D6-E3600689F5A0}" srcOrd="1" destOrd="0" presId="urn:microsoft.com/office/officeart/2008/layout/PictureAccentList"/>
  </dgm:cxnLst>
  <dgm:bg/>
  <dgm:whole/>
  <dgm:extLst>
    <a:ext uri="http://schemas.microsoft.com/office/drawing/2008/diagram">
      <dsp:dataModelExt xmlns:dsp="http://schemas.microsoft.com/office/drawing/2008/diagram" relId="rId9" minVer="http://schemas.openxmlformats.org/drawingml/2006/diagram"/>
    </a:ext>
  </dgm:extLst>
</dgm:dataModel>
</file>

<file path=ppt/diagrams/data4.xml><?xml version="1.0" encoding="utf-8"?>
<dgm:dataModel xmlns:dgm="http://schemas.openxmlformats.org/drawingml/2006/diagram" xmlns:a="http://schemas.openxmlformats.org/drawingml/2006/main">
  <dgm:ptLst>
    <dgm:pt modelId="{7A3B50E4-39F1-423C-9C04-F06ED6784D01}" type="doc">
      <dgm:prSet loTypeId="urn:microsoft.com/office/officeart/2008/layout/PictureAccentList" loCatId="list" qsTypeId="urn:microsoft.com/office/officeart/2005/8/quickstyle/simple1" qsCatId="simple" csTypeId="urn:microsoft.com/office/officeart/2005/8/colors/accent3_1" csCatId="accent3" phldr="1"/>
      <dgm:spPr/>
      <dgm:t>
        <a:bodyPr/>
        <a:lstStyle/>
        <a:p>
          <a:endParaRPr lang="en-US"/>
        </a:p>
      </dgm:t>
    </dgm:pt>
    <dgm:pt modelId="{2259E13F-B780-4388-AA48-18F53BDCA3FC}">
      <dgm:prSet phldrT="[Text]" custT="1"/>
      <dgm:spPr/>
      <dgm:t>
        <a:bodyPr/>
        <a:lstStyle/>
        <a:p>
          <a:r>
            <a:rPr lang="en-US" sz="1200" dirty="0"/>
            <a:t>Sewage Sludge (SS</a:t>
          </a:r>
          <a:r>
            <a:rPr lang="en-US" sz="1000" dirty="0"/>
            <a:t>1</a:t>
          </a:r>
          <a:r>
            <a:rPr lang="en-US" sz="1200" dirty="0"/>
            <a:t>) Feedstock </a:t>
          </a:r>
        </a:p>
      </dgm:t>
    </dgm:pt>
    <dgm:pt modelId="{3D56DBE0-57AF-4F2E-B216-88F2EF805F0A}" type="parTrans" cxnId="{D1BB1497-FC4C-42FF-A484-C437E874A98B}">
      <dgm:prSet/>
      <dgm:spPr/>
      <dgm:t>
        <a:bodyPr/>
        <a:lstStyle/>
        <a:p>
          <a:endParaRPr lang="en-US" sz="1050"/>
        </a:p>
      </dgm:t>
    </dgm:pt>
    <dgm:pt modelId="{E38BFA9F-CF81-4B4D-9200-31F04DDC1922}" type="sibTrans" cxnId="{D1BB1497-FC4C-42FF-A484-C437E874A98B}">
      <dgm:prSet/>
      <dgm:spPr/>
      <dgm:t>
        <a:bodyPr/>
        <a:lstStyle/>
        <a:p>
          <a:endParaRPr lang="en-US" sz="1050"/>
        </a:p>
      </dgm:t>
    </dgm:pt>
    <dgm:pt modelId="{1EDE53F7-493F-4FCD-BC21-B9C1DBBACE3E}">
      <dgm:prSet phldrT="[Text]" custT="1"/>
      <dgm:spPr/>
      <dgm:t>
        <a:bodyPr/>
        <a:lstStyle/>
        <a:p>
          <a:pPr algn="l">
            <a:lnSpc>
              <a:spcPct val="90000"/>
            </a:lnSpc>
          </a:pPr>
          <a:br>
            <a:rPr lang="en-US" sz="1200" dirty="0"/>
          </a:br>
          <a:r>
            <a:rPr lang="en-US" sz="1200" dirty="0"/>
            <a:t>Hydrochar </a:t>
          </a:r>
          <a:r>
            <a:rPr lang="es-ES" sz="1200" dirty="0"/>
            <a:t>180◦C 4h </a:t>
          </a:r>
          <a:r>
            <a:rPr lang="es-ES" sz="1200" b="0" dirty="0">
              <a:solidFill>
                <a:srgbClr val="00B0F0"/>
              </a:solidFill>
            </a:rPr>
            <a:t>(H180-4)</a:t>
          </a:r>
        </a:p>
        <a:p>
          <a:pPr algn="l">
            <a:lnSpc>
              <a:spcPct val="100000"/>
            </a:lnSpc>
          </a:pPr>
          <a:r>
            <a:rPr lang="en-US" sz="1200" dirty="0"/>
            <a:t>Hydrochar </a:t>
          </a:r>
          <a:r>
            <a:rPr lang="es-ES" sz="1200" dirty="0"/>
            <a:t>240◦C 4h </a:t>
          </a:r>
          <a:r>
            <a:rPr lang="es-ES" sz="1200" dirty="0">
              <a:solidFill>
                <a:srgbClr val="002060"/>
              </a:solidFill>
            </a:rPr>
            <a:t>(H240-4)</a:t>
          </a:r>
          <a:br>
            <a:rPr lang="en-US" sz="1600" dirty="0">
              <a:solidFill>
                <a:srgbClr val="002060"/>
              </a:solidFill>
            </a:rPr>
          </a:br>
          <a:endParaRPr lang="en-US" sz="1050" dirty="0">
            <a:solidFill>
              <a:srgbClr val="002060"/>
            </a:solidFill>
          </a:endParaRPr>
        </a:p>
      </dgm:t>
    </dgm:pt>
    <dgm:pt modelId="{8541DB9E-A1BA-4798-8232-E094D3470DB7}" type="parTrans" cxnId="{3CA0C530-AD18-4DB2-9C0B-DE7EE8571840}">
      <dgm:prSet/>
      <dgm:spPr/>
      <dgm:t>
        <a:bodyPr/>
        <a:lstStyle/>
        <a:p>
          <a:endParaRPr lang="en-US" sz="1050"/>
        </a:p>
      </dgm:t>
    </dgm:pt>
    <dgm:pt modelId="{CBD29009-EB99-467B-BEED-D7D8C90827E4}" type="sibTrans" cxnId="{3CA0C530-AD18-4DB2-9C0B-DE7EE8571840}">
      <dgm:prSet/>
      <dgm:spPr/>
      <dgm:t>
        <a:bodyPr/>
        <a:lstStyle/>
        <a:p>
          <a:endParaRPr lang="en-US" sz="1050"/>
        </a:p>
      </dgm:t>
    </dgm:pt>
    <dgm:pt modelId="{033F2CBE-AFCE-49B7-A653-5C8DAD7054C6}">
      <dgm:prSet phldrT="[Text]" custT="1"/>
      <dgm:spPr/>
      <dgm:t>
        <a:bodyPr/>
        <a:lstStyle/>
        <a:p>
          <a:pPr algn="l"/>
          <a:br>
            <a:rPr lang="en-US" sz="1200" dirty="0"/>
          </a:br>
          <a:r>
            <a:rPr lang="en-US" sz="1200" dirty="0"/>
            <a:t>Pyrochar </a:t>
          </a:r>
          <a:r>
            <a:rPr lang="es-ES" sz="1200" b="0" dirty="0"/>
            <a:t>300◦C 1h </a:t>
          </a:r>
          <a:r>
            <a:rPr lang="es-ES" sz="1200" b="0" dirty="0">
              <a:solidFill>
                <a:schemeClr val="accent2">
                  <a:lumMod val="75000"/>
                </a:schemeClr>
              </a:solidFill>
            </a:rPr>
            <a:t>(P300-1)</a:t>
          </a:r>
        </a:p>
        <a:p>
          <a:pPr algn="l"/>
          <a:r>
            <a:rPr lang="en-US" sz="1200" b="0" dirty="0"/>
            <a:t>Pyrochar </a:t>
          </a:r>
          <a:r>
            <a:rPr lang="es-ES" sz="1200" b="0" dirty="0"/>
            <a:t>400◦C 1h </a:t>
          </a:r>
          <a:r>
            <a:rPr lang="es-ES" sz="1200" b="0" dirty="0">
              <a:solidFill>
                <a:srgbClr val="FF0000"/>
              </a:solidFill>
            </a:rPr>
            <a:t>(P400-1)</a:t>
          </a:r>
          <a:br>
            <a:rPr lang="es-ES" sz="1200" b="1" dirty="0">
              <a:solidFill>
                <a:srgbClr val="FF0000"/>
              </a:solidFill>
            </a:rPr>
          </a:br>
          <a:endParaRPr lang="en-US" sz="1200" dirty="0">
            <a:solidFill>
              <a:srgbClr val="FF0000"/>
            </a:solidFill>
          </a:endParaRPr>
        </a:p>
      </dgm:t>
    </dgm:pt>
    <dgm:pt modelId="{03D0C35E-6FF7-4382-B844-34F5C2F32C19}" type="parTrans" cxnId="{40AD72CE-F409-4225-8489-8017F2342C0A}">
      <dgm:prSet/>
      <dgm:spPr/>
      <dgm:t>
        <a:bodyPr/>
        <a:lstStyle/>
        <a:p>
          <a:endParaRPr lang="en-US" sz="1050"/>
        </a:p>
      </dgm:t>
    </dgm:pt>
    <dgm:pt modelId="{9F3FB62E-9BAA-4B76-9FA6-55E1FD655B8A}" type="sibTrans" cxnId="{40AD72CE-F409-4225-8489-8017F2342C0A}">
      <dgm:prSet/>
      <dgm:spPr/>
      <dgm:t>
        <a:bodyPr/>
        <a:lstStyle/>
        <a:p>
          <a:endParaRPr lang="en-US" sz="1050"/>
        </a:p>
      </dgm:t>
    </dgm:pt>
    <dgm:pt modelId="{87E8560D-2C3C-4ACB-9ECF-9C89BAEEA2DE}" type="pres">
      <dgm:prSet presAssocID="{7A3B50E4-39F1-423C-9C04-F06ED6784D01}" presName="layout" presStyleCnt="0">
        <dgm:presLayoutVars>
          <dgm:chMax/>
          <dgm:chPref/>
          <dgm:dir/>
          <dgm:animOne val="branch"/>
          <dgm:animLvl val="lvl"/>
          <dgm:resizeHandles/>
        </dgm:presLayoutVars>
      </dgm:prSet>
      <dgm:spPr/>
    </dgm:pt>
    <dgm:pt modelId="{2A48BA06-91CE-4ED4-86ED-FAEA9AF3208C}" type="pres">
      <dgm:prSet presAssocID="{2259E13F-B780-4388-AA48-18F53BDCA3FC}" presName="root" presStyleCnt="0">
        <dgm:presLayoutVars>
          <dgm:chMax/>
          <dgm:chPref val="4"/>
        </dgm:presLayoutVars>
      </dgm:prSet>
      <dgm:spPr/>
    </dgm:pt>
    <dgm:pt modelId="{FDD9B517-ACB6-413A-866A-43FE28945008}" type="pres">
      <dgm:prSet presAssocID="{2259E13F-B780-4388-AA48-18F53BDCA3FC}" presName="rootComposite" presStyleCnt="0">
        <dgm:presLayoutVars/>
      </dgm:prSet>
      <dgm:spPr/>
    </dgm:pt>
    <dgm:pt modelId="{8ADA4B41-ABE6-4BD5-BA19-F766384C5A36}" type="pres">
      <dgm:prSet presAssocID="{2259E13F-B780-4388-AA48-18F53BDCA3FC}" presName="rootText" presStyleLbl="node0" presStyleIdx="0" presStyleCnt="1" custScaleY="61721" custLinFactNeighborX="251" custLinFactNeighborY="5892">
        <dgm:presLayoutVars>
          <dgm:chMax/>
          <dgm:chPref val="4"/>
        </dgm:presLayoutVars>
      </dgm:prSet>
      <dgm:spPr/>
    </dgm:pt>
    <dgm:pt modelId="{BF174576-6698-43C6-9D17-4FE3E47A9785}" type="pres">
      <dgm:prSet presAssocID="{2259E13F-B780-4388-AA48-18F53BDCA3FC}" presName="childShape" presStyleCnt="0">
        <dgm:presLayoutVars>
          <dgm:chMax val="0"/>
          <dgm:chPref val="0"/>
        </dgm:presLayoutVars>
      </dgm:prSet>
      <dgm:spPr/>
    </dgm:pt>
    <dgm:pt modelId="{EDEA2C4E-C32D-4A52-8D2A-96D57EFC371C}" type="pres">
      <dgm:prSet presAssocID="{1EDE53F7-493F-4FCD-BC21-B9C1DBBACE3E}" presName="childComposite" presStyleCnt="0">
        <dgm:presLayoutVars>
          <dgm:chMax val="0"/>
          <dgm:chPref val="0"/>
        </dgm:presLayoutVars>
      </dgm:prSet>
      <dgm:spPr/>
    </dgm:pt>
    <dgm:pt modelId="{E0CAABE3-43B6-4C4E-802A-B873F0529A57}" type="pres">
      <dgm:prSet presAssocID="{1EDE53F7-493F-4FCD-BC21-B9C1DBBACE3E}" presName="Image" presStyleLbl="node1" presStyleIdx="0" presStyleCnt="2" custScaleY="103338" custLinFactY="21890" custLinFactNeighborX="4885" custLinFactNeighborY="100000"/>
      <dgm:spPr>
        <a:blipFill rotWithShape="1">
          <a:blip xmlns:r="http://schemas.openxmlformats.org/officeDocument/2006/relationships" r:embed="rId1"/>
          <a:stretch>
            <a:fillRect/>
          </a:stretch>
        </a:blipFill>
      </dgm:spPr>
    </dgm:pt>
    <dgm:pt modelId="{500A8904-A9D0-43B3-B490-B88D8EB44E36}" type="pres">
      <dgm:prSet presAssocID="{1EDE53F7-493F-4FCD-BC21-B9C1DBBACE3E}" presName="childText" presStyleLbl="lnNode1" presStyleIdx="0" presStyleCnt="2" custScaleY="87809">
        <dgm:presLayoutVars>
          <dgm:chMax val="0"/>
          <dgm:chPref val="0"/>
          <dgm:bulletEnabled val="1"/>
        </dgm:presLayoutVars>
      </dgm:prSet>
      <dgm:spPr/>
    </dgm:pt>
    <dgm:pt modelId="{FCBADA57-EBA8-449F-BF5B-5D71138E919E}" type="pres">
      <dgm:prSet presAssocID="{033F2CBE-AFCE-49B7-A653-5C8DAD7054C6}" presName="childComposite" presStyleCnt="0">
        <dgm:presLayoutVars>
          <dgm:chMax val="0"/>
          <dgm:chPref val="0"/>
        </dgm:presLayoutVars>
      </dgm:prSet>
      <dgm:spPr/>
    </dgm:pt>
    <dgm:pt modelId="{AE77F65B-3ABF-4323-809B-5A7A1999DE64}" type="pres">
      <dgm:prSet presAssocID="{033F2CBE-AFCE-49B7-A653-5C8DAD7054C6}" presName="Image" presStyleLbl="node1" presStyleIdx="1" presStyleCnt="2" custLinFactY="-14660" custLinFactNeighborX="4885" custLinFactNeighborY="-100000"/>
      <dgm:spPr>
        <a:blipFill rotWithShape="1">
          <a:blip xmlns:r="http://schemas.openxmlformats.org/officeDocument/2006/relationships" r:embed="rId2"/>
          <a:stretch>
            <a:fillRect/>
          </a:stretch>
        </a:blipFill>
      </dgm:spPr>
    </dgm:pt>
    <dgm:pt modelId="{77FEB96E-2AE4-4204-A3D6-E3600689F5A0}" type="pres">
      <dgm:prSet presAssocID="{033F2CBE-AFCE-49B7-A653-5C8DAD7054C6}" presName="childText" presStyleLbl="lnNode1" presStyleIdx="1" presStyleCnt="2" custLinFactNeighborX="2241" custLinFactNeighborY="10399">
        <dgm:presLayoutVars>
          <dgm:chMax val="0"/>
          <dgm:chPref val="0"/>
          <dgm:bulletEnabled val="1"/>
        </dgm:presLayoutVars>
      </dgm:prSet>
      <dgm:spPr/>
    </dgm:pt>
  </dgm:ptLst>
  <dgm:cxnLst>
    <dgm:cxn modelId="{3CA0C530-AD18-4DB2-9C0B-DE7EE8571840}" srcId="{2259E13F-B780-4388-AA48-18F53BDCA3FC}" destId="{1EDE53F7-493F-4FCD-BC21-B9C1DBBACE3E}" srcOrd="0" destOrd="0" parTransId="{8541DB9E-A1BA-4798-8232-E094D3470DB7}" sibTransId="{CBD29009-EB99-467B-BEED-D7D8C90827E4}"/>
    <dgm:cxn modelId="{23112A6F-D666-45CC-9571-FB40A98590D0}" type="presOf" srcId="{033F2CBE-AFCE-49B7-A653-5C8DAD7054C6}" destId="{77FEB96E-2AE4-4204-A3D6-E3600689F5A0}" srcOrd="0" destOrd="0" presId="urn:microsoft.com/office/officeart/2008/layout/PictureAccentList"/>
    <dgm:cxn modelId="{35AD7E7F-C979-4DA3-9ACD-EB493B2945FE}" type="presOf" srcId="{7A3B50E4-39F1-423C-9C04-F06ED6784D01}" destId="{87E8560D-2C3C-4ACB-9ECF-9C89BAEEA2DE}" srcOrd="0" destOrd="0" presId="urn:microsoft.com/office/officeart/2008/layout/PictureAccentList"/>
    <dgm:cxn modelId="{50C7BC80-6970-4D76-8F83-34F2DDD12FF9}" type="presOf" srcId="{1EDE53F7-493F-4FCD-BC21-B9C1DBBACE3E}" destId="{500A8904-A9D0-43B3-B490-B88D8EB44E36}" srcOrd="0" destOrd="0" presId="urn:microsoft.com/office/officeart/2008/layout/PictureAccentList"/>
    <dgm:cxn modelId="{710BA883-3832-4BDD-879B-1B4E9E300361}" type="presOf" srcId="{2259E13F-B780-4388-AA48-18F53BDCA3FC}" destId="{8ADA4B41-ABE6-4BD5-BA19-F766384C5A36}" srcOrd="0" destOrd="0" presId="urn:microsoft.com/office/officeart/2008/layout/PictureAccentList"/>
    <dgm:cxn modelId="{D1BB1497-FC4C-42FF-A484-C437E874A98B}" srcId="{7A3B50E4-39F1-423C-9C04-F06ED6784D01}" destId="{2259E13F-B780-4388-AA48-18F53BDCA3FC}" srcOrd="0" destOrd="0" parTransId="{3D56DBE0-57AF-4F2E-B216-88F2EF805F0A}" sibTransId="{E38BFA9F-CF81-4B4D-9200-31F04DDC1922}"/>
    <dgm:cxn modelId="{40AD72CE-F409-4225-8489-8017F2342C0A}" srcId="{2259E13F-B780-4388-AA48-18F53BDCA3FC}" destId="{033F2CBE-AFCE-49B7-A653-5C8DAD7054C6}" srcOrd="1" destOrd="0" parTransId="{03D0C35E-6FF7-4382-B844-34F5C2F32C19}" sibTransId="{9F3FB62E-9BAA-4B76-9FA6-55E1FD655B8A}"/>
    <dgm:cxn modelId="{CBADB2D4-AB38-4735-8D46-E9D369C371B4}" type="presParOf" srcId="{87E8560D-2C3C-4ACB-9ECF-9C89BAEEA2DE}" destId="{2A48BA06-91CE-4ED4-86ED-FAEA9AF3208C}" srcOrd="0" destOrd="0" presId="urn:microsoft.com/office/officeart/2008/layout/PictureAccentList"/>
    <dgm:cxn modelId="{B689888B-18EC-435A-AC1D-D22DC155A6B0}" type="presParOf" srcId="{2A48BA06-91CE-4ED4-86ED-FAEA9AF3208C}" destId="{FDD9B517-ACB6-413A-866A-43FE28945008}" srcOrd="0" destOrd="0" presId="urn:microsoft.com/office/officeart/2008/layout/PictureAccentList"/>
    <dgm:cxn modelId="{F4C0FA7F-E795-4241-9755-6E0AD6860A07}" type="presParOf" srcId="{FDD9B517-ACB6-413A-866A-43FE28945008}" destId="{8ADA4B41-ABE6-4BD5-BA19-F766384C5A36}" srcOrd="0" destOrd="0" presId="urn:microsoft.com/office/officeart/2008/layout/PictureAccentList"/>
    <dgm:cxn modelId="{45B73CBE-248B-4179-AEDC-8833E0727AF7}" type="presParOf" srcId="{2A48BA06-91CE-4ED4-86ED-FAEA9AF3208C}" destId="{BF174576-6698-43C6-9D17-4FE3E47A9785}" srcOrd="1" destOrd="0" presId="urn:microsoft.com/office/officeart/2008/layout/PictureAccentList"/>
    <dgm:cxn modelId="{030F15B3-827F-4B75-9F0D-47363E9F47EC}" type="presParOf" srcId="{BF174576-6698-43C6-9D17-4FE3E47A9785}" destId="{EDEA2C4E-C32D-4A52-8D2A-96D57EFC371C}" srcOrd="0" destOrd="0" presId="urn:microsoft.com/office/officeart/2008/layout/PictureAccentList"/>
    <dgm:cxn modelId="{11C70D33-8B31-4810-9DC8-2DE5244A8BA1}" type="presParOf" srcId="{EDEA2C4E-C32D-4A52-8D2A-96D57EFC371C}" destId="{E0CAABE3-43B6-4C4E-802A-B873F0529A57}" srcOrd="0" destOrd="0" presId="urn:microsoft.com/office/officeart/2008/layout/PictureAccentList"/>
    <dgm:cxn modelId="{1AF43116-63D4-4CB4-8FD6-1FE00850F81D}" type="presParOf" srcId="{EDEA2C4E-C32D-4A52-8D2A-96D57EFC371C}" destId="{500A8904-A9D0-43B3-B490-B88D8EB44E36}" srcOrd="1" destOrd="0" presId="urn:microsoft.com/office/officeart/2008/layout/PictureAccentList"/>
    <dgm:cxn modelId="{BF612601-AE67-45F0-9D17-328EFB50FC2B}" type="presParOf" srcId="{BF174576-6698-43C6-9D17-4FE3E47A9785}" destId="{FCBADA57-EBA8-449F-BF5B-5D71138E919E}" srcOrd="1" destOrd="0" presId="urn:microsoft.com/office/officeart/2008/layout/PictureAccentList"/>
    <dgm:cxn modelId="{49BEA47B-59C2-48F2-83B1-00F64F5776A3}" type="presParOf" srcId="{FCBADA57-EBA8-449F-BF5B-5D71138E919E}" destId="{AE77F65B-3ABF-4323-809B-5A7A1999DE64}" srcOrd="0" destOrd="0" presId="urn:microsoft.com/office/officeart/2008/layout/PictureAccentList"/>
    <dgm:cxn modelId="{C77F1B04-9058-4030-8FE3-487537642FC9}" type="presParOf" srcId="{FCBADA57-EBA8-449F-BF5B-5D71138E919E}" destId="{77FEB96E-2AE4-4204-A3D6-E3600689F5A0}" srcOrd="1" destOrd="0" presId="urn:microsoft.com/office/officeart/2008/layout/PictureAccentList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C8F90EA7-5A13-4C1C-A9B4-2F5DD110F081}">
      <dsp:nvSpPr>
        <dsp:cNvPr id="0" name=""/>
        <dsp:cNvSpPr/>
      </dsp:nvSpPr>
      <dsp:spPr>
        <a:xfrm>
          <a:off x="3448" y="550418"/>
          <a:ext cx="3038665" cy="906908"/>
        </a:xfrm>
        <a:prstGeom prst="chevron">
          <a:avLst/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56007" tIns="18669" rIns="18669" bIns="18669" numCol="1" spcCol="1270" anchor="ctr" anchorCtr="0">
          <a:noAutofit/>
        </a:bodyPr>
        <a:lstStyle/>
        <a:p>
          <a:pPr marL="0" lvl="0" indent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400" kern="1200" dirty="0"/>
            <a:t>Thermal</a:t>
          </a:r>
        </a:p>
        <a:p>
          <a:pPr marL="0" lvl="0" indent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400" kern="1200" dirty="0"/>
            <a:t>Treatments</a:t>
          </a:r>
        </a:p>
      </dsp:txBody>
      <dsp:txXfrm>
        <a:off x="456902" y="550418"/>
        <a:ext cx="2131757" cy="906908"/>
      </dsp:txXfrm>
    </dsp:sp>
    <dsp:sp modelId="{D1ACAD79-E6BE-49AB-8055-59AC8B731BA8}">
      <dsp:nvSpPr>
        <dsp:cNvPr id="0" name=""/>
        <dsp:cNvSpPr/>
      </dsp:nvSpPr>
      <dsp:spPr>
        <a:xfrm>
          <a:off x="2815386" y="550418"/>
          <a:ext cx="2909906" cy="906908"/>
        </a:xfrm>
        <a:prstGeom prst="chevron">
          <a:avLst/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56007" tIns="18669" rIns="18669" bIns="18669" numCol="1" spcCol="1270" anchor="ctr" anchorCtr="0">
          <a:noAutofit/>
        </a:bodyPr>
        <a:lstStyle/>
        <a:p>
          <a:pPr marL="0" lvl="0" indent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400" kern="1200" dirty="0"/>
            <a:t>Characterization</a:t>
          </a:r>
        </a:p>
        <a:p>
          <a:pPr marL="0" lvl="0" indent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400" kern="1200" dirty="0"/>
            <a:t>Materials &amp; Soil</a:t>
          </a:r>
        </a:p>
      </dsp:txBody>
      <dsp:txXfrm>
        <a:off x="3268840" y="550418"/>
        <a:ext cx="2002998" cy="906908"/>
      </dsp:txXfrm>
    </dsp:sp>
    <dsp:sp modelId="{C4F92EFB-0EFF-4930-9591-4473E0809D3C}">
      <dsp:nvSpPr>
        <dsp:cNvPr id="0" name=""/>
        <dsp:cNvSpPr/>
      </dsp:nvSpPr>
      <dsp:spPr>
        <a:xfrm>
          <a:off x="5498566" y="550418"/>
          <a:ext cx="3080926" cy="906908"/>
        </a:xfrm>
        <a:prstGeom prst="chevron">
          <a:avLst/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56007" tIns="18669" rIns="18669" bIns="18669" numCol="1" spcCol="1270" anchor="ctr" anchorCtr="0">
          <a:noAutofit/>
        </a:bodyPr>
        <a:lstStyle/>
        <a:p>
          <a:pPr marL="0" lvl="0" indent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400" kern="1200" dirty="0"/>
            <a:t>Glasshouse Experiment </a:t>
          </a:r>
          <a:br>
            <a:rPr lang="en-US" sz="1400" kern="1200" dirty="0"/>
          </a:br>
          <a:r>
            <a:rPr lang="en-US" sz="1400" kern="1200" dirty="0"/>
            <a:t>(2 years)</a:t>
          </a:r>
        </a:p>
      </dsp:txBody>
      <dsp:txXfrm>
        <a:off x="5952020" y="550418"/>
        <a:ext cx="2174018" cy="906908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ADA4B41-ABE6-4BD5-BA19-F766384C5A36}">
      <dsp:nvSpPr>
        <dsp:cNvPr id="0" name=""/>
        <dsp:cNvSpPr/>
      </dsp:nvSpPr>
      <dsp:spPr>
        <a:xfrm>
          <a:off x="0" y="345561"/>
          <a:ext cx="2890520" cy="365446"/>
        </a:xfrm>
        <a:prstGeom prst="roundRect">
          <a:avLst>
            <a:gd name="adj" fmla="val 1000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2860" tIns="15240" rIns="22860" bIns="15240" numCol="1" spcCol="1270" anchor="ctr" anchorCtr="0">
          <a:noAutofit/>
        </a:bodyPr>
        <a:lstStyle/>
        <a:p>
          <a:pPr marL="0" lvl="0" indent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Sewage Sludge (SS</a:t>
          </a:r>
          <a:r>
            <a:rPr lang="en-US" sz="1000" kern="1200" dirty="0"/>
            <a:t>1</a:t>
          </a:r>
          <a:r>
            <a:rPr lang="en-US" sz="1200" kern="1200" dirty="0"/>
            <a:t>) Feedstock </a:t>
          </a:r>
        </a:p>
      </dsp:txBody>
      <dsp:txXfrm>
        <a:off x="10704" y="356265"/>
        <a:ext cx="2869112" cy="344038"/>
      </dsp:txXfrm>
    </dsp:sp>
    <dsp:sp modelId="{E0CAABE3-43B6-4C4E-802A-B873F0529A57}">
      <dsp:nvSpPr>
        <dsp:cNvPr id="0" name=""/>
        <dsp:cNvSpPr/>
      </dsp:nvSpPr>
      <dsp:spPr>
        <a:xfrm>
          <a:off x="28923" y="1504403"/>
          <a:ext cx="592094" cy="611858"/>
        </a:xfrm>
        <a:prstGeom prst="roundRect">
          <a:avLst>
            <a:gd name="adj" fmla="val 16670"/>
          </a:avLst>
        </a:prstGeom>
        <a:blipFill rotWithShape="1">
          <a:blip xmlns:r="http://schemas.openxmlformats.org/officeDocument/2006/relationships" r:embed="rId1"/>
          <a:stretch>
            <a:fillRect/>
          </a:stretch>
        </a:blip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500A8904-A9D0-43B3-B490-B88D8EB44E36}">
      <dsp:nvSpPr>
        <dsp:cNvPr id="0" name=""/>
        <dsp:cNvSpPr/>
      </dsp:nvSpPr>
      <dsp:spPr>
        <a:xfrm>
          <a:off x="627620" y="828672"/>
          <a:ext cx="2262900" cy="519912"/>
        </a:xfrm>
        <a:prstGeom prst="roundRect">
          <a:avLst>
            <a:gd name="adj" fmla="val 1667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5344" tIns="85344" rIns="85344" bIns="85344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br>
            <a:rPr lang="en-US" sz="1200" kern="1200" dirty="0"/>
          </a:br>
          <a:r>
            <a:rPr lang="en-US" sz="1200" kern="1200" dirty="0"/>
            <a:t>Hydrochar </a:t>
          </a:r>
          <a:r>
            <a:rPr lang="es-ES" sz="1200" kern="1200" dirty="0"/>
            <a:t>180◦C 4h (H180-4)</a:t>
          </a:r>
        </a:p>
        <a:p>
          <a:pPr marL="0" lvl="0" indent="0" algn="l" defTabSz="533400">
            <a:lnSpc>
              <a:spcPct val="10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Hydrochar </a:t>
          </a:r>
          <a:r>
            <a:rPr lang="es-ES" sz="1200" kern="1200" dirty="0"/>
            <a:t>240◦C 4h (H240-4)</a:t>
          </a:r>
          <a:br>
            <a:rPr lang="en-US" sz="1600" kern="1200" dirty="0"/>
          </a:br>
          <a:endParaRPr lang="en-US" sz="1050" kern="1200" dirty="0"/>
        </a:p>
      </dsp:txBody>
      <dsp:txXfrm>
        <a:off x="653005" y="854057"/>
        <a:ext cx="2212130" cy="469142"/>
      </dsp:txXfrm>
    </dsp:sp>
    <dsp:sp modelId="{AE77F65B-3ABF-4323-809B-5A7A1999DE64}">
      <dsp:nvSpPr>
        <dsp:cNvPr id="0" name=""/>
        <dsp:cNvSpPr/>
      </dsp:nvSpPr>
      <dsp:spPr>
        <a:xfrm>
          <a:off x="28923" y="786713"/>
          <a:ext cx="592094" cy="592094"/>
        </a:xfrm>
        <a:prstGeom prst="roundRect">
          <a:avLst>
            <a:gd name="adj" fmla="val 16670"/>
          </a:avLst>
        </a:prstGeom>
        <a:blipFill rotWithShape="1">
          <a:blip xmlns:r="http://schemas.openxmlformats.org/officeDocument/2006/relationships" r:embed="rId2"/>
          <a:stretch>
            <a:fillRect/>
          </a:stretch>
        </a:blip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77FEB96E-2AE4-4204-A3D6-E3600689F5A0}">
      <dsp:nvSpPr>
        <dsp:cNvPr id="0" name=""/>
        <dsp:cNvSpPr/>
      </dsp:nvSpPr>
      <dsp:spPr>
        <a:xfrm>
          <a:off x="627620" y="1527181"/>
          <a:ext cx="2262900" cy="592094"/>
        </a:xfrm>
        <a:prstGeom prst="roundRect">
          <a:avLst>
            <a:gd name="adj" fmla="val 1667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5344" tIns="85344" rIns="85344" bIns="85344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br>
            <a:rPr lang="en-US" sz="1200" kern="1200" dirty="0"/>
          </a:br>
          <a:r>
            <a:rPr lang="en-US" sz="1200" kern="1200" dirty="0"/>
            <a:t>Pyrochar </a:t>
          </a:r>
          <a:r>
            <a:rPr lang="es-ES" sz="1200" b="0" kern="1200" dirty="0"/>
            <a:t>300◦C 1h (P300-1)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b="0" kern="1200" dirty="0"/>
            <a:t>Pyrochar </a:t>
          </a:r>
          <a:r>
            <a:rPr lang="es-ES" sz="1200" b="0" kern="1200" dirty="0"/>
            <a:t>400◦C 1h (P400-1)</a:t>
          </a:r>
          <a:br>
            <a:rPr lang="es-ES" sz="1200" b="1" kern="1200" dirty="0"/>
          </a:br>
          <a:endParaRPr lang="en-US" sz="1200" kern="1200" dirty="0"/>
        </a:p>
      </dsp:txBody>
      <dsp:txXfrm>
        <a:off x="656529" y="1556090"/>
        <a:ext cx="2205082" cy="534276"/>
      </dsp:txXfrm>
    </dsp:sp>
  </dsp:spTree>
</dsp:drawing>
</file>

<file path=ppt/diagrams/drawing3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ADA4B41-ABE6-4BD5-BA19-F766384C5A36}">
      <dsp:nvSpPr>
        <dsp:cNvPr id="0" name=""/>
        <dsp:cNvSpPr/>
      </dsp:nvSpPr>
      <dsp:spPr>
        <a:xfrm>
          <a:off x="0" y="345561"/>
          <a:ext cx="2890520" cy="365446"/>
        </a:xfrm>
        <a:prstGeom prst="roundRect">
          <a:avLst>
            <a:gd name="adj" fmla="val 1000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2860" tIns="15240" rIns="22860" bIns="15240" numCol="1" spcCol="1270" anchor="ctr" anchorCtr="0">
          <a:noAutofit/>
        </a:bodyPr>
        <a:lstStyle/>
        <a:p>
          <a:pPr marL="0" lvl="0" indent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Sewage Sludge </a:t>
          </a:r>
          <a:r>
            <a:rPr lang="en-US" sz="1200" b="1" kern="1200" dirty="0"/>
            <a:t>(SS</a:t>
          </a:r>
          <a:r>
            <a:rPr lang="en-US" sz="1000" b="1" kern="1200" dirty="0"/>
            <a:t>1</a:t>
          </a:r>
          <a:r>
            <a:rPr lang="en-US" sz="1200" b="1" kern="1200" dirty="0"/>
            <a:t>) </a:t>
          </a:r>
          <a:r>
            <a:rPr lang="en-US" sz="1200" kern="1200" dirty="0"/>
            <a:t>Feedstock </a:t>
          </a:r>
        </a:p>
      </dsp:txBody>
      <dsp:txXfrm>
        <a:off x="10704" y="356265"/>
        <a:ext cx="2869112" cy="344038"/>
      </dsp:txXfrm>
    </dsp:sp>
    <dsp:sp modelId="{E0CAABE3-43B6-4C4E-802A-B873F0529A57}">
      <dsp:nvSpPr>
        <dsp:cNvPr id="0" name=""/>
        <dsp:cNvSpPr/>
      </dsp:nvSpPr>
      <dsp:spPr>
        <a:xfrm>
          <a:off x="29273" y="1401467"/>
          <a:ext cx="592094" cy="611858"/>
        </a:xfrm>
        <a:prstGeom prst="roundRect">
          <a:avLst>
            <a:gd name="adj" fmla="val 16670"/>
          </a:avLst>
        </a:prstGeom>
        <a:blipFill rotWithShape="1">
          <a:blip xmlns:r="http://schemas.openxmlformats.org/officeDocument/2006/relationships" r:embed="rId1"/>
          <a:stretch>
            <a:fillRect/>
          </a:stretch>
        </a:blip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500A8904-A9D0-43B3-B490-B88D8EB44E36}">
      <dsp:nvSpPr>
        <dsp:cNvPr id="0" name=""/>
        <dsp:cNvSpPr/>
      </dsp:nvSpPr>
      <dsp:spPr>
        <a:xfrm>
          <a:off x="627620" y="828672"/>
          <a:ext cx="2262900" cy="519912"/>
        </a:xfrm>
        <a:prstGeom prst="roundRect">
          <a:avLst>
            <a:gd name="adj" fmla="val 1667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5344" tIns="85344" rIns="85344" bIns="85344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br>
            <a:rPr lang="en-US" sz="1200" kern="1200" dirty="0"/>
          </a:br>
          <a:r>
            <a:rPr lang="en-US" sz="1200" kern="1200" dirty="0"/>
            <a:t>Hydrochar </a:t>
          </a:r>
          <a:r>
            <a:rPr lang="es-ES" sz="1200" kern="1200" dirty="0"/>
            <a:t>180◦C 4h </a:t>
          </a:r>
          <a:r>
            <a:rPr lang="es-ES" sz="1200" b="0" kern="1200" dirty="0">
              <a:solidFill>
                <a:srgbClr val="00B0F0"/>
              </a:solidFill>
            </a:rPr>
            <a:t>(H180-4)</a:t>
          </a:r>
        </a:p>
        <a:p>
          <a:pPr marL="0" lvl="0" indent="0" algn="l" defTabSz="533400">
            <a:lnSpc>
              <a:spcPct val="10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Hydrochar </a:t>
          </a:r>
          <a:r>
            <a:rPr lang="es-ES" sz="1200" kern="1200" dirty="0"/>
            <a:t>240◦C 4h </a:t>
          </a:r>
          <a:r>
            <a:rPr lang="es-ES" sz="1200" kern="1200" dirty="0">
              <a:solidFill>
                <a:srgbClr val="002060"/>
              </a:solidFill>
            </a:rPr>
            <a:t>(H240-4)</a:t>
          </a:r>
          <a:br>
            <a:rPr lang="en-US" sz="1600" kern="1200" dirty="0">
              <a:solidFill>
                <a:srgbClr val="002060"/>
              </a:solidFill>
            </a:rPr>
          </a:br>
          <a:endParaRPr lang="en-US" sz="1050" kern="1200" dirty="0">
            <a:solidFill>
              <a:srgbClr val="002060"/>
            </a:solidFill>
          </a:endParaRPr>
        </a:p>
      </dsp:txBody>
      <dsp:txXfrm>
        <a:off x="653005" y="854057"/>
        <a:ext cx="2212130" cy="469142"/>
      </dsp:txXfrm>
    </dsp:sp>
    <dsp:sp modelId="{AE77F65B-3ABF-4323-809B-5A7A1999DE64}">
      <dsp:nvSpPr>
        <dsp:cNvPr id="0" name=""/>
        <dsp:cNvSpPr/>
      </dsp:nvSpPr>
      <dsp:spPr>
        <a:xfrm>
          <a:off x="28923" y="786713"/>
          <a:ext cx="592094" cy="592094"/>
        </a:xfrm>
        <a:prstGeom prst="roundRect">
          <a:avLst>
            <a:gd name="adj" fmla="val 16670"/>
          </a:avLst>
        </a:prstGeom>
        <a:blipFill rotWithShape="1">
          <a:blip xmlns:r="http://schemas.openxmlformats.org/officeDocument/2006/relationships" r:embed="rId2"/>
          <a:stretch>
            <a:fillRect/>
          </a:stretch>
        </a:blip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77FEB96E-2AE4-4204-A3D6-E3600689F5A0}">
      <dsp:nvSpPr>
        <dsp:cNvPr id="0" name=""/>
        <dsp:cNvSpPr/>
      </dsp:nvSpPr>
      <dsp:spPr>
        <a:xfrm>
          <a:off x="627620" y="1410526"/>
          <a:ext cx="2262900" cy="592094"/>
        </a:xfrm>
        <a:prstGeom prst="roundRect">
          <a:avLst>
            <a:gd name="adj" fmla="val 1667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5344" tIns="85344" rIns="85344" bIns="85344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br>
            <a:rPr lang="en-US" sz="1200" kern="1200" dirty="0"/>
          </a:br>
          <a:r>
            <a:rPr lang="en-US" sz="1200" kern="1200" dirty="0"/>
            <a:t>Pyrochar </a:t>
          </a:r>
          <a:r>
            <a:rPr lang="es-ES" sz="1200" b="0" kern="1200" dirty="0"/>
            <a:t>300◦C 1h </a:t>
          </a:r>
          <a:r>
            <a:rPr lang="es-ES" sz="1200" b="0" kern="1200" dirty="0">
              <a:solidFill>
                <a:schemeClr val="accent2">
                  <a:lumMod val="75000"/>
                </a:schemeClr>
              </a:solidFill>
            </a:rPr>
            <a:t>(P300-1)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b="0" kern="1200" dirty="0"/>
            <a:t>Pyrochar </a:t>
          </a:r>
          <a:r>
            <a:rPr lang="es-ES" sz="1200" b="0" kern="1200" dirty="0"/>
            <a:t>400◦C 1h </a:t>
          </a:r>
          <a:r>
            <a:rPr lang="es-ES" sz="1200" b="0" kern="1200" dirty="0">
              <a:solidFill>
                <a:srgbClr val="FF0000"/>
              </a:solidFill>
            </a:rPr>
            <a:t>(P400-1)</a:t>
          </a:r>
          <a:br>
            <a:rPr lang="es-ES" sz="1200" b="1" kern="1200" dirty="0">
              <a:solidFill>
                <a:srgbClr val="FF0000"/>
              </a:solidFill>
            </a:rPr>
          </a:br>
          <a:endParaRPr lang="en-US" sz="1200" kern="1200" dirty="0">
            <a:solidFill>
              <a:srgbClr val="FF0000"/>
            </a:solidFill>
          </a:endParaRPr>
        </a:p>
      </dsp:txBody>
      <dsp:txXfrm>
        <a:off x="656529" y="1439435"/>
        <a:ext cx="2205082" cy="534276"/>
      </dsp:txXfrm>
    </dsp:sp>
  </dsp:spTree>
</dsp:drawing>
</file>

<file path=ppt/diagrams/drawing4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8ADA4B41-ABE6-4BD5-BA19-F766384C5A36}">
      <dsp:nvSpPr>
        <dsp:cNvPr id="0" name=""/>
        <dsp:cNvSpPr/>
      </dsp:nvSpPr>
      <dsp:spPr>
        <a:xfrm>
          <a:off x="0" y="345561"/>
          <a:ext cx="2890520" cy="365446"/>
        </a:xfrm>
        <a:prstGeom prst="roundRect">
          <a:avLst>
            <a:gd name="adj" fmla="val 1000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22860" tIns="15240" rIns="22860" bIns="15240" numCol="1" spcCol="1270" anchor="ctr" anchorCtr="0">
          <a:noAutofit/>
        </a:bodyPr>
        <a:lstStyle/>
        <a:p>
          <a:pPr marL="0" lvl="0" indent="0" algn="ctr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Sewage Sludge (SS</a:t>
          </a:r>
          <a:r>
            <a:rPr lang="en-US" sz="1000" kern="1200" dirty="0"/>
            <a:t>1</a:t>
          </a:r>
          <a:r>
            <a:rPr lang="en-US" sz="1200" kern="1200" dirty="0"/>
            <a:t>) Feedstock </a:t>
          </a:r>
        </a:p>
      </dsp:txBody>
      <dsp:txXfrm>
        <a:off x="10704" y="356265"/>
        <a:ext cx="2869112" cy="344038"/>
      </dsp:txXfrm>
    </dsp:sp>
    <dsp:sp modelId="{E0CAABE3-43B6-4C4E-802A-B873F0529A57}">
      <dsp:nvSpPr>
        <dsp:cNvPr id="0" name=""/>
        <dsp:cNvSpPr/>
      </dsp:nvSpPr>
      <dsp:spPr>
        <a:xfrm>
          <a:off x="28923" y="1504403"/>
          <a:ext cx="592094" cy="611858"/>
        </a:xfrm>
        <a:prstGeom prst="roundRect">
          <a:avLst>
            <a:gd name="adj" fmla="val 16670"/>
          </a:avLst>
        </a:prstGeom>
        <a:blipFill rotWithShape="1">
          <a:blip xmlns:r="http://schemas.openxmlformats.org/officeDocument/2006/relationships" r:embed="rId1"/>
          <a:stretch>
            <a:fillRect/>
          </a:stretch>
        </a:blip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500A8904-A9D0-43B3-B490-B88D8EB44E36}">
      <dsp:nvSpPr>
        <dsp:cNvPr id="0" name=""/>
        <dsp:cNvSpPr/>
      </dsp:nvSpPr>
      <dsp:spPr>
        <a:xfrm>
          <a:off x="627620" y="828672"/>
          <a:ext cx="2262900" cy="519912"/>
        </a:xfrm>
        <a:prstGeom prst="roundRect">
          <a:avLst>
            <a:gd name="adj" fmla="val 1667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5344" tIns="85344" rIns="85344" bIns="85344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br>
            <a:rPr lang="en-US" sz="1200" kern="1200" dirty="0"/>
          </a:br>
          <a:r>
            <a:rPr lang="en-US" sz="1200" kern="1200" dirty="0"/>
            <a:t>Hydrochar </a:t>
          </a:r>
          <a:r>
            <a:rPr lang="es-ES" sz="1200" kern="1200" dirty="0"/>
            <a:t>180◦C 4h </a:t>
          </a:r>
          <a:r>
            <a:rPr lang="es-ES" sz="1200" b="0" kern="1200" dirty="0">
              <a:solidFill>
                <a:srgbClr val="00B0F0"/>
              </a:solidFill>
            </a:rPr>
            <a:t>(H180-4)</a:t>
          </a:r>
        </a:p>
        <a:p>
          <a:pPr marL="0" lvl="0" indent="0" algn="l" defTabSz="533400">
            <a:lnSpc>
              <a:spcPct val="10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Hydrochar </a:t>
          </a:r>
          <a:r>
            <a:rPr lang="es-ES" sz="1200" kern="1200" dirty="0"/>
            <a:t>240◦C 4h </a:t>
          </a:r>
          <a:r>
            <a:rPr lang="es-ES" sz="1200" kern="1200" dirty="0">
              <a:solidFill>
                <a:srgbClr val="002060"/>
              </a:solidFill>
            </a:rPr>
            <a:t>(H240-4)</a:t>
          </a:r>
          <a:br>
            <a:rPr lang="en-US" sz="1600" kern="1200" dirty="0">
              <a:solidFill>
                <a:srgbClr val="002060"/>
              </a:solidFill>
            </a:rPr>
          </a:br>
          <a:endParaRPr lang="en-US" sz="1050" kern="1200" dirty="0">
            <a:solidFill>
              <a:srgbClr val="002060"/>
            </a:solidFill>
          </a:endParaRPr>
        </a:p>
      </dsp:txBody>
      <dsp:txXfrm>
        <a:off x="653005" y="854057"/>
        <a:ext cx="2212130" cy="469142"/>
      </dsp:txXfrm>
    </dsp:sp>
    <dsp:sp modelId="{AE77F65B-3ABF-4323-809B-5A7A1999DE64}">
      <dsp:nvSpPr>
        <dsp:cNvPr id="0" name=""/>
        <dsp:cNvSpPr/>
      </dsp:nvSpPr>
      <dsp:spPr>
        <a:xfrm>
          <a:off x="28923" y="786713"/>
          <a:ext cx="592094" cy="592094"/>
        </a:xfrm>
        <a:prstGeom prst="roundRect">
          <a:avLst>
            <a:gd name="adj" fmla="val 16670"/>
          </a:avLst>
        </a:prstGeom>
        <a:blipFill rotWithShape="1">
          <a:blip xmlns:r="http://schemas.openxmlformats.org/officeDocument/2006/relationships" r:embed="rId2"/>
          <a:stretch>
            <a:fillRect/>
          </a:stretch>
        </a:blip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77FEB96E-2AE4-4204-A3D6-E3600689F5A0}">
      <dsp:nvSpPr>
        <dsp:cNvPr id="0" name=""/>
        <dsp:cNvSpPr/>
      </dsp:nvSpPr>
      <dsp:spPr>
        <a:xfrm>
          <a:off x="627620" y="1527181"/>
          <a:ext cx="2262900" cy="592094"/>
        </a:xfrm>
        <a:prstGeom prst="roundRect">
          <a:avLst>
            <a:gd name="adj" fmla="val 16670"/>
          </a:avLst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3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5344" tIns="85344" rIns="85344" bIns="85344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br>
            <a:rPr lang="en-US" sz="1200" kern="1200" dirty="0"/>
          </a:br>
          <a:r>
            <a:rPr lang="en-US" sz="1200" kern="1200" dirty="0"/>
            <a:t>Pyrochar </a:t>
          </a:r>
          <a:r>
            <a:rPr lang="es-ES" sz="1200" b="0" kern="1200" dirty="0"/>
            <a:t>300◦C 1h </a:t>
          </a:r>
          <a:r>
            <a:rPr lang="es-ES" sz="1200" b="0" kern="1200" dirty="0">
              <a:solidFill>
                <a:schemeClr val="accent2">
                  <a:lumMod val="75000"/>
                </a:schemeClr>
              </a:solidFill>
            </a:rPr>
            <a:t>(P300-1)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b="0" kern="1200" dirty="0"/>
            <a:t>Pyrochar </a:t>
          </a:r>
          <a:r>
            <a:rPr lang="es-ES" sz="1200" b="0" kern="1200" dirty="0"/>
            <a:t>400◦C 1h </a:t>
          </a:r>
          <a:r>
            <a:rPr lang="es-ES" sz="1200" b="0" kern="1200" dirty="0">
              <a:solidFill>
                <a:srgbClr val="FF0000"/>
              </a:solidFill>
            </a:rPr>
            <a:t>(P400-1)</a:t>
          </a:r>
          <a:br>
            <a:rPr lang="es-ES" sz="1200" b="1" kern="1200" dirty="0">
              <a:solidFill>
                <a:srgbClr val="FF0000"/>
              </a:solidFill>
            </a:rPr>
          </a:br>
          <a:endParaRPr lang="en-US" sz="1200" kern="1200" dirty="0">
            <a:solidFill>
              <a:srgbClr val="FF0000"/>
            </a:solidFill>
          </a:endParaRPr>
        </a:p>
      </dsp:txBody>
      <dsp:txXfrm>
        <a:off x="656529" y="1556090"/>
        <a:ext cx="2205082" cy="534276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chevron1">
  <dgm:title val=""/>
  <dgm:desc val=""/>
  <dgm:catLst>
    <dgm:cat type="process" pri="9000"/>
  </dgm:catLst>
  <dgm:sampData useDef="1">
    <dgm:dataModel>
      <dgm:ptLst/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 val="exact"/>
    </dgm:varLst>
    <dgm:choose name="Name1">
      <dgm:if name="Name2" func="var" arg="dir" op="equ" val="norm">
        <dgm:alg type="lin"/>
      </dgm:if>
      <dgm:else name="Name3">
        <dgm:alg type="lin">
          <dgm:param type="linDir" val="fromR"/>
        </dgm:alg>
      </dgm:else>
    </dgm:choose>
    <dgm:shape xmlns:r="http://schemas.openxmlformats.org/officeDocument/2006/relationships" r:blip="">
      <dgm:adjLst/>
    </dgm:shape>
    <dgm:presOf/>
    <dgm:choose name="Name4">
      <dgm:if name="Name5" axis="des" func="maxDepth" op="gte" val="2">
        <dgm:constrLst>
          <dgm:constr type="h" for="ch" forName="composite" refType="h"/>
          <dgm:constr type="w" for="ch" forName="composite" refType="w"/>
          <dgm:constr type="w" for="des" forName="parTx"/>
          <dgm:constr type="h" for="des" forName="parTx" op="equ"/>
          <dgm:constr type="w" for="des" forName="desTx"/>
          <dgm:constr type="h" for="des" forName="desTx" op="equ"/>
          <dgm:constr type="primFontSz" for="des" forName="parTx" val="65"/>
          <dgm:constr type="secFontSz" for="des" forName="desTx" refType="primFontSz" refFor="des" refForName="parTx" op="equ"/>
          <dgm:constr type="h" for="des" forName="parTx" refType="primFontSz" refFor="des" refForName="parTx" fact="1.5"/>
          <dgm:constr type="h" for="des" forName="desTx" refType="primFontSz" refFor="des" refForName="parTx" fact="0.5"/>
          <dgm:constr type="w" for="ch" forName="space" op="equ" val="-6"/>
        </dgm:constrLst>
        <dgm:ruleLst>
          <dgm:rule type="w" for="ch" forName="composite" val="0" fact="NaN" max="NaN"/>
          <dgm:rule type="primFontSz" for="des" forName="parTx" val="5" fact="NaN" max="NaN"/>
        </dgm:ruleLst>
        <dgm:forEach name="Name6" axis="ch" ptType="node">
          <dgm:layoutNode name="composite">
            <dgm:alg type="composite"/>
            <dgm:shape xmlns:r="http://schemas.openxmlformats.org/officeDocument/2006/relationships" r:blip="">
              <dgm:adjLst/>
            </dgm:shape>
            <dgm:presOf/>
            <dgm:choose name="Name7">
              <dgm:if name="Name8" func="var" arg="dir" op="equ" val="norm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if>
              <dgm:else name="Name9">
                <dgm:constrLst>
                  <dgm:constr type="l" for="ch" forName="parTx"/>
                  <dgm:constr type="w" for="ch" forName="parTx" refType="w"/>
                  <dgm:constr type="t" for="ch" forName="parTx"/>
                  <dgm:constr type="l" for="ch" forName="desTx" refType="w" fact="0.2"/>
                  <dgm:constr type="w" for="ch" forName="desTx" refType="w" refFor="ch" refForName="parTx" fact="0.8"/>
                  <dgm:constr type="t" for="ch" forName="desTx" refType="h" refFor="ch" refForName="parTx" fact="1.125"/>
                </dgm:constrLst>
              </dgm:else>
            </dgm:choose>
            <dgm:ruleLst>
              <dgm:rule type="h" val="INF" fact="NaN" max="NaN"/>
            </dgm:ruleLst>
            <dgm:layoutNode name="parTx">
              <dgm:varLst>
                <dgm:chMax val="0"/>
                <dgm:chPref val="0"/>
                <dgm:bulletEnabled val="1"/>
              </dgm:varLst>
              <dgm:alg type="tx"/>
              <dgm:choose name="Name10">
                <dgm:if name="Name11" func="var" arg="dir" op="equ" val="norm">
                  <dgm:shape xmlns:r="http://schemas.openxmlformats.org/officeDocument/2006/relationships" type="chevron" r:blip="">
                    <dgm:adjLst/>
                  </dgm:shape>
                </dgm:if>
                <dgm:else name="Name12">
                  <dgm:shape xmlns:r="http://schemas.openxmlformats.org/officeDocument/2006/relationships" rot="180" type="chevron" r:blip="">
                    <dgm:adjLst/>
                  </dgm:shape>
                </dgm:else>
              </dgm:choose>
              <dgm:presOf axis="self" ptType="node"/>
              <dgm:choose name="Name13">
                <dgm:if name="Name14" func="var" arg="dir" op="equ" val="norm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315"/>
                    <dgm:constr type="rMarg" refType="primFontSz" fact="0.105"/>
                  </dgm:constrLst>
                </dgm:if>
                <dgm:else name="Name15">
                  <dgm:constrLst>
                    <dgm:constr type="h" refType="w" op="lte" fact="0.4"/>
                    <dgm:constr type="h"/>
                    <dgm:constr type="tMarg" refType="primFontSz" fact="0.105"/>
                    <dgm:constr type="bMarg" refType="primFontSz" fact="0.105"/>
                    <dgm:constr type="lMarg" refType="primFontSz" fact="0.105"/>
                    <dgm:constr type="rMarg" refType="primFontSz" fact="0.315"/>
                  </dgm:constrLst>
                </dgm:else>
              </dgm:choose>
              <dgm:ruleLst>
                <dgm:rule type="h" val="INF" fact="NaN" max="NaN"/>
              </dgm:ruleLst>
            </dgm:layoutNode>
            <dgm:layoutNode name="desTx" styleLbl="revTx">
              <dgm:varLst>
                <dgm:bulletEnabled val="1"/>
              </dgm:varLst>
              <dgm:alg type="tx">
                <dgm:param type="stBulletLvl" val="1"/>
              </dgm:alg>
              <dgm:choose name="Name16">
                <dgm:if name="Name17" axis="ch" ptType="node" func="cnt" op="gte" val="1">
                  <dgm:shape xmlns:r="http://schemas.openxmlformats.org/officeDocument/2006/relationships" type="rect" r:blip="">
                    <dgm:adjLst/>
                  </dgm:shape>
                </dgm:if>
                <dgm:else name="Name18">
                  <dgm:shape xmlns:r="http://schemas.openxmlformats.org/officeDocument/2006/relationships" type="rect" r:blip="" hideGeom="1">
                    <dgm:adjLst/>
                  </dgm:shape>
                </dgm:else>
              </dgm:choose>
              <dgm:presOf axis="des" ptType="node"/>
              <dgm:constrLst>
                <dgm:constr type="secFontSz" val="65"/>
                <dgm:constr type="primFontSz" refType="secFontSz"/>
                <dgm:constr type="h"/>
                <dgm:constr type="tMarg"/>
                <dgm:constr type="bMarg"/>
                <dgm:constr type="rMarg"/>
                <dgm:constr type="lMarg"/>
              </dgm:constrLst>
              <dgm:ruleLst>
                <dgm:rule type="h" val="INF" fact="NaN" max="NaN"/>
              </dgm:ruleLst>
            </dgm:layoutNode>
          </dgm:layoutNode>
          <dgm:forEach name="Name19" axis="followSib" ptType="sibTrans" cnt="1">
            <dgm:layoutNode name="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if>
      <dgm:else name="Name20">
        <dgm:constrLst>
          <dgm:constr type="w" for="ch" forName="parTxOnly" refType="w"/>
          <dgm:constr type="h" for="des" forName="parTxOnly" op="equ"/>
          <dgm:constr type="primFontSz" for="des" forName="parTxOnly" op="equ" val="65"/>
          <dgm:constr type="w" for="ch" forName="parTxOnlySpace" refType="w" refFor="ch" refForName="parTxOnly" fact="-0.1"/>
        </dgm:constrLst>
        <dgm:ruleLst/>
        <dgm:forEach name="Name21" axis="ch" ptType="node">
          <dgm:layoutNode name="parTxOnly">
            <dgm:varLst>
              <dgm:chMax val="0"/>
              <dgm:chPref val="0"/>
              <dgm:bulletEnabled val="1"/>
            </dgm:varLst>
            <dgm:alg type="tx"/>
            <dgm:choose name="Name22">
              <dgm:if name="Name23" func="var" arg="dir" op="equ" val="norm">
                <dgm:shape xmlns:r="http://schemas.openxmlformats.org/officeDocument/2006/relationships" type="chevron" r:blip="">
                  <dgm:adjLst/>
                </dgm:shape>
              </dgm:if>
              <dgm:else name="Name24">
                <dgm:shape xmlns:r="http://schemas.openxmlformats.org/officeDocument/2006/relationships" rot="180" type="chevron" r:blip="">
                  <dgm:adjLst/>
                </dgm:shape>
              </dgm:else>
            </dgm:choose>
            <dgm:presOf axis="self" ptType="node"/>
            <dgm:choose name="Name25">
              <dgm:if name="Name26" func="var" arg="dir" op="equ" val="norm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315"/>
                  <dgm:constr type="rMarg" refType="primFontSz" fact="0.105"/>
                </dgm:constrLst>
              </dgm:if>
              <dgm:else name="Name27">
                <dgm:constrLst>
                  <dgm:constr type="h" refType="w" op="equ" fact="0.4"/>
                  <dgm:constr type="tMarg" refType="primFontSz" fact="0.105"/>
                  <dgm:constr type="bMarg" refType="primFontSz" fact="0.105"/>
                  <dgm:constr type="lMarg" refType="primFontSz" fact="0.105"/>
                  <dgm:constr type="rMarg" refType="primFontSz" fact="0.315"/>
                </dgm:constrLst>
              </dgm:else>
            </dgm:choose>
            <dgm:ruleLst>
              <dgm:rule type="primFontSz" val="5" fact="NaN" max="NaN"/>
            </dgm:ruleLst>
          </dgm:layoutNode>
          <dgm:forEach name="Name28" axis="followSib" ptType="sibTrans" cnt="1">
            <dgm:layoutNode name="parTxOnlySpac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forEach>
      </dgm:else>
    </dgm:choose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8/layout/PictureAccentList">
  <dgm:title val=""/>
  <dgm:desc val=""/>
  <dgm:catLst>
    <dgm:cat type="picture" pri="14000"/>
    <dgm:cat type="list" pri="145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</dgm:ptLst>
      <dgm:cxnLst>
        <dgm:cxn modelId="4" srcId="0" destId="1" srcOrd="0" destOrd="0"/>
        <dgm:cxn modelId="5" srcId="1" destId="11" srcOrd="0" destOrd="0"/>
        <dgm:cxn modelId="6" srcId="1" destId="12" srcOrd="1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  <dgm:pt modelId="13"/>
      </dgm:ptLst>
      <dgm:cxnLst>
        <dgm:cxn modelId="4" srcId="0" destId="1" srcOrd="0" destOrd="0"/>
        <dgm:cxn modelId="5" srcId="1" destId="11" srcOrd="0" destOrd="0"/>
        <dgm:cxn modelId="6" srcId="1" destId="12" srcOrd="0" destOrd="0"/>
        <dgm:cxn modelId="14" srcId="1" destId="13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12"/>
        <dgm:pt modelId="13"/>
      </dgm:ptLst>
      <dgm:cxnLst>
        <dgm:cxn modelId="4" srcId="0" destId="1" srcOrd="0" destOrd="0"/>
        <dgm:cxn modelId="5" srcId="1" destId="11" srcOrd="0" destOrd="0"/>
        <dgm:cxn modelId="6" srcId="1" destId="12" srcOrd="0" destOrd="0"/>
        <dgm:cxn modelId="14" srcId="1" destId="13" srcOrd="0" destOrd="0"/>
      </dgm:cxnLst>
      <dgm:bg/>
      <dgm:whole/>
    </dgm:dataModel>
  </dgm:clrData>
  <dgm:layoutNode name="layout">
    <dgm:varLst>
      <dgm:chMax/>
      <dgm:chPref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L"/>
        </dgm:alg>
      </dgm:else>
    </dgm:choose>
    <dgm:shape xmlns:r="http://schemas.openxmlformats.org/officeDocument/2006/relationships" r:blip="">
      <dgm:adjLst/>
    </dgm:shape>
    <dgm:presOf/>
    <dgm:constrLst>
      <dgm:constr type="primFontSz" for="des" forName="rootText" op="equ" val="65"/>
      <dgm:constr type="primFontSz" for="des" forName="childText" op="equ" val="65"/>
      <dgm:constr type="primFontSz" for="des" forName="childText" refType="primFontSz" refFor="des" refForName="rootText" op="lte"/>
      <dgm:constr type="w" for="des" forName="rootComposite" refType="w" fact="4"/>
      <dgm:constr type="h" for="des" forName="rootComposite" refType="h"/>
      <dgm:constr type="w" for="des" forName="childComposite" refType="w" refFor="des" refForName="rootComposite"/>
      <dgm:constr type="h" for="des" forName="childComposite" refType="h" refFor="des" refForName="rootComposite"/>
      <dgm:constr type="sibSp" refType="w" refFor="des" refForName="rootComposite" fact="0.1"/>
      <dgm:constr type="sibSp" for="des" forName="childShape" refType="h" refFor="des" refForName="rootComposite" fact="0.12"/>
      <dgm:constr type="sp" for="des" forName="root" refType="h" refFor="des" refForName="rootComposite" fact="0.18"/>
    </dgm:constrLst>
    <dgm:ruleLst/>
    <dgm:forEach name="Name3" axis="ch">
      <dgm:forEach name="Name4" axis="self" ptType="node" cnt="1">
        <dgm:layoutNode name="root">
          <dgm:varLst>
            <dgm:chMax/>
            <dgm:chPref val="4"/>
          </dgm:varLst>
          <dgm:alg type="hierRoot"/>
          <dgm:shape xmlns:r="http://schemas.openxmlformats.org/officeDocument/2006/relationships" r:blip="">
            <dgm:adjLst/>
          </dgm:shape>
          <dgm:presOf/>
          <dgm:constrLst/>
          <dgm:ruleLst/>
          <dgm:layoutNode name="rootComposite">
            <dgm:varLst/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onstrLst>
              <dgm:constr type="l" for="ch" forName="rootText"/>
              <dgm:constr type="t" for="ch" forName="rootText"/>
              <dgm:constr type="w" for="ch" forName="rootText" refType="w"/>
              <dgm:constr type="h" for="ch" forName="rootText" refType="h"/>
            </dgm:constrLst>
            <dgm:ruleLst/>
            <dgm:layoutNode name="rootText" styleLbl="node0">
              <dgm:varLst>
                <dgm:chMax/>
                <dgm:chPref val="4"/>
              </dgm:varLst>
              <dgm:alg type="tx"/>
              <dgm:shape xmlns:r="http://schemas.openxmlformats.org/officeDocument/2006/relationships" type="roundRect" r:blip="">
                <dgm:adjLst>
                  <dgm:adj idx="1" val="0.1"/>
                </dgm:adjLst>
              </dgm:shape>
              <dgm:presOf axis="self" ptType="node" cnt="1"/>
              <dgm:constrLst>
                <dgm:constr type="tMarg" refType="primFontSz" fact="0.1"/>
                <dgm:constr type="bMarg" refType="primFontSz" fact="0.1"/>
                <dgm:constr type="lMarg" refType="primFontSz" fact="0.15"/>
                <dgm:constr type="rMarg" refType="primFontSz" fact="0.15"/>
              </dgm:constrLst>
              <dgm:ruleLst>
                <dgm:rule type="primFontSz" val="5" fact="NaN" max="NaN"/>
                <dgm:rule type="primFontSz" val="65" fact="NaN" max="NaN"/>
              </dgm:ruleLst>
            </dgm:layoutNode>
          </dgm:layoutNode>
          <dgm:layoutNode name="childShape">
            <dgm:varLst>
              <dgm:chMax val="0"/>
              <dgm:chPref val="0"/>
            </dgm:varLst>
            <dgm:alg type="hierChild">
              <dgm:param type="chAlign" val="r"/>
              <dgm:param type="linDir" val="fromT"/>
              <dgm:param type="fallback" val="2D"/>
            </dgm:alg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Name5" axis="ch">
              <dgm:forEach name="Name6" axis="self" ptType="node">
                <dgm:layoutNode name="childComposite">
                  <dgm:varLst>
                    <dgm:chMax val="0"/>
                    <dgm:chPref val="0"/>
                  </dgm:varLst>
                  <dgm:alg type="composite"/>
                  <dgm:shape xmlns:r="http://schemas.openxmlformats.org/officeDocument/2006/relationships" r:blip="">
                    <dgm:adjLst/>
                  </dgm:shape>
                  <dgm:presOf/>
                  <dgm:choose name="Name7">
                    <dgm:if name="Name8" func="var" arg="dir" op="equ" val="norm">
                      <dgm:constrLst>
                        <dgm:constr type="w" for="ch" forName="Image" refType="h"/>
                        <dgm:constr type="h" for="ch" forName="Image" refType="h"/>
                        <dgm:constr type="l" for="ch" forName="Image"/>
                        <dgm:constr type="t" for="ch" forName="Image"/>
                        <dgm:constr type="h" for="ch" forName="childText" refType="h"/>
                        <dgm:constr type="l" for="ch" forName="childText" refType="w" refFor="ch" refForName="Image" fact="1.06"/>
                        <dgm:constr type="t" for="ch" forName="childText"/>
                      </dgm:constrLst>
                    </dgm:if>
                    <dgm:else name="Name9">
                      <dgm:constrLst>
                        <dgm:constr type="w" for="ch" forName="Image" refType="h"/>
                        <dgm:constr type="h" for="ch" forName="Image" refType="h"/>
                        <dgm:constr type="r" for="ch" forName="Image" refType="w"/>
                        <dgm:constr type="t" for="ch" forName="Image"/>
                        <dgm:constr type="h" for="ch" forName="childText" refType="h"/>
                        <dgm:constr type="t" for="ch" forName="childText"/>
                        <dgm:constr type="wOff" for="ch" forName="childText" refType="w" refFor="ch" refForName="Image" fact="-1.06"/>
                      </dgm:constrLst>
                    </dgm:else>
                  </dgm:choose>
                  <dgm:ruleLst/>
                  <dgm:layoutNode name="Image" styleLbl="node1">
                    <dgm:alg type="sp"/>
                    <dgm:shape xmlns:r="http://schemas.openxmlformats.org/officeDocument/2006/relationships" type="roundRect" r:blip="" blipPhldr="1">
                      <dgm:adjLst>
                        <dgm:adj idx="1" val="0.1667"/>
                      </dgm:adjLst>
                    </dgm:shape>
                    <dgm:presOf/>
                  </dgm:layoutNode>
                  <dgm:layoutNode name="childText" styleLbl="lnNode1">
                    <dgm:varLst>
                      <dgm:chMax val="0"/>
                      <dgm:chPref val="0"/>
                      <dgm:bulletEnabled val="1"/>
                    </dgm:varLst>
                    <dgm:alg type="tx"/>
                    <dgm:shape xmlns:r="http://schemas.openxmlformats.org/officeDocument/2006/relationships" type="roundRect" r:blip="">
                      <dgm:adjLst>
                        <dgm:adj idx="1" val="0.1667"/>
                      </dgm:adjLst>
                    </dgm:shape>
                    <dgm:presOf axis="self desOrSelf" ptType="node node" st="1 1" cnt="1 0"/>
                    <dgm:ruleLst>
                      <dgm:rule type="primFontSz" val="5" fact="NaN" max="NaN"/>
                    </dgm:ruleLst>
                  </dgm:layoutNode>
                </dgm:layoutNode>
              </dgm:forEach>
            </dgm:forEach>
          </dgm:layoutNode>
        </dgm:layoutNode>
      </dgm:forEach>
    </dgm:forEach>
  </dgm:layoutNode>
</dgm:layoutDef>
</file>

<file path=ppt/diagrams/layout3.xml><?xml version="1.0" encoding="utf-8"?>
<dgm:layoutDef xmlns:dgm="http://schemas.openxmlformats.org/drawingml/2006/diagram" xmlns:a="http://schemas.openxmlformats.org/drawingml/2006/main" uniqueId="urn:microsoft.com/office/officeart/2008/layout/PictureAccentList">
  <dgm:title val=""/>
  <dgm:desc val=""/>
  <dgm:catLst>
    <dgm:cat type="picture" pri="14000"/>
    <dgm:cat type="list" pri="145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</dgm:ptLst>
      <dgm:cxnLst>
        <dgm:cxn modelId="4" srcId="0" destId="1" srcOrd="0" destOrd="0"/>
        <dgm:cxn modelId="5" srcId="1" destId="11" srcOrd="0" destOrd="0"/>
        <dgm:cxn modelId="6" srcId="1" destId="12" srcOrd="1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  <dgm:pt modelId="13"/>
      </dgm:ptLst>
      <dgm:cxnLst>
        <dgm:cxn modelId="4" srcId="0" destId="1" srcOrd="0" destOrd="0"/>
        <dgm:cxn modelId="5" srcId="1" destId="11" srcOrd="0" destOrd="0"/>
        <dgm:cxn modelId="6" srcId="1" destId="12" srcOrd="0" destOrd="0"/>
        <dgm:cxn modelId="14" srcId="1" destId="13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12"/>
        <dgm:pt modelId="13"/>
      </dgm:ptLst>
      <dgm:cxnLst>
        <dgm:cxn modelId="4" srcId="0" destId="1" srcOrd="0" destOrd="0"/>
        <dgm:cxn modelId="5" srcId="1" destId="11" srcOrd="0" destOrd="0"/>
        <dgm:cxn modelId="6" srcId="1" destId="12" srcOrd="0" destOrd="0"/>
        <dgm:cxn modelId="14" srcId="1" destId="13" srcOrd="0" destOrd="0"/>
      </dgm:cxnLst>
      <dgm:bg/>
      <dgm:whole/>
    </dgm:dataModel>
  </dgm:clrData>
  <dgm:layoutNode name="layout">
    <dgm:varLst>
      <dgm:chMax/>
      <dgm:chPref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L"/>
        </dgm:alg>
      </dgm:else>
    </dgm:choose>
    <dgm:shape xmlns:r="http://schemas.openxmlformats.org/officeDocument/2006/relationships" r:blip="">
      <dgm:adjLst/>
    </dgm:shape>
    <dgm:presOf/>
    <dgm:constrLst>
      <dgm:constr type="primFontSz" for="des" forName="rootText" op="equ" val="65"/>
      <dgm:constr type="primFontSz" for="des" forName="childText" op="equ" val="65"/>
      <dgm:constr type="primFontSz" for="des" forName="childText" refType="primFontSz" refFor="des" refForName="rootText" op="lte"/>
      <dgm:constr type="w" for="des" forName="rootComposite" refType="w" fact="4"/>
      <dgm:constr type="h" for="des" forName="rootComposite" refType="h"/>
      <dgm:constr type="w" for="des" forName="childComposite" refType="w" refFor="des" refForName="rootComposite"/>
      <dgm:constr type="h" for="des" forName="childComposite" refType="h" refFor="des" refForName="rootComposite"/>
      <dgm:constr type="sibSp" refType="w" refFor="des" refForName="rootComposite" fact="0.1"/>
      <dgm:constr type="sibSp" for="des" forName="childShape" refType="h" refFor="des" refForName="rootComposite" fact="0.12"/>
      <dgm:constr type="sp" for="des" forName="root" refType="h" refFor="des" refForName="rootComposite" fact="0.18"/>
    </dgm:constrLst>
    <dgm:ruleLst/>
    <dgm:forEach name="Name3" axis="ch">
      <dgm:forEach name="Name4" axis="self" ptType="node" cnt="1">
        <dgm:layoutNode name="root">
          <dgm:varLst>
            <dgm:chMax/>
            <dgm:chPref val="4"/>
          </dgm:varLst>
          <dgm:alg type="hierRoot"/>
          <dgm:shape xmlns:r="http://schemas.openxmlformats.org/officeDocument/2006/relationships" r:blip="">
            <dgm:adjLst/>
          </dgm:shape>
          <dgm:presOf/>
          <dgm:constrLst/>
          <dgm:ruleLst/>
          <dgm:layoutNode name="rootComposite">
            <dgm:varLst/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onstrLst>
              <dgm:constr type="l" for="ch" forName="rootText"/>
              <dgm:constr type="t" for="ch" forName="rootText"/>
              <dgm:constr type="w" for="ch" forName="rootText" refType="w"/>
              <dgm:constr type="h" for="ch" forName="rootText" refType="h"/>
            </dgm:constrLst>
            <dgm:ruleLst/>
            <dgm:layoutNode name="rootText" styleLbl="node0">
              <dgm:varLst>
                <dgm:chMax/>
                <dgm:chPref val="4"/>
              </dgm:varLst>
              <dgm:alg type="tx"/>
              <dgm:shape xmlns:r="http://schemas.openxmlformats.org/officeDocument/2006/relationships" type="roundRect" r:blip="">
                <dgm:adjLst>
                  <dgm:adj idx="1" val="0.1"/>
                </dgm:adjLst>
              </dgm:shape>
              <dgm:presOf axis="self" ptType="node" cnt="1"/>
              <dgm:constrLst>
                <dgm:constr type="tMarg" refType="primFontSz" fact="0.1"/>
                <dgm:constr type="bMarg" refType="primFontSz" fact="0.1"/>
                <dgm:constr type="lMarg" refType="primFontSz" fact="0.15"/>
                <dgm:constr type="rMarg" refType="primFontSz" fact="0.15"/>
              </dgm:constrLst>
              <dgm:ruleLst>
                <dgm:rule type="primFontSz" val="5" fact="NaN" max="NaN"/>
                <dgm:rule type="primFontSz" val="65" fact="NaN" max="NaN"/>
              </dgm:ruleLst>
            </dgm:layoutNode>
          </dgm:layoutNode>
          <dgm:layoutNode name="childShape">
            <dgm:varLst>
              <dgm:chMax val="0"/>
              <dgm:chPref val="0"/>
            </dgm:varLst>
            <dgm:alg type="hierChild">
              <dgm:param type="chAlign" val="r"/>
              <dgm:param type="linDir" val="fromT"/>
              <dgm:param type="fallback" val="2D"/>
            </dgm:alg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Name5" axis="ch">
              <dgm:forEach name="Name6" axis="self" ptType="node">
                <dgm:layoutNode name="childComposite">
                  <dgm:varLst>
                    <dgm:chMax val="0"/>
                    <dgm:chPref val="0"/>
                  </dgm:varLst>
                  <dgm:alg type="composite"/>
                  <dgm:shape xmlns:r="http://schemas.openxmlformats.org/officeDocument/2006/relationships" r:blip="">
                    <dgm:adjLst/>
                  </dgm:shape>
                  <dgm:presOf/>
                  <dgm:choose name="Name7">
                    <dgm:if name="Name8" func="var" arg="dir" op="equ" val="norm">
                      <dgm:constrLst>
                        <dgm:constr type="w" for="ch" forName="Image" refType="h"/>
                        <dgm:constr type="h" for="ch" forName="Image" refType="h"/>
                        <dgm:constr type="l" for="ch" forName="Image"/>
                        <dgm:constr type="t" for="ch" forName="Image"/>
                        <dgm:constr type="h" for="ch" forName="childText" refType="h"/>
                        <dgm:constr type="l" for="ch" forName="childText" refType="w" refFor="ch" refForName="Image" fact="1.06"/>
                        <dgm:constr type="t" for="ch" forName="childText"/>
                      </dgm:constrLst>
                    </dgm:if>
                    <dgm:else name="Name9">
                      <dgm:constrLst>
                        <dgm:constr type="w" for="ch" forName="Image" refType="h"/>
                        <dgm:constr type="h" for="ch" forName="Image" refType="h"/>
                        <dgm:constr type="r" for="ch" forName="Image" refType="w"/>
                        <dgm:constr type="t" for="ch" forName="Image"/>
                        <dgm:constr type="h" for="ch" forName="childText" refType="h"/>
                        <dgm:constr type="t" for="ch" forName="childText"/>
                        <dgm:constr type="wOff" for="ch" forName="childText" refType="w" refFor="ch" refForName="Image" fact="-1.06"/>
                      </dgm:constrLst>
                    </dgm:else>
                  </dgm:choose>
                  <dgm:ruleLst/>
                  <dgm:layoutNode name="Image" styleLbl="node1">
                    <dgm:alg type="sp"/>
                    <dgm:shape xmlns:r="http://schemas.openxmlformats.org/officeDocument/2006/relationships" type="roundRect" r:blip="" blipPhldr="1">
                      <dgm:adjLst>
                        <dgm:adj idx="1" val="0.1667"/>
                      </dgm:adjLst>
                    </dgm:shape>
                    <dgm:presOf/>
                  </dgm:layoutNode>
                  <dgm:layoutNode name="childText" styleLbl="lnNode1">
                    <dgm:varLst>
                      <dgm:chMax val="0"/>
                      <dgm:chPref val="0"/>
                      <dgm:bulletEnabled val="1"/>
                    </dgm:varLst>
                    <dgm:alg type="tx"/>
                    <dgm:shape xmlns:r="http://schemas.openxmlformats.org/officeDocument/2006/relationships" type="roundRect" r:blip="">
                      <dgm:adjLst>
                        <dgm:adj idx="1" val="0.1667"/>
                      </dgm:adjLst>
                    </dgm:shape>
                    <dgm:presOf axis="self desOrSelf" ptType="node node" st="1 1" cnt="1 0"/>
                    <dgm:ruleLst>
                      <dgm:rule type="primFontSz" val="5" fact="NaN" max="NaN"/>
                    </dgm:ruleLst>
                  </dgm:layoutNode>
                </dgm:layoutNode>
              </dgm:forEach>
            </dgm:forEach>
          </dgm:layoutNode>
        </dgm:layoutNode>
      </dgm:forEach>
    </dgm:forEach>
  </dgm:layoutNode>
</dgm:layoutDef>
</file>

<file path=ppt/diagrams/layout4.xml><?xml version="1.0" encoding="utf-8"?>
<dgm:layoutDef xmlns:dgm="http://schemas.openxmlformats.org/drawingml/2006/diagram" xmlns:a="http://schemas.openxmlformats.org/drawingml/2006/main" uniqueId="urn:microsoft.com/office/officeart/2008/layout/PictureAccentList">
  <dgm:title val=""/>
  <dgm:desc val=""/>
  <dgm:catLst>
    <dgm:cat type="picture" pri="14000"/>
    <dgm:cat type="list" pri="145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</dgm:ptLst>
      <dgm:cxnLst>
        <dgm:cxn modelId="4" srcId="0" destId="1" srcOrd="0" destOrd="0"/>
        <dgm:cxn modelId="5" srcId="1" destId="11" srcOrd="0" destOrd="0"/>
        <dgm:cxn modelId="6" srcId="1" destId="12" srcOrd="1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  <dgm:pt modelId="13"/>
      </dgm:ptLst>
      <dgm:cxnLst>
        <dgm:cxn modelId="4" srcId="0" destId="1" srcOrd="0" destOrd="0"/>
        <dgm:cxn modelId="5" srcId="1" destId="11" srcOrd="0" destOrd="0"/>
        <dgm:cxn modelId="6" srcId="1" destId="12" srcOrd="0" destOrd="0"/>
        <dgm:cxn modelId="14" srcId="1" destId="13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12"/>
        <dgm:pt modelId="13"/>
      </dgm:ptLst>
      <dgm:cxnLst>
        <dgm:cxn modelId="4" srcId="0" destId="1" srcOrd="0" destOrd="0"/>
        <dgm:cxn modelId="5" srcId="1" destId="11" srcOrd="0" destOrd="0"/>
        <dgm:cxn modelId="6" srcId="1" destId="12" srcOrd="0" destOrd="0"/>
        <dgm:cxn modelId="14" srcId="1" destId="13" srcOrd="0" destOrd="0"/>
      </dgm:cxnLst>
      <dgm:bg/>
      <dgm:whole/>
    </dgm:dataModel>
  </dgm:clrData>
  <dgm:layoutNode name="layout">
    <dgm:varLst>
      <dgm:chMax/>
      <dgm:chPref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L"/>
        </dgm:alg>
      </dgm:else>
    </dgm:choose>
    <dgm:shape xmlns:r="http://schemas.openxmlformats.org/officeDocument/2006/relationships" r:blip="">
      <dgm:adjLst/>
    </dgm:shape>
    <dgm:presOf/>
    <dgm:constrLst>
      <dgm:constr type="primFontSz" for="des" forName="rootText" op="equ" val="65"/>
      <dgm:constr type="primFontSz" for="des" forName="childText" op="equ" val="65"/>
      <dgm:constr type="primFontSz" for="des" forName="childText" refType="primFontSz" refFor="des" refForName="rootText" op="lte"/>
      <dgm:constr type="w" for="des" forName="rootComposite" refType="w" fact="4"/>
      <dgm:constr type="h" for="des" forName="rootComposite" refType="h"/>
      <dgm:constr type="w" for="des" forName="childComposite" refType="w" refFor="des" refForName="rootComposite"/>
      <dgm:constr type="h" for="des" forName="childComposite" refType="h" refFor="des" refForName="rootComposite"/>
      <dgm:constr type="sibSp" refType="w" refFor="des" refForName="rootComposite" fact="0.1"/>
      <dgm:constr type="sibSp" for="des" forName="childShape" refType="h" refFor="des" refForName="rootComposite" fact="0.12"/>
      <dgm:constr type="sp" for="des" forName="root" refType="h" refFor="des" refForName="rootComposite" fact="0.18"/>
    </dgm:constrLst>
    <dgm:ruleLst/>
    <dgm:forEach name="Name3" axis="ch">
      <dgm:forEach name="Name4" axis="self" ptType="node" cnt="1">
        <dgm:layoutNode name="root">
          <dgm:varLst>
            <dgm:chMax/>
            <dgm:chPref val="4"/>
          </dgm:varLst>
          <dgm:alg type="hierRoot"/>
          <dgm:shape xmlns:r="http://schemas.openxmlformats.org/officeDocument/2006/relationships" r:blip="">
            <dgm:adjLst/>
          </dgm:shape>
          <dgm:presOf/>
          <dgm:constrLst/>
          <dgm:ruleLst/>
          <dgm:layoutNode name="rootComposite">
            <dgm:varLst/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onstrLst>
              <dgm:constr type="l" for="ch" forName="rootText"/>
              <dgm:constr type="t" for="ch" forName="rootText"/>
              <dgm:constr type="w" for="ch" forName="rootText" refType="w"/>
              <dgm:constr type="h" for="ch" forName="rootText" refType="h"/>
            </dgm:constrLst>
            <dgm:ruleLst/>
            <dgm:layoutNode name="rootText" styleLbl="node0">
              <dgm:varLst>
                <dgm:chMax/>
                <dgm:chPref val="4"/>
              </dgm:varLst>
              <dgm:alg type="tx"/>
              <dgm:shape xmlns:r="http://schemas.openxmlformats.org/officeDocument/2006/relationships" type="roundRect" r:blip="">
                <dgm:adjLst>
                  <dgm:adj idx="1" val="0.1"/>
                </dgm:adjLst>
              </dgm:shape>
              <dgm:presOf axis="self" ptType="node" cnt="1"/>
              <dgm:constrLst>
                <dgm:constr type="tMarg" refType="primFontSz" fact="0.1"/>
                <dgm:constr type="bMarg" refType="primFontSz" fact="0.1"/>
                <dgm:constr type="lMarg" refType="primFontSz" fact="0.15"/>
                <dgm:constr type="rMarg" refType="primFontSz" fact="0.15"/>
              </dgm:constrLst>
              <dgm:ruleLst>
                <dgm:rule type="primFontSz" val="5" fact="NaN" max="NaN"/>
                <dgm:rule type="primFontSz" val="65" fact="NaN" max="NaN"/>
              </dgm:ruleLst>
            </dgm:layoutNode>
          </dgm:layoutNode>
          <dgm:layoutNode name="childShape">
            <dgm:varLst>
              <dgm:chMax val="0"/>
              <dgm:chPref val="0"/>
            </dgm:varLst>
            <dgm:alg type="hierChild">
              <dgm:param type="chAlign" val="r"/>
              <dgm:param type="linDir" val="fromT"/>
              <dgm:param type="fallback" val="2D"/>
            </dgm:alg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Name5" axis="ch">
              <dgm:forEach name="Name6" axis="self" ptType="node">
                <dgm:layoutNode name="childComposite">
                  <dgm:varLst>
                    <dgm:chMax val="0"/>
                    <dgm:chPref val="0"/>
                  </dgm:varLst>
                  <dgm:alg type="composite"/>
                  <dgm:shape xmlns:r="http://schemas.openxmlformats.org/officeDocument/2006/relationships" r:blip="">
                    <dgm:adjLst/>
                  </dgm:shape>
                  <dgm:presOf/>
                  <dgm:choose name="Name7">
                    <dgm:if name="Name8" func="var" arg="dir" op="equ" val="norm">
                      <dgm:constrLst>
                        <dgm:constr type="w" for="ch" forName="Image" refType="h"/>
                        <dgm:constr type="h" for="ch" forName="Image" refType="h"/>
                        <dgm:constr type="l" for="ch" forName="Image"/>
                        <dgm:constr type="t" for="ch" forName="Image"/>
                        <dgm:constr type="h" for="ch" forName="childText" refType="h"/>
                        <dgm:constr type="l" for="ch" forName="childText" refType="w" refFor="ch" refForName="Image" fact="1.06"/>
                        <dgm:constr type="t" for="ch" forName="childText"/>
                      </dgm:constrLst>
                    </dgm:if>
                    <dgm:else name="Name9">
                      <dgm:constrLst>
                        <dgm:constr type="w" for="ch" forName="Image" refType="h"/>
                        <dgm:constr type="h" for="ch" forName="Image" refType="h"/>
                        <dgm:constr type="r" for="ch" forName="Image" refType="w"/>
                        <dgm:constr type="t" for="ch" forName="Image"/>
                        <dgm:constr type="h" for="ch" forName="childText" refType="h"/>
                        <dgm:constr type="t" for="ch" forName="childText"/>
                        <dgm:constr type="wOff" for="ch" forName="childText" refType="w" refFor="ch" refForName="Image" fact="-1.06"/>
                      </dgm:constrLst>
                    </dgm:else>
                  </dgm:choose>
                  <dgm:ruleLst/>
                  <dgm:layoutNode name="Image" styleLbl="node1">
                    <dgm:alg type="sp"/>
                    <dgm:shape xmlns:r="http://schemas.openxmlformats.org/officeDocument/2006/relationships" type="roundRect" r:blip="" blipPhldr="1">
                      <dgm:adjLst>
                        <dgm:adj idx="1" val="0.1667"/>
                      </dgm:adjLst>
                    </dgm:shape>
                    <dgm:presOf/>
                  </dgm:layoutNode>
                  <dgm:layoutNode name="childText" styleLbl="lnNode1">
                    <dgm:varLst>
                      <dgm:chMax val="0"/>
                      <dgm:chPref val="0"/>
                      <dgm:bulletEnabled val="1"/>
                    </dgm:varLst>
                    <dgm:alg type="tx"/>
                    <dgm:shape xmlns:r="http://schemas.openxmlformats.org/officeDocument/2006/relationships" type="roundRect" r:blip="">
                      <dgm:adjLst>
                        <dgm:adj idx="1" val="0.1667"/>
                      </dgm:adjLst>
                    </dgm:shape>
                    <dgm:presOf axis="self desOrSelf" ptType="node node" st="1 1" cnt="1 0"/>
                    <dgm:ruleLst>
                      <dgm:rule type="primFontSz" val="5" fact="NaN" max="NaN"/>
                    </dgm:ruleLst>
                  </dgm:layoutNode>
                </dgm:layoutNode>
              </dgm:forEach>
            </dgm:forEach>
          </dgm:layoutNode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3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4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50443" y="0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6F8EA1D-728A-4E5F-9A4B-D1A7FD31BCED}" type="datetimeFigureOut">
              <a:rPr lang="en-GB" smtClean="0">
                <a:latin typeface="Arial" charset="0"/>
                <a:ea typeface="Arial" charset="0"/>
                <a:cs typeface="Arial" charset="0"/>
              </a:rPr>
              <a:t>04/05/2020</a:t>
            </a:fld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50443" y="9430091"/>
            <a:ext cx="2945659" cy="49641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39A8912-DC56-4920-85F1-EA9817C1761F}" type="slidenum">
              <a:rPr lang="en-GB" smtClean="0">
                <a:latin typeface="Arial" charset="0"/>
                <a:ea typeface="Arial" charset="0"/>
                <a:cs typeface="Arial" charset="0"/>
              </a:rPr>
              <a:t>‹#›</a:t>
            </a:fld>
            <a:endParaRPr lang="en-GB" dirty="0"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6002489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49688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463CE1C2-7DC9-FC47-9848-69281FD2BD18}" type="datetimeFigureOut">
              <a:rPr lang="en-US" smtClean="0"/>
              <a:t>5/4/2020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65225" y="1241425"/>
            <a:ext cx="4467225" cy="33496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79450" y="4778375"/>
            <a:ext cx="5438775" cy="3908425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GB"/>
              <a:t>Click to edit Master text styles</a:t>
            </a:r>
          </a:p>
          <a:p>
            <a:pPr lvl="1"/>
            <a:r>
              <a:rPr lang="en-GB"/>
              <a:t>Second level</a:t>
            </a:r>
          </a:p>
          <a:p>
            <a:pPr lvl="2"/>
            <a:r>
              <a:rPr lang="en-GB"/>
              <a:t>Third level</a:t>
            </a:r>
          </a:p>
          <a:p>
            <a:pPr lvl="3"/>
            <a:r>
              <a:rPr lang="en-GB"/>
              <a:t>Fourth level</a:t>
            </a:r>
          </a:p>
          <a:p>
            <a:pPr lvl="4"/>
            <a:r>
              <a:rPr lang="en-GB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49688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3B11FC8D-FEAC-3A4D-B17B-284E661AD230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1808102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emf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2.xml"/></Relationships>
</file>

<file path=ppt/slideLayouts/_rels/slideLayout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653898" y="1700460"/>
            <a:ext cx="4698522" cy="21605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28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653898" y="4149080"/>
            <a:ext cx="4698522" cy="7920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</a:t>
            </a:r>
            <a:br>
              <a:rPr lang="en-GB" dirty="0"/>
            </a:br>
            <a:r>
              <a:rPr lang="en-GB" dirty="0"/>
              <a:t>Arial Bold 20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3655102" y="5229200"/>
            <a:ext cx="4698522" cy="50405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18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Bold 18pt</a:t>
            </a:r>
            <a:endParaRPr lang="en-US" dirty="0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3653898" y="6021288"/>
            <a:ext cx="4698522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/>
              <a:t>www.cranfield.ac.uk</a:t>
            </a:r>
            <a:endParaRPr lang="en-GB" sz="1800" b="0" dirty="0"/>
          </a:p>
        </p:txBody>
      </p:sp>
      <p:sp>
        <p:nvSpPr>
          <p:cNvPr id="2" name="Rectangle 1"/>
          <p:cNvSpPr/>
          <p:nvPr userDrawn="1"/>
        </p:nvSpPr>
        <p:spPr>
          <a:xfrm>
            <a:off x="197514" y="188640"/>
            <a:ext cx="1206134" cy="1368152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pic>
        <p:nvPicPr>
          <p:cNvPr id="8" name="Picture 7"/>
          <p:cNvPicPr>
            <a:picLocks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8897"/>
            <a:ext cx="2556750" cy="25567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4603568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een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0"/>
            <a:ext cx="3923928" cy="6857999"/>
          </a:xfrm>
          <a:prstGeom prst="rect">
            <a:avLst/>
          </a:prstGeom>
          <a:solidFill>
            <a:srgbClr val="5B781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n>
                <a:noFill/>
              </a:ln>
              <a:solidFill>
                <a:srgbClr val="5B7813"/>
              </a:solidFill>
            </a:endParaRPr>
          </a:p>
        </p:txBody>
      </p:sp>
      <p:sp>
        <p:nvSpPr>
          <p:cNvPr id="7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3923928" y="0"/>
            <a:ext cx="5220072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3330370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8" name="Footer Placeholder 4"/>
          <p:cNvSpPr txBox="1">
            <a:spLocks/>
          </p:cNvSpPr>
          <p:nvPr userDrawn="1"/>
        </p:nvSpPr>
        <p:spPr>
          <a:xfrm>
            <a:off x="305526" y="6414383"/>
            <a:ext cx="378042" cy="326985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8671199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nk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0"/>
            <a:ext cx="3923928" cy="6857999"/>
          </a:xfrm>
          <a:prstGeom prst="rect">
            <a:avLst/>
          </a:prstGeom>
          <a:solidFill>
            <a:srgbClr val="81214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3923928" y="0"/>
            <a:ext cx="5220072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3330370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8" name="Footer Placeholder 4"/>
          <p:cNvSpPr txBox="1">
            <a:spLocks/>
          </p:cNvSpPr>
          <p:nvPr userDrawn="1"/>
        </p:nvSpPr>
        <p:spPr>
          <a:xfrm>
            <a:off x="305526" y="6414383"/>
            <a:ext cx="378042" cy="326985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338344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urple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0"/>
            <a:ext cx="3923928" cy="6857999"/>
          </a:xfrm>
          <a:prstGeom prst="rect">
            <a:avLst/>
          </a:prstGeom>
          <a:solidFill>
            <a:srgbClr val="442B5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3923928" y="0"/>
            <a:ext cx="5220072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3330370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8" name="Footer Placeholder 4"/>
          <p:cNvSpPr txBox="1">
            <a:spLocks/>
          </p:cNvSpPr>
          <p:nvPr userDrawn="1"/>
        </p:nvSpPr>
        <p:spPr>
          <a:xfrm>
            <a:off x="305526" y="6414383"/>
            <a:ext cx="378042" cy="326985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49528859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Red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0"/>
            <a:ext cx="3923928" cy="6857999"/>
          </a:xfrm>
          <a:prstGeom prst="rect">
            <a:avLst/>
          </a:prstGeom>
          <a:solidFill>
            <a:srgbClr val="820E2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3923928" y="0"/>
            <a:ext cx="5220072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3330370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8" name="Footer Placeholder 4"/>
          <p:cNvSpPr txBox="1">
            <a:spLocks/>
          </p:cNvSpPr>
          <p:nvPr userDrawn="1"/>
        </p:nvSpPr>
        <p:spPr>
          <a:xfrm>
            <a:off x="305526" y="6414383"/>
            <a:ext cx="378042" cy="326985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3294933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Yellow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0"/>
            <a:ext cx="3923928" cy="6857999"/>
          </a:xfrm>
          <a:prstGeom prst="rect">
            <a:avLst/>
          </a:prstGeom>
          <a:solidFill>
            <a:srgbClr val="DD7A0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3923928" y="0"/>
            <a:ext cx="5220072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3330370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8" name="Footer Placeholder 4"/>
          <p:cNvSpPr txBox="1">
            <a:spLocks/>
          </p:cNvSpPr>
          <p:nvPr userDrawn="1"/>
        </p:nvSpPr>
        <p:spPr>
          <a:xfrm>
            <a:off x="305526" y="6414383"/>
            <a:ext cx="378042" cy="326985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92253026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 userDrawn="1"/>
        </p:nvSpPr>
        <p:spPr>
          <a:xfrm>
            <a:off x="197514" y="188640"/>
            <a:ext cx="1206134" cy="1368152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pic>
        <p:nvPicPr>
          <p:cNvPr id="12" name="Picture 11"/>
          <p:cNvPicPr>
            <a:picLocks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8897"/>
            <a:ext cx="2556750" cy="2556750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91880" y="4077072"/>
            <a:ext cx="3309496" cy="1836446"/>
          </a:xfrm>
          <a:prstGeom prst="rect">
            <a:avLst/>
          </a:prstGeom>
        </p:spPr>
      </p:pic>
      <p:sp>
        <p:nvSpPr>
          <p:cNvPr id="13" name="TextBox 12"/>
          <p:cNvSpPr txBox="1"/>
          <p:nvPr userDrawn="1"/>
        </p:nvSpPr>
        <p:spPr>
          <a:xfrm>
            <a:off x="3607746" y="2504884"/>
            <a:ext cx="47806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3200" b="1" dirty="0" err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3200" b="1" dirty="0">
              <a:solidFill>
                <a:srgbClr val="0C406D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4" name="TextBox 13"/>
          <p:cNvSpPr txBox="1"/>
          <p:nvPr userDrawn="1"/>
        </p:nvSpPr>
        <p:spPr>
          <a:xfrm>
            <a:off x="3607747" y="3411612"/>
            <a:ext cx="453650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2800" b="1" dirty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2800" b="1" dirty="0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23764028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or Chapter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653898" y="1700460"/>
            <a:ext cx="4698522" cy="21605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800" b="1" i="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28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653898" y="4005064"/>
            <a:ext cx="4698522" cy="792088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 </a:t>
            </a:r>
            <a:br>
              <a:rPr lang="en-GB" dirty="0"/>
            </a:br>
            <a:r>
              <a:rPr lang="en-GB" dirty="0"/>
              <a:t>Arial Bold 20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3655102" y="4941168"/>
            <a:ext cx="4698522" cy="50405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000" b="1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  <p:sp>
        <p:nvSpPr>
          <p:cNvPr id="5" name="Text Placeholder 17"/>
          <p:cNvSpPr txBox="1">
            <a:spLocks/>
          </p:cNvSpPr>
          <p:nvPr userDrawn="1"/>
        </p:nvSpPr>
        <p:spPr>
          <a:xfrm>
            <a:off x="3653898" y="5661248"/>
            <a:ext cx="4698522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/>
              <a:t>www.cranfield.ac.uk</a:t>
            </a:r>
            <a:endParaRPr lang="en-GB" sz="1800" b="0" dirty="0"/>
          </a:p>
        </p:txBody>
      </p:sp>
      <p:sp>
        <p:nvSpPr>
          <p:cNvPr id="10" name="Rectangle 9"/>
          <p:cNvSpPr/>
          <p:nvPr userDrawn="1"/>
        </p:nvSpPr>
        <p:spPr>
          <a:xfrm>
            <a:off x="197514" y="188640"/>
            <a:ext cx="1206134" cy="1368152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pic>
        <p:nvPicPr>
          <p:cNvPr id="15" name="Picture 14"/>
          <p:cNvPicPr>
            <a:picLocks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8897"/>
            <a:ext cx="2556750" cy="25567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54893740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05526" y="1412776"/>
            <a:ext cx="8532948" cy="792088"/>
          </a:xfrm>
          <a:prstGeom prst="rect">
            <a:avLst/>
          </a:prstGeom>
        </p:spPr>
        <p:txBody>
          <a:bodyPr anchor="ctr" anchorCtr="0">
            <a:normAutofit/>
          </a:bodyPr>
          <a:lstStyle>
            <a:lvl1pPr marL="0" indent="0">
              <a:buNone/>
              <a:defRPr sz="2200" b="1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Sub-header, Arial Bold 22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2348881"/>
            <a:ext cx="8532948" cy="3816000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14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05526" y="404664"/>
            <a:ext cx="8532948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4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4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979094355"/>
      </p:ext>
    </p:extLst>
  </p:cSld>
  <p:clrMapOvr>
    <a:masterClrMapping/>
  </p:clrMapOvr>
  <p:hf hdr="0" ftr="0" dt="0"/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05526" y="1412776"/>
            <a:ext cx="5022558" cy="792088"/>
          </a:xfrm>
          <a:prstGeom prst="rect">
            <a:avLst/>
          </a:prstGeom>
        </p:spPr>
        <p:txBody>
          <a:bodyPr anchor="ctr" anchorCtr="0">
            <a:normAutofit/>
          </a:bodyPr>
          <a:lstStyle>
            <a:lvl1pPr marL="0" indent="0">
              <a:buNone/>
              <a:defRPr sz="2200" b="1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Sub-header, Arial Bold 22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2348881"/>
            <a:ext cx="5022558" cy="3816000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14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05526" y="404664"/>
            <a:ext cx="8532948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4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4pt</a:t>
            </a:r>
            <a:endParaRPr lang="en-GB" dirty="0"/>
          </a:p>
        </p:txBody>
      </p:sp>
      <p:sp>
        <p:nvSpPr>
          <p:cNvPr id="11" name="Rectangle 10"/>
          <p:cNvSpPr/>
          <p:nvPr userDrawn="1"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sp>
        <p:nvSpPr>
          <p:cNvPr id="15" name="TextBox 14"/>
          <p:cNvSpPr txBox="1"/>
          <p:nvPr userDrawn="1"/>
        </p:nvSpPr>
        <p:spPr>
          <a:xfrm>
            <a:off x="6678234" y="6414384"/>
            <a:ext cx="21602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 University</a:t>
            </a:r>
          </a:p>
        </p:txBody>
      </p:sp>
      <p:sp>
        <p:nvSpPr>
          <p:cNvPr id="10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7"/>
            <a:ext cx="3401616" cy="4752105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2" name="Footer Placeholder 16"/>
          <p:cNvSpPr txBox="1">
            <a:spLocks/>
          </p:cNvSpPr>
          <p:nvPr userDrawn="1"/>
        </p:nvSpPr>
        <p:spPr>
          <a:xfrm>
            <a:off x="305526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16667026"/>
      </p:ext>
    </p:extLst>
  </p:cSld>
  <p:clrMapOvr>
    <a:masterClrMapping/>
  </p:clrMapOvr>
  <p:hf hdr="0" ftr="0" dt="0"/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1412777"/>
            <a:ext cx="5022558" cy="4752105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05526" y="404664"/>
            <a:ext cx="8532948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4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4pt</a:t>
            </a:r>
            <a:endParaRPr lang="en-GB" dirty="0"/>
          </a:p>
        </p:txBody>
      </p:sp>
      <p:sp>
        <p:nvSpPr>
          <p:cNvPr id="8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7"/>
            <a:ext cx="3401616" cy="4752105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</p:spTree>
    <p:extLst>
      <p:ext uri="{BB962C8B-B14F-4D97-AF65-F5344CB8AC3E}">
        <p14:creationId xmlns:p14="http://schemas.microsoft.com/office/powerpoint/2010/main" val="1804229860"/>
      </p:ext>
    </p:extLst>
  </p:cSld>
  <p:clrMapOvr>
    <a:masterClrMapping/>
  </p:clrMapOvr>
  <p:hf hdr="0" ftr="0" dt="0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05526" y="1412776"/>
            <a:ext cx="8532948" cy="792088"/>
          </a:xfrm>
          <a:prstGeom prst="rect">
            <a:avLst/>
          </a:prstGeom>
        </p:spPr>
        <p:txBody>
          <a:bodyPr anchor="ctr" anchorCtr="0">
            <a:normAutofit/>
          </a:bodyPr>
          <a:lstStyle>
            <a:lvl1pPr marL="0" indent="0">
              <a:buNone/>
              <a:defRPr sz="2200" b="1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Sub-header, Arial Bold 22pt</a:t>
            </a:r>
            <a:endParaRPr lang="en-US" dirty="0"/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2348882"/>
            <a:ext cx="8532948" cy="4032446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7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4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2952575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Two column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6" hasCustomPrompt="1"/>
          </p:nvPr>
        </p:nvSpPr>
        <p:spPr>
          <a:xfrm>
            <a:off x="305525" y="1412777"/>
            <a:ext cx="8532949" cy="4752105"/>
          </a:xfrm>
          <a:prstGeom prst="rect">
            <a:avLst/>
          </a:prstGeom>
        </p:spPr>
        <p:txBody>
          <a:bodyPr numCol="2" spcCol="144000"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GB" dirty="0"/>
              <a:t>Body copy, Arial 20pt minimum</a:t>
            </a:r>
          </a:p>
          <a:p>
            <a:pPr lvl="0"/>
            <a:r>
              <a:rPr lang="en-GB" dirty="0"/>
              <a:t>Column 1</a:t>
            </a:r>
          </a:p>
          <a:p>
            <a:pPr lvl="0"/>
            <a:r>
              <a:rPr lang="en-US" dirty="0"/>
              <a:t>Bullet points should always be circular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  <a:p>
            <a:pPr lvl="4"/>
            <a:endParaRPr lang="en-US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r>
              <a:rPr lang="en-GB" dirty="0"/>
              <a:t>Body copy, Arial 20pt minimum</a:t>
            </a:r>
          </a:p>
          <a:p>
            <a:pPr lvl="0"/>
            <a:r>
              <a:rPr lang="en-GB" dirty="0"/>
              <a:t>Column 2</a:t>
            </a:r>
          </a:p>
          <a:p>
            <a:pPr lvl="0"/>
            <a:r>
              <a:rPr lang="en-US" dirty="0"/>
              <a:t>Bullet points should always be circular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  <a:p>
            <a:pPr lvl="4"/>
            <a:endParaRPr lang="en-GB" dirty="0"/>
          </a:p>
          <a:p>
            <a:pPr lvl="4"/>
            <a:endParaRPr lang="en-GB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05526" y="404664"/>
            <a:ext cx="8532948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4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4pt</a:t>
            </a:r>
            <a:endParaRPr lang="en-GB" dirty="0"/>
          </a:p>
        </p:txBody>
      </p:sp>
      <p:sp>
        <p:nvSpPr>
          <p:cNvPr id="11" name="Rectangle 10"/>
          <p:cNvSpPr/>
          <p:nvPr userDrawn="1"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sp>
        <p:nvSpPr>
          <p:cNvPr id="12" name="TextBox 11"/>
          <p:cNvSpPr txBox="1"/>
          <p:nvPr userDrawn="1"/>
        </p:nvSpPr>
        <p:spPr>
          <a:xfrm>
            <a:off x="6678234" y="6414384"/>
            <a:ext cx="21602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 University</a:t>
            </a:r>
          </a:p>
        </p:txBody>
      </p:sp>
      <p:sp>
        <p:nvSpPr>
          <p:cNvPr id="8" name="Footer Placeholder 16"/>
          <p:cNvSpPr txBox="1">
            <a:spLocks/>
          </p:cNvSpPr>
          <p:nvPr userDrawn="1"/>
        </p:nvSpPr>
        <p:spPr>
          <a:xfrm>
            <a:off x="305526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5230105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305526" y="404664"/>
            <a:ext cx="8532948" cy="864096"/>
          </a:xfrm>
          <a:prstGeom prst="rect">
            <a:avLst/>
          </a:prstGeom>
        </p:spPr>
        <p:txBody>
          <a:bodyPr anchor="ctr">
            <a:normAutofit/>
          </a:bodyPr>
          <a:lstStyle>
            <a:lvl1pPr marL="0" indent="0">
              <a:buNone/>
              <a:defRPr sz="2400" b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US" dirty="0"/>
              <a:t>Slide Title, Arial Bold 24pt</a:t>
            </a:r>
            <a:endParaRPr lang="en-GB" dirty="0"/>
          </a:p>
        </p:txBody>
      </p:sp>
      <p:sp>
        <p:nvSpPr>
          <p:cNvPr id="9" name="Rectangle 8"/>
          <p:cNvSpPr/>
          <p:nvPr userDrawn="1"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sp>
        <p:nvSpPr>
          <p:cNvPr id="10" name="TextBox 9"/>
          <p:cNvSpPr txBox="1"/>
          <p:nvPr userDrawn="1"/>
        </p:nvSpPr>
        <p:spPr>
          <a:xfrm>
            <a:off x="6678234" y="6414384"/>
            <a:ext cx="21602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 University</a:t>
            </a:r>
          </a:p>
        </p:txBody>
      </p:sp>
      <p:sp>
        <p:nvSpPr>
          <p:cNvPr id="7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305526" y="1412777"/>
            <a:ext cx="8532484" cy="4752105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8" name="Footer Placeholder 16"/>
          <p:cNvSpPr txBox="1">
            <a:spLocks/>
          </p:cNvSpPr>
          <p:nvPr userDrawn="1"/>
        </p:nvSpPr>
        <p:spPr>
          <a:xfrm>
            <a:off x="305526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14580065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4914546" cy="5760217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 i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/>
            </a:lvl2pPr>
            <a:lvl3pPr>
              <a:lnSpc>
                <a:spcPct val="100000"/>
              </a:lnSpc>
              <a:defRPr sz="2000" b="0" i="0"/>
            </a:lvl3pPr>
            <a:lvl4pPr>
              <a:lnSpc>
                <a:spcPct val="100000"/>
              </a:lnSpc>
              <a:defRPr sz="2000" b="0" i="0"/>
            </a:lvl4pPr>
            <a:lvl5pPr marL="16287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 i="0"/>
            </a:lvl5pPr>
          </a:lstStyle>
          <a:p>
            <a:pPr lvl="0"/>
            <a:r>
              <a:rPr lang="en-GB" dirty="0"/>
              <a:t>Body copy, Arial 20pt minimum</a:t>
            </a:r>
          </a:p>
          <a:p>
            <a:pPr lvl="0"/>
            <a:r>
              <a:rPr lang="en-US" dirty="0"/>
              <a:t>Bullet points should always be circular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  <a:p>
            <a:pPr lvl="4"/>
            <a:endParaRPr lang="en-US" dirty="0"/>
          </a:p>
        </p:txBody>
      </p:sp>
      <p:sp>
        <p:nvSpPr>
          <p:cNvPr id="9" name="Rectangle 8"/>
          <p:cNvSpPr/>
          <p:nvPr userDrawn="1"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sp>
        <p:nvSpPr>
          <p:cNvPr id="10" name="TextBox 9"/>
          <p:cNvSpPr txBox="1"/>
          <p:nvPr userDrawn="1"/>
        </p:nvSpPr>
        <p:spPr>
          <a:xfrm>
            <a:off x="6678234" y="6414384"/>
            <a:ext cx="21602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 University</a:t>
            </a:r>
          </a:p>
        </p:txBody>
      </p:sp>
      <p:sp>
        <p:nvSpPr>
          <p:cNvPr id="12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404665"/>
            <a:ext cx="3401616" cy="5760217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1" name="Footer Placeholder 16"/>
          <p:cNvSpPr txBox="1">
            <a:spLocks/>
          </p:cNvSpPr>
          <p:nvPr userDrawn="1"/>
        </p:nvSpPr>
        <p:spPr>
          <a:xfrm>
            <a:off x="305526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5322127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wo column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Text Placeholder 8"/>
          <p:cNvSpPr>
            <a:spLocks noGrp="1"/>
          </p:cNvSpPr>
          <p:nvPr>
            <p:ph type="body" sz="quarter" idx="16" hasCustomPrompt="1"/>
          </p:nvPr>
        </p:nvSpPr>
        <p:spPr>
          <a:xfrm>
            <a:off x="305525" y="404665"/>
            <a:ext cx="8532949" cy="5760217"/>
          </a:xfrm>
          <a:prstGeom prst="rect">
            <a:avLst/>
          </a:prstGeom>
        </p:spPr>
        <p:txBody>
          <a:bodyPr numCol="2" spcCol="144000" anchor="t" anchorCtr="0">
            <a:normAutofit/>
          </a:bodyPr>
          <a:lstStyle>
            <a:lvl1pPr marL="0" indent="0">
              <a:lnSpc>
                <a:spcPct val="100000"/>
              </a:lnSpc>
              <a:buNone/>
              <a:defRPr sz="2000" b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GB" dirty="0"/>
              <a:t>Body copy, Arial 20pt minimum</a:t>
            </a:r>
          </a:p>
          <a:p>
            <a:pPr lvl="0"/>
            <a:r>
              <a:rPr lang="en-GB" dirty="0"/>
              <a:t>Column 1</a:t>
            </a:r>
          </a:p>
          <a:p>
            <a:pPr lvl="0"/>
            <a:r>
              <a:rPr lang="en-US" dirty="0"/>
              <a:t>Bullet points should always be circular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  <a:p>
            <a:pPr lvl="4"/>
            <a:endParaRPr lang="en-US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r>
              <a:rPr lang="en-GB" dirty="0"/>
              <a:t>Body copy, Arial 20pt minimum</a:t>
            </a:r>
          </a:p>
          <a:p>
            <a:pPr lvl="0"/>
            <a:r>
              <a:rPr lang="en-GB" dirty="0"/>
              <a:t>Column 2</a:t>
            </a:r>
          </a:p>
          <a:p>
            <a:pPr lvl="0"/>
            <a:r>
              <a:rPr lang="en-US" dirty="0"/>
              <a:t>Bullet points should always be circular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  <a:p>
            <a:pPr lvl="4"/>
            <a:endParaRPr lang="en-GB" dirty="0"/>
          </a:p>
          <a:p>
            <a:pPr lvl="4"/>
            <a:endParaRPr lang="en-GB" dirty="0"/>
          </a:p>
        </p:txBody>
      </p:sp>
      <p:sp>
        <p:nvSpPr>
          <p:cNvPr id="12" name="Rectangle 11"/>
          <p:cNvSpPr/>
          <p:nvPr userDrawn="1"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sp>
        <p:nvSpPr>
          <p:cNvPr id="13" name="TextBox 12"/>
          <p:cNvSpPr txBox="1"/>
          <p:nvPr userDrawn="1"/>
        </p:nvSpPr>
        <p:spPr>
          <a:xfrm>
            <a:off x="6678234" y="6414384"/>
            <a:ext cx="21602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 University</a:t>
            </a:r>
          </a:p>
        </p:txBody>
      </p:sp>
      <p:sp>
        <p:nvSpPr>
          <p:cNvPr id="7" name="Footer Placeholder 16"/>
          <p:cNvSpPr txBox="1">
            <a:spLocks/>
          </p:cNvSpPr>
          <p:nvPr userDrawn="1"/>
        </p:nvSpPr>
        <p:spPr>
          <a:xfrm>
            <a:off x="305526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9874407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/>
          <p:nvPr userDrawn="1"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sp>
        <p:nvSpPr>
          <p:cNvPr id="9" name="TextBox 8"/>
          <p:cNvSpPr txBox="1"/>
          <p:nvPr userDrawn="1"/>
        </p:nvSpPr>
        <p:spPr>
          <a:xfrm>
            <a:off x="6678234" y="6414384"/>
            <a:ext cx="21602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 University</a:t>
            </a:r>
          </a:p>
        </p:txBody>
      </p:sp>
      <p:sp>
        <p:nvSpPr>
          <p:cNvPr id="7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305526" y="404665"/>
            <a:ext cx="8532484" cy="5760217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6" name="Footer Placeholder 16"/>
          <p:cNvSpPr txBox="1">
            <a:spLocks/>
          </p:cNvSpPr>
          <p:nvPr userDrawn="1"/>
        </p:nvSpPr>
        <p:spPr>
          <a:xfrm>
            <a:off x="305526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38299118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Two column imag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10"/>
          <p:cNvSpPr/>
          <p:nvPr userDrawn="1"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sp>
        <p:nvSpPr>
          <p:cNvPr id="12" name="TextBox 11"/>
          <p:cNvSpPr txBox="1"/>
          <p:nvPr userDrawn="1"/>
        </p:nvSpPr>
        <p:spPr>
          <a:xfrm>
            <a:off x="6678234" y="6414384"/>
            <a:ext cx="21602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 University</a:t>
            </a:r>
          </a:p>
        </p:txBody>
      </p:sp>
      <p:sp>
        <p:nvSpPr>
          <p:cNvPr id="8" name="Content Placeholder 2"/>
          <p:cNvSpPr>
            <a:spLocks noGrp="1"/>
          </p:cNvSpPr>
          <p:nvPr>
            <p:ph sz="quarter" idx="19" hasCustomPrompt="1"/>
          </p:nvPr>
        </p:nvSpPr>
        <p:spPr>
          <a:xfrm>
            <a:off x="4626474" y="404663"/>
            <a:ext cx="4211536" cy="576021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4" name="Content Placeholder 2"/>
          <p:cNvSpPr>
            <a:spLocks noGrp="1"/>
          </p:cNvSpPr>
          <p:nvPr>
            <p:ph sz="quarter" idx="20" hasCustomPrompt="1"/>
          </p:nvPr>
        </p:nvSpPr>
        <p:spPr>
          <a:xfrm>
            <a:off x="305526" y="404662"/>
            <a:ext cx="4211536" cy="576021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7" name="Footer Placeholder 16"/>
          <p:cNvSpPr txBox="1">
            <a:spLocks/>
          </p:cNvSpPr>
          <p:nvPr userDrawn="1"/>
        </p:nvSpPr>
        <p:spPr>
          <a:xfrm>
            <a:off x="305526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06034222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 userDrawn="1"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sp>
        <p:nvSpPr>
          <p:cNvPr id="8" name="TextBox 7"/>
          <p:cNvSpPr txBox="1"/>
          <p:nvPr userDrawn="1"/>
        </p:nvSpPr>
        <p:spPr>
          <a:xfrm>
            <a:off x="6678234" y="6414384"/>
            <a:ext cx="21602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 University</a:t>
            </a:r>
          </a:p>
        </p:txBody>
      </p:sp>
      <p:sp>
        <p:nvSpPr>
          <p:cNvPr id="6" name="Footer Placeholder 16"/>
          <p:cNvSpPr txBox="1">
            <a:spLocks/>
          </p:cNvSpPr>
          <p:nvPr userDrawn="1"/>
        </p:nvSpPr>
        <p:spPr>
          <a:xfrm>
            <a:off x="305526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64058719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6"/>
          <p:cNvSpPr/>
          <p:nvPr userDrawn="1"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sp>
        <p:nvSpPr>
          <p:cNvPr id="8" name="TextBox 7"/>
          <p:cNvSpPr txBox="1"/>
          <p:nvPr userDrawn="1"/>
        </p:nvSpPr>
        <p:spPr>
          <a:xfrm>
            <a:off x="6678234" y="6414384"/>
            <a:ext cx="21602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rPr>
              <a:t> University</a:t>
            </a:r>
          </a:p>
        </p:txBody>
      </p:sp>
      <p:sp>
        <p:nvSpPr>
          <p:cNvPr id="10" name="Footer Placeholder 16"/>
          <p:cNvSpPr txBox="1">
            <a:spLocks/>
          </p:cNvSpPr>
          <p:nvPr userDrawn="1"/>
        </p:nvSpPr>
        <p:spPr>
          <a:xfrm>
            <a:off x="305526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  <p:sp>
        <p:nvSpPr>
          <p:cNvPr id="11" name="Rectangle 10"/>
          <p:cNvSpPr/>
          <p:nvPr userDrawn="1"/>
        </p:nvSpPr>
        <p:spPr>
          <a:xfrm>
            <a:off x="197514" y="188640"/>
            <a:ext cx="1206134" cy="1368152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350"/>
          </a:p>
        </p:txBody>
      </p:sp>
      <p:pic>
        <p:nvPicPr>
          <p:cNvPr id="13" name="Picture 12"/>
          <p:cNvPicPr>
            <a:picLocks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2000" y="1518897"/>
            <a:ext cx="2556750" cy="2556750"/>
          </a:xfrm>
          <a:prstGeom prst="rect">
            <a:avLst/>
          </a:prstGeom>
        </p:spPr>
      </p:pic>
      <p:pic>
        <p:nvPicPr>
          <p:cNvPr id="16" name="Picture 15"/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491880" y="4077072"/>
            <a:ext cx="3309496" cy="1836446"/>
          </a:xfrm>
          <a:prstGeom prst="rect">
            <a:avLst/>
          </a:prstGeom>
        </p:spPr>
      </p:pic>
      <p:sp>
        <p:nvSpPr>
          <p:cNvPr id="17" name="TextBox 16"/>
          <p:cNvSpPr txBox="1"/>
          <p:nvPr userDrawn="1"/>
        </p:nvSpPr>
        <p:spPr>
          <a:xfrm>
            <a:off x="3607746" y="2504884"/>
            <a:ext cx="4780677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3200" b="1" dirty="0" err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3200" b="1" dirty="0">
              <a:solidFill>
                <a:srgbClr val="0C406D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8" name="TextBox 17"/>
          <p:cNvSpPr txBox="1"/>
          <p:nvPr userDrawn="1"/>
        </p:nvSpPr>
        <p:spPr>
          <a:xfrm>
            <a:off x="3607747" y="3411612"/>
            <a:ext cx="453650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GB" sz="2800" b="1" dirty="0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rPr>
              <a:t>T: +44 (0)1234 750111</a:t>
            </a:r>
            <a:endParaRPr lang="en-US" sz="2800" b="1" dirty="0">
              <a:solidFill>
                <a:srgbClr val="0099C4"/>
              </a:solidFill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497031764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ue">
    <p:bg>
      <p:bgPr>
        <a:solidFill>
          <a:srgbClr val="27376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10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252534" y="-27384"/>
            <a:ext cx="12223573" cy="6875887"/>
          </a:xfrm>
          <a:prstGeom prst="rect">
            <a:avLst/>
          </a:prstGeom>
        </p:spPr>
      </p:pic>
      <p:sp>
        <p:nvSpPr>
          <p:cNvPr id="7" name="Text Placeholder 17"/>
          <p:cNvSpPr txBox="1">
            <a:spLocks/>
          </p:cNvSpPr>
          <p:nvPr userDrawn="1"/>
        </p:nvSpPr>
        <p:spPr>
          <a:xfrm>
            <a:off x="600075" y="6057886"/>
            <a:ext cx="2668191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1800" b="0" dirty="0">
              <a:solidFill>
                <a:prstClr val="white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307678" y="2492896"/>
            <a:ext cx="4318398" cy="1789939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6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6pt</a:t>
            </a:r>
            <a:endParaRPr lang="en-US" dirty="0"/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4307679" y="4437112"/>
            <a:ext cx="4318399" cy="648072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</a:t>
            </a:r>
            <a:br>
              <a:rPr lang="en-GB" dirty="0"/>
            </a:br>
            <a:r>
              <a:rPr lang="en-GB" dirty="0"/>
              <a:t>Arial Bold 22pt</a:t>
            </a:r>
            <a:endParaRPr lang="en-US" dirty="0"/>
          </a:p>
        </p:txBody>
      </p:sp>
      <p:sp>
        <p:nvSpPr>
          <p:cNvPr id="5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4307679" y="5239461"/>
            <a:ext cx="4318398" cy="493795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914807870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een">
    <p:bg>
      <p:bgPr>
        <a:solidFill>
          <a:srgbClr val="5B7813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252534" y="-27384"/>
            <a:ext cx="12223573" cy="6875887"/>
          </a:xfrm>
          <a:prstGeom prst="rect">
            <a:avLst/>
          </a:prstGeom>
        </p:spPr>
      </p:pic>
      <p:sp>
        <p:nvSpPr>
          <p:cNvPr id="4" name="Text Placeholder 17"/>
          <p:cNvSpPr txBox="1">
            <a:spLocks/>
          </p:cNvSpPr>
          <p:nvPr userDrawn="1"/>
        </p:nvSpPr>
        <p:spPr>
          <a:xfrm>
            <a:off x="600075" y="6057886"/>
            <a:ext cx="2668191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1800" b="0" dirty="0">
              <a:solidFill>
                <a:prstClr val="white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307678" y="2492896"/>
            <a:ext cx="4318398" cy="1789939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6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6pt</a:t>
            </a:r>
            <a:endParaRPr lang="en-US" dirty="0"/>
          </a:p>
        </p:txBody>
      </p:sp>
      <p:sp>
        <p:nvSpPr>
          <p:cNvPr id="12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4307679" y="4437112"/>
            <a:ext cx="4318399" cy="648072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</a:t>
            </a:r>
            <a:br>
              <a:rPr lang="en-GB" dirty="0"/>
            </a:br>
            <a:r>
              <a:rPr lang="en-GB" dirty="0"/>
              <a:t>Arial Bold 22pt</a:t>
            </a:r>
            <a:endParaRPr lang="en-US" dirty="0"/>
          </a:p>
        </p:txBody>
      </p:sp>
      <p:sp>
        <p:nvSpPr>
          <p:cNvPr id="13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4307679" y="5239461"/>
            <a:ext cx="4318398" cy="493795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1633125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Sub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305526" y="1412776"/>
            <a:ext cx="5022558" cy="792088"/>
          </a:xfrm>
          <a:prstGeom prst="rect">
            <a:avLst/>
          </a:prstGeom>
        </p:spPr>
        <p:txBody>
          <a:bodyPr anchor="ctr" anchorCtr="0">
            <a:normAutofit/>
          </a:bodyPr>
          <a:lstStyle>
            <a:lvl1pPr marL="0" indent="0">
              <a:buNone/>
              <a:defRPr sz="2200" b="1">
                <a:solidFill>
                  <a:srgbClr val="0099C4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Sub-header, Arial Bold 22pt</a:t>
            </a:r>
            <a:endParaRPr lang="en-US" dirty="0"/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2348880"/>
            <a:ext cx="5022558" cy="4032447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11" name="Content Placeholder 2"/>
          <p:cNvSpPr>
            <a:spLocks noGrp="1"/>
          </p:cNvSpPr>
          <p:nvPr>
            <p:ph sz="quarter" idx="17" hasCustomPrompt="1"/>
          </p:nvPr>
        </p:nvSpPr>
        <p:spPr>
          <a:xfrm>
            <a:off x="5436394" y="1412777"/>
            <a:ext cx="3401616" cy="4968550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7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4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91226273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nk">
    <p:bg>
      <p:bgPr>
        <a:solidFill>
          <a:srgbClr val="812143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252534" y="-27384"/>
            <a:ext cx="12223573" cy="6875887"/>
          </a:xfrm>
          <a:prstGeom prst="rect">
            <a:avLst/>
          </a:prstGeom>
        </p:spPr>
      </p:pic>
      <p:sp>
        <p:nvSpPr>
          <p:cNvPr id="4" name="Text Placeholder 17"/>
          <p:cNvSpPr txBox="1">
            <a:spLocks/>
          </p:cNvSpPr>
          <p:nvPr userDrawn="1"/>
        </p:nvSpPr>
        <p:spPr>
          <a:xfrm>
            <a:off x="600075" y="6057886"/>
            <a:ext cx="2668191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1800" b="0" dirty="0">
              <a:solidFill>
                <a:prstClr val="white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307678" y="2492896"/>
            <a:ext cx="4318398" cy="1789939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6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6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4307679" y="4437112"/>
            <a:ext cx="4318399" cy="648072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</a:t>
            </a:r>
            <a:br>
              <a:rPr lang="en-GB" dirty="0"/>
            </a:br>
            <a:r>
              <a:rPr lang="en-GB" dirty="0"/>
              <a:t>Arial Bold 22pt</a:t>
            </a:r>
            <a:endParaRPr lang="en-US" dirty="0"/>
          </a:p>
        </p:txBody>
      </p:sp>
      <p:sp>
        <p:nvSpPr>
          <p:cNvPr id="12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4307679" y="5239461"/>
            <a:ext cx="4318398" cy="493795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4189806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urple">
    <p:bg>
      <p:bgPr>
        <a:solidFill>
          <a:srgbClr val="442B58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252534" y="-27384"/>
            <a:ext cx="12223573" cy="6875887"/>
          </a:xfrm>
          <a:prstGeom prst="rect">
            <a:avLst/>
          </a:prstGeom>
        </p:spPr>
      </p:pic>
      <p:sp>
        <p:nvSpPr>
          <p:cNvPr id="3" name="Text Placeholder 17"/>
          <p:cNvSpPr txBox="1">
            <a:spLocks/>
          </p:cNvSpPr>
          <p:nvPr userDrawn="1"/>
        </p:nvSpPr>
        <p:spPr>
          <a:xfrm>
            <a:off x="600075" y="6057886"/>
            <a:ext cx="2668191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1800" b="0" dirty="0">
              <a:solidFill>
                <a:prstClr val="white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8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307678" y="2492896"/>
            <a:ext cx="4318398" cy="1789939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6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6pt</a:t>
            </a:r>
            <a:endParaRPr lang="en-US" dirty="0"/>
          </a:p>
        </p:txBody>
      </p:sp>
      <p:sp>
        <p:nvSpPr>
          <p:cNvPr id="9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4307679" y="4437112"/>
            <a:ext cx="4318399" cy="648072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</a:t>
            </a:r>
            <a:br>
              <a:rPr lang="en-GB" dirty="0"/>
            </a:br>
            <a:r>
              <a:rPr lang="en-GB" dirty="0"/>
              <a:t>Arial Bold 22pt</a:t>
            </a:r>
            <a:endParaRPr lang="en-US" dirty="0"/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4307679" y="5239461"/>
            <a:ext cx="4318398" cy="493795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7643509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Red">
    <p:bg>
      <p:bgPr>
        <a:solidFill>
          <a:srgbClr val="820E2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252534" y="-27384"/>
            <a:ext cx="12223573" cy="6875887"/>
          </a:xfrm>
          <a:prstGeom prst="rect">
            <a:avLst/>
          </a:prstGeom>
        </p:spPr>
      </p:pic>
      <p:sp>
        <p:nvSpPr>
          <p:cNvPr id="3" name="Text Placeholder 17"/>
          <p:cNvSpPr txBox="1">
            <a:spLocks/>
          </p:cNvSpPr>
          <p:nvPr userDrawn="1"/>
        </p:nvSpPr>
        <p:spPr>
          <a:xfrm>
            <a:off x="600075" y="6057886"/>
            <a:ext cx="2668191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1800" b="0" dirty="0">
              <a:solidFill>
                <a:prstClr val="white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307678" y="2492896"/>
            <a:ext cx="4318398" cy="1789939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6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6pt</a:t>
            </a:r>
            <a:endParaRPr lang="en-US" dirty="0"/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4307679" y="4437112"/>
            <a:ext cx="4318399" cy="648072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</a:t>
            </a:r>
            <a:br>
              <a:rPr lang="en-GB" dirty="0"/>
            </a:br>
            <a:r>
              <a:rPr lang="en-GB" dirty="0"/>
              <a:t>Arial Bold 22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4307679" y="5239461"/>
            <a:ext cx="4318398" cy="493795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26954066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Yellow">
    <p:bg>
      <p:bgPr>
        <a:solidFill>
          <a:srgbClr val="DD7A0F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252534" y="-27384"/>
            <a:ext cx="12223573" cy="6875887"/>
          </a:xfrm>
          <a:prstGeom prst="rect">
            <a:avLst/>
          </a:prstGeom>
        </p:spPr>
      </p:pic>
      <p:sp>
        <p:nvSpPr>
          <p:cNvPr id="3" name="Text Placeholder 17"/>
          <p:cNvSpPr txBox="1">
            <a:spLocks/>
          </p:cNvSpPr>
          <p:nvPr userDrawn="1"/>
        </p:nvSpPr>
        <p:spPr>
          <a:xfrm>
            <a:off x="600075" y="6057886"/>
            <a:ext cx="2668191" cy="504056"/>
          </a:xfrm>
          <a:prstGeom prst="rect">
            <a:avLst/>
          </a:prstGeom>
        </p:spPr>
        <p:txBody>
          <a:bodyPr anchor="ctr"/>
          <a:lstStyle>
            <a:lvl1pPr marL="0" indent="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panose="020B0604020202020204" pitchFamily="34" charset="0"/>
              <a:buNone/>
              <a:defRPr sz="2200" b="1" kern="1200" baseline="0">
                <a:solidFill>
                  <a:srgbClr val="091932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8001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Arial" charset="0"/>
              <a:buChar char="•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12573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Courier New" charset="0"/>
              <a:buChar char="o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7145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Wingdings" charset="2"/>
              <a:buChar char="§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2171700" indent="-342900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Font typeface=".HelveticaNeueDeskInterface-Regular" charset="0"/>
              <a:buChar char="-"/>
              <a:defRPr sz="2000" kern="1200">
                <a:solidFill>
                  <a:srgbClr val="666666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1800" b="0" dirty="0" err="1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rPr>
              <a:t>www.cranfield.ac.uk</a:t>
            </a:r>
            <a:endParaRPr lang="en-GB" sz="1800" b="0" dirty="0">
              <a:solidFill>
                <a:srgbClr val="0C406D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9" name="Text Placeholder 8"/>
          <p:cNvSpPr>
            <a:spLocks noGrp="1"/>
          </p:cNvSpPr>
          <p:nvPr>
            <p:ph type="body" sz="quarter" idx="10" hasCustomPrompt="1"/>
          </p:nvPr>
        </p:nvSpPr>
        <p:spPr>
          <a:xfrm>
            <a:off x="4307678" y="2492896"/>
            <a:ext cx="4318398" cy="1789939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36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ation or Chapter Title, Arial Bold 36pt</a:t>
            </a:r>
            <a:endParaRPr lang="en-US" dirty="0"/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1" hasCustomPrompt="1"/>
          </p:nvPr>
        </p:nvSpPr>
        <p:spPr>
          <a:xfrm>
            <a:off x="4307679" y="4437112"/>
            <a:ext cx="4318399" cy="648072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200" b="1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Presenter’s Name and Title,</a:t>
            </a:r>
            <a:br>
              <a:rPr lang="en-GB" dirty="0"/>
            </a:br>
            <a:r>
              <a:rPr lang="en-GB" dirty="0"/>
              <a:t>Arial Bold 22pt</a:t>
            </a:r>
            <a:endParaRPr lang="en-US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2" hasCustomPrompt="1"/>
          </p:nvPr>
        </p:nvSpPr>
        <p:spPr>
          <a:xfrm>
            <a:off x="4307679" y="5239461"/>
            <a:ext cx="4318398" cy="493795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</a:lstStyle>
          <a:p>
            <a:pPr lvl="0"/>
            <a:r>
              <a:rPr lang="en-GB" dirty="0"/>
              <a:t>Date, Arial 20p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1982599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Body copy,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5436394" y="1412777"/>
            <a:ext cx="3401616" cy="496854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6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4pt</a:t>
            </a:r>
            <a:endParaRPr lang="en-GB" dirty="0"/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1412775"/>
            <a:ext cx="5022558" cy="4968551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97693989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Two column body cop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ext Placeholder 8"/>
          <p:cNvSpPr>
            <a:spLocks noGrp="1"/>
          </p:cNvSpPr>
          <p:nvPr>
            <p:ph type="body" sz="quarter" idx="15" hasCustomPrompt="1"/>
          </p:nvPr>
        </p:nvSpPr>
        <p:spPr>
          <a:xfrm>
            <a:off x="305525" y="1412776"/>
            <a:ext cx="8532949" cy="4968550"/>
          </a:xfrm>
          <a:prstGeom prst="rect">
            <a:avLst/>
          </a:prstGeom>
        </p:spPr>
        <p:txBody>
          <a:bodyPr numCol="2" spcCol="144000"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tx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GB" dirty="0"/>
              <a:t>Body copy, Arial 20pt minimum</a:t>
            </a:r>
          </a:p>
          <a:p>
            <a:pPr lvl="0"/>
            <a:r>
              <a:rPr lang="en-GB" dirty="0"/>
              <a:t>Column 1</a:t>
            </a:r>
          </a:p>
          <a:p>
            <a:pPr lvl="0"/>
            <a:r>
              <a:rPr lang="en-US" dirty="0"/>
              <a:t>Bullet points should always be circular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  <a:p>
            <a:pPr lvl="4"/>
            <a:endParaRPr lang="en-US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endParaRPr lang="en-GB" dirty="0"/>
          </a:p>
          <a:p>
            <a:pPr lvl="0"/>
            <a:r>
              <a:rPr lang="en-GB" dirty="0"/>
              <a:t>Body copy, Arial 20pt minimum</a:t>
            </a:r>
          </a:p>
          <a:p>
            <a:pPr lvl="0"/>
            <a:r>
              <a:rPr lang="en-GB" dirty="0"/>
              <a:t>Column 2</a:t>
            </a:r>
          </a:p>
          <a:p>
            <a:pPr lvl="0"/>
            <a:r>
              <a:rPr lang="en-US" dirty="0"/>
              <a:t>Bullet points should always be circular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  <a:p>
            <a:pPr lvl="4"/>
            <a:endParaRPr lang="en-GB" dirty="0"/>
          </a:p>
        </p:txBody>
      </p:sp>
      <p:sp>
        <p:nvSpPr>
          <p:cNvPr id="4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4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871331841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, Large image are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Content Placeholder 2"/>
          <p:cNvSpPr>
            <a:spLocks noGrp="1"/>
          </p:cNvSpPr>
          <p:nvPr>
            <p:ph sz="quarter" idx="19" hasCustomPrompt="1"/>
          </p:nvPr>
        </p:nvSpPr>
        <p:spPr>
          <a:xfrm>
            <a:off x="305526" y="1412777"/>
            <a:ext cx="8532484" cy="496854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4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4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29790445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lumn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Content Placeholder 2"/>
          <p:cNvSpPr>
            <a:spLocks noGrp="1"/>
          </p:cNvSpPr>
          <p:nvPr>
            <p:ph sz="quarter" idx="21" hasCustomPrompt="1"/>
          </p:nvPr>
        </p:nvSpPr>
        <p:spPr>
          <a:xfrm>
            <a:off x="4626474" y="1412777"/>
            <a:ext cx="4211536" cy="496854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2" name="Content Placeholder 2"/>
          <p:cNvSpPr>
            <a:spLocks noGrp="1"/>
          </p:cNvSpPr>
          <p:nvPr>
            <p:ph sz="quarter" idx="22" hasCustomPrompt="1"/>
          </p:nvPr>
        </p:nvSpPr>
        <p:spPr>
          <a:xfrm>
            <a:off x="305991" y="1412777"/>
            <a:ext cx="4211536" cy="496854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5" name="Title Placeholder 1"/>
          <p:cNvSpPr>
            <a:spLocks noGrp="1"/>
          </p:cNvSpPr>
          <p:nvPr>
            <p:ph type="title" hasCustomPrompt="1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4pt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68590204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ank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31690988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Blue impac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0"/>
            <a:ext cx="3923928" cy="6857999"/>
          </a:xfrm>
          <a:prstGeom prst="rect">
            <a:avLst/>
          </a:prstGeom>
          <a:solidFill>
            <a:srgbClr val="27376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Content Placeholder 2"/>
          <p:cNvSpPr>
            <a:spLocks noGrp="1"/>
          </p:cNvSpPr>
          <p:nvPr>
            <p:ph sz="quarter" idx="18" hasCustomPrompt="1"/>
          </p:nvPr>
        </p:nvSpPr>
        <p:spPr>
          <a:xfrm>
            <a:off x="3923928" y="0"/>
            <a:ext cx="5220072" cy="6857999"/>
          </a:xfrm>
          <a:prstGeom prst="rect">
            <a:avLst/>
          </a:prstGeom>
        </p:spPr>
        <p:txBody>
          <a:bodyPr/>
          <a:lstStyle>
            <a:lvl1pPr>
              <a:defRPr b="0" i="0">
                <a:latin typeface="Arial" charset="0"/>
                <a:ea typeface="Arial" charset="0"/>
                <a:cs typeface="Arial" charset="0"/>
              </a:defRPr>
            </a:lvl1pPr>
            <a:lvl2pPr>
              <a:defRPr b="0" i="0">
                <a:latin typeface="Arial" charset="0"/>
                <a:ea typeface="Arial" charset="0"/>
                <a:cs typeface="Arial" charset="0"/>
              </a:defRPr>
            </a:lvl2pPr>
            <a:lvl3pPr>
              <a:defRPr b="0" i="0">
                <a:latin typeface="Arial" charset="0"/>
                <a:ea typeface="Arial" charset="0"/>
                <a:cs typeface="Arial" charset="0"/>
              </a:defRPr>
            </a:lvl3pPr>
            <a:lvl4pPr>
              <a:defRPr b="0" i="0">
                <a:latin typeface="Arial" charset="0"/>
                <a:ea typeface="Arial" charset="0"/>
                <a:cs typeface="Arial" charset="0"/>
              </a:defRPr>
            </a:lvl4pPr>
            <a:lvl5pPr>
              <a:defRPr b="0" i="0"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Image/media area</a:t>
            </a:r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4" hasCustomPrompt="1"/>
          </p:nvPr>
        </p:nvSpPr>
        <p:spPr>
          <a:xfrm>
            <a:off x="305526" y="404665"/>
            <a:ext cx="3330370" cy="5976662"/>
          </a:xfrm>
          <a:prstGeom prst="rect">
            <a:avLst/>
          </a:prstGeom>
        </p:spPr>
        <p:txBody>
          <a:bodyPr anchor="t" anchorCtr="0">
            <a:normAutofit/>
          </a:bodyPr>
          <a:lstStyle>
            <a:lvl1pPr marL="257175" indent="-257175">
              <a:lnSpc>
                <a:spcPct val="100000"/>
              </a:lnSpc>
              <a:buFont typeface="Arial" panose="020B0604020202020204" pitchFamily="34" charset="0"/>
              <a:buChar char="•"/>
              <a:defRPr sz="2000" b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2pPr>
            <a:lvl3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3pPr>
            <a:lvl4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4pPr>
            <a:lvl5pPr>
              <a:lnSpc>
                <a:spcPct val="100000"/>
              </a:lnSpc>
              <a:defRPr sz="2000" b="0" i="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5pPr>
          </a:lstStyle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8" name="Footer Placeholder 4"/>
          <p:cNvSpPr txBox="1">
            <a:spLocks/>
          </p:cNvSpPr>
          <p:nvPr userDrawn="1"/>
        </p:nvSpPr>
        <p:spPr>
          <a:xfrm>
            <a:off x="305526" y="6414383"/>
            <a:ext cx="378042" cy="326985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755819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1.png"/><Relationship Id="rId2" Type="http://schemas.openxmlformats.org/officeDocument/2006/relationships/slideLayout" Target="../slideLayouts/slideLayout2.xml"/><Relationship Id="rId16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3.xml"/><Relationship Id="rId13" Type="http://schemas.openxmlformats.org/officeDocument/2006/relationships/theme" Target="../theme/theme2.xml"/><Relationship Id="rId3" Type="http://schemas.openxmlformats.org/officeDocument/2006/relationships/slideLayout" Target="../slideLayouts/slideLayout18.xml"/><Relationship Id="rId7" Type="http://schemas.openxmlformats.org/officeDocument/2006/relationships/slideLayout" Target="../slideLayouts/slideLayout22.xml"/><Relationship Id="rId12" Type="http://schemas.openxmlformats.org/officeDocument/2006/relationships/slideLayout" Target="../slideLayouts/slideLayout27.xml"/><Relationship Id="rId2" Type="http://schemas.openxmlformats.org/officeDocument/2006/relationships/slideLayout" Target="../slideLayouts/slideLayout17.xml"/><Relationship Id="rId1" Type="http://schemas.openxmlformats.org/officeDocument/2006/relationships/slideLayout" Target="../slideLayouts/slideLayout16.xml"/><Relationship Id="rId6" Type="http://schemas.openxmlformats.org/officeDocument/2006/relationships/slideLayout" Target="../slideLayouts/slideLayout21.xml"/><Relationship Id="rId11" Type="http://schemas.openxmlformats.org/officeDocument/2006/relationships/slideLayout" Target="../slideLayouts/slideLayout26.xml"/><Relationship Id="rId5" Type="http://schemas.openxmlformats.org/officeDocument/2006/relationships/slideLayout" Target="../slideLayouts/slideLayout20.xml"/><Relationship Id="rId10" Type="http://schemas.openxmlformats.org/officeDocument/2006/relationships/slideLayout" Target="../slideLayouts/slideLayout25.xml"/><Relationship Id="rId4" Type="http://schemas.openxmlformats.org/officeDocument/2006/relationships/slideLayout" Target="../slideLayouts/slideLayout19.xml"/><Relationship Id="rId9" Type="http://schemas.openxmlformats.org/officeDocument/2006/relationships/slideLayout" Target="../slideLayouts/slideLayout24.xml"/></Relationships>
</file>

<file path=ppt/slideMasters/_rels/slideMaster3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0.xml"/><Relationship Id="rId7" Type="http://schemas.openxmlformats.org/officeDocument/2006/relationships/theme" Target="../theme/theme3.xml"/><Relationship Id="rId2" Type="http://schemas.openxmlformats.org/officeDocument/2006/relationships/slideLayout" Target="../slideLayouts/slideLayout29.xml"/><Relationship Id="rId1" Type="http://schemas.openxmlformats.org/officeDocument/2006/relationships/slideLayout" Target="../slideLayouts/slideLayout28.xml"/><Relationship Id="rId6" Type="http://schemas.openxmlformats.org/officeDocument/2006/relationships/slideLayout" Target="../slideLayouts/slideLayout33.xml"/><Relationship Id="rId5" Type="http://schemas.openxmlformats.org/officeDocument/2006/relationships/slideLayout" Target="../slideLayouts/slideLayout32.xml"/><Relationship Id="rId4" Type="http://schemas.openxmlformats.org/officeDocument/2006/relationships/slideLayout" Target="../slideLayouts/slideLayout3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4pt</a:t>
            </a:r>
            <a:endParaRPr lang="en-GB" dirty="0"/>
          </a:p>
        </p:txBody>
      </p:sp>
      <p:pic>
        <p:nvPicPr>
          <p:cNvPr id="7" name="Picture 6"/>
          <p:cNvPicPr>
            <a:picLocks/>
          </p:cNvPicPr>
          <p:nvPr userDrawn="1"/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70000" y="324000"/>
            <a:ext cx="972000" cy="972000"/>
          </a:xfrm>
          <a:prstGeom prst="rect">
            <a:avLst/>
          </a:prstGeom>
        </p:spPr>
      </p:pic>
      <p:sp>
        <p:nvSpPr>
          <p:cNvPr id="8" name="Footer Placeholder 4"/>
          <p:cNvSpPr txBox="1">
            <a:spLocks/>
          </p:cNvSpPr>
          <p:nvPr userDrawn="1"/>
        </p:nvSpPr>
        <p:spPr>
          <a:xfrm>
            <a:off x="305526" y="6414383"/>
            <a:ext cx="378042" cy="326985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rgbClr val="0C406D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/>
              <a:pPr/>
              <a:t>‹#›</a:t>
            </a:fld>
            <a:endParaRPr lang="en-US" sz="900" dirty="0"/>
          </a:p>
        </p:txBody>
      </p:sp>
      <p:sp>
        <p:nvSpPr>
          <p:cNvPr id="9" name="Text Placeholder 2"/>
          <p:cNvSpPr>
            <a:spLocks noGrp="1"/>
          </p:cNvSpPr>
          <p:nvPr>
            <p:ph type="body" idx="1"/>
          </p:nvPr>
        </p:nvSpPr>
        <p:spPr>
          <a:xfrm>
            <a:off x="305100" y="1411201"/>
            <a:ext cx="8532000" cy="497438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52120112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6" r:id="rId1"/>
    <p:sldLayoutId id="2147483737" r:id="rId2"/>
    <p:sldLayoutId id="2147483738" r:id="rId3"/>
    <p:sldLayoutId id="2147483739" r:id="rId4"/>
    <p:sldLayoutId id="2147483740" r:id="rId5"/>
    <p:sldLayoutId id="2147483741" r:id="rId6"/>
    <p:sldLayoutId id="2147483742" r:id="rId7"/>
    <p:sldLayoutId id="2147483743" r:id="rId8"/>
    <p:sldLayoutId id="2147483746" r:id="rId9"/>
    <p:sldLayoutId id="2147483747" r:id="rId10"/>
    <p:sldLayoutId id="2147483748" r:id="rId11"/>
    <p:sldLayoutId id="2147483749" r:id="rId12"/>
    <p:sldLayoutId id="2147483750" r:id="rId13"/>
    <p:sldLayoutId id="2147483751" r:id="rId14"/>
    <p:sldLayoutId id="2147483744" r:id="rId15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4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05100" y="403200"/>
            <a:ext cx="8532000" cy="864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dirty="0"/>
              <a:t>Slide Title, Arial Bold 24pt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05100" y="1411201"/>
            <a:ext cx="8532000" cy="4769867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/>
              <a:t>Body copy, Arial 20pt minimum</a:t>
            </a:r>
          </a:p>
          <a:p>
            <a:pPr lvl="0"/>
            <a:r>
              <a:rPr lang="en-US" dirty="0"/>
              <a:t>Bullet points should always be round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  <a:endParaRPr lang="en-GB" dirty="0"/>
          </a:p>
        </p:txBody>
      </p:sp>
      <p:sp>
        <p:nvSpPr>
          <p:cNvPr id="13" name="Rectangle 12"/>
          <p:cNvSpPr/>
          <p:nvPr userDrawn="1"/>
        </p:nvSpPr>
        <p:spPr>
          <a:xfrm>
            <a:off x="0" y="6309320"/>
            <a:ext cx="9144000" cy="548680"/>
          </a:xfrm>
          <a:prstGeom prst="rect">
            <a:avLst/>
          </a:prstGeom>
          <a:solidFill>
            <a:srgbClr val="0C406D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/>
            <a:endParaRPr lang="en-US" sz="1350" kern="0">
              <a:solidFill>
                <a:prstClr val="white"/>
              </a:solidFill>
            </a:endParaRPr>
          </a:p>
        </p:txBody>
      </p:sp>
      <p:sp>
        <p:nvSpPr>
          <p:cNvPr id="14" name="TextBox 13"/>
          <p:cNvSpPr txBox="1"/>
          <p:nvPr userDrawn="1"/>
        </p:nvSpPr>
        <p:spPr>
          <a:xfrm>
            <a:off x="6678234" y="6414384"/>
            <a:ext cx="216024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en-US" sz="1400" dirty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© </a:t>
            </a:r>
            <a:r>
              <a:rPr lang="en-US" sz="1400" dirty="0" err="1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Cranfield</a:t>
            </a:r>
            <a:r>
              <a:rPr lang="en-US" sz="1400" dirty="0">
                <a:solidFill>
                  <a:prstClr val="white"/>
                </a:solidFill>
                <a:latin typeface="Arial" charset="0"/>
                <a:ea typeface="Arial" charset="0"/>
                <a:cs typeface="Arial" charset="0"/>
              </a:rPr>
              <a:t> University</a:t>
            </a:r>
          </a:p>
        </p:txBody>
      </p:sp>
      <p:sp>
        <p:nvSpPr>
          <p:cNvPr id="15" name="Footer Placeholder 16"/>
          <p:cNvSpPr txBox="1">
            <a:spLocks/>
          </p:cNvSpPr>
          <p:nvPr userDrawn="1"/>
        </p:nvSpPr>
        <p:spPr>
          <a:xfrm>
            <a:off x="305526" y="6414383"/>
            <a:ext cx="3086100" cy="307092"/>
          </a:xfrm>
          <a:prstGeom prst="rect">
            <a:avLst/>
          </a:prstGeom>
        </p:spPr>
        <p:txBody>
          <a:bodyPr vert="horz" lIns="68580" tIns="34290" rIns="68580" bIns="34290" rtlCol="0" anchor="ctr"/>
          <a:lstStyle>
            <a:defPPr>
              <a:defRPr lang="en-US"/>
            </a:defPPr>
            <a:lvl1pPr marL="0" algn="l" defTabSz="914400" rtl="0" eaLnBrk="1" latinLnBrk="0" hangingPunct="1">
              <a:defRPr sz="1200" b="0" i="0" kern="1200">
                <a:solidFill>
                  <a:schemeClr val="bg1"/>
                </a:solidFill>
                <a:latin typeface="Arial" charset="0"/>
                <a:ea typeface="Arial" charset="0"/>
                <a:cs typeface="Arial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71B87E66-6AAE-F643-B8FD-9355C1B5527C}" type="slidenum">
              <a:rPr lang="en-US" sz="1400" smtClean="0">
                <a:solidFill>
                  <a:schemeClr val="bg1"/>
                </a:solidFill>
              </a:rPr>
              <a:pPr/>
              <a:t>‹#›</a:t>
            </a:fld>
            <a:endParaRPr lang="en-US" sz="9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4067371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0" r:id="rId1"/>
    <p:sldLayoutId id="2147483708" r:id="rId2"/>
    <p:sldLayoutId id="2147483729" r:id="rId3"/>
    <p:sldLayoutId id="2147483709" r:id="rId4"/>
    <p:sldLayoutId id="2147483710" r:id="rId5"/>
    <p:sldLayoutId id="2147483712" r:id="rId6"/>
    <p:sldLayoutId id="2147483717" r:id="rId7"/>
    <p:sldLayoutId id="2147483718" r:id="rId8"/>
    <p:sldLayoutId id="2147483714" r:id="rId9"/>
    <p:sldLayoutId id="2147483727" r:id="rId10"/>
    <p:sldLayoutId id="2147483711" r:id="rId11"/>
    <p:sldLayoutId id="2147483733" r:id="rId12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2400" b="1" kern="1200" baseline="0">
          <a:solidFill>
            <a:srgbClr val="0C406D"/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48127060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53" r:id="rId1"/>
    <p:sldLayoutId id="2147483754" r:id="rId2"/>
    <p:sldLayoutId id="2147483755" r:id="rId3"/>
    <p:sldLayoutId id="2147483756" r:id="rId4"/>
    <p:sldLayoutId id="2147483757" r:id="rId5"/>
    <p:sldLayoutId id="2147483758" r:id="rId6"/>
  </p:sldLayoutIdLst>
  <p:hf hdr="0" dt="0"/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33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/>
        <a:buChar char="•"/>
        <a:defRPr sz="2100" kern="1200">
          <a:solidFill>
            <a:schemeClr val="tx1"/>
          </a:solidFill>
          <a:latin typeface="+mn-lt"/>
          <a:ea typeface="+mn-ea"/>
          <a:cs typeface="+mn-cs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microsoft.com/office/2007/relationships/hdphoto" Target="../media/hdphoto9.wdp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8.xml"/><Relationship Id="rId4" Type="http://schemas.openxmlformats.org/officeDocument/2006/relationships/image" Target="../media/image23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chart" Target="../charts/chart4.xml"/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8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6.emf"/><Relationship Id="rId1" Type="http://schemas.openxmlformats.org/officeDocument/2006/relationships/slideLayout" Target="../slideLayouts/slideLayout8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emf"/><Relationship Id="rId2" Type="http://schemas.openxmlformats.org/officeDocument/2006/relationships/image" Target="../media/image37.jpeg"/><Relationship Id="rId1" Type="http://schemas.openxmlformats.org/officeDocument/2006/relationships/slideLayout" Target="../slideLayouts/slideLayout8.xml"/><Relationship Id="rId4" Type="http://schemas.openxmlformats.org/officeDocument/2006/relationships/image" Target="../media/image30.jpe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8.xml"/><Relationship Id="rId4" Type="http://schemas.microsoft.com/office/2007/relationships/hdphoto" Target="../media/hdphoto10.wdp"/></Relationships>
</file>

<file path=ppt/slides/_rels/slide15.xml.rels><?xml version="1.0" encoding="UTF-8" standalone="yes"?>
<Relationships xmlns="http://schemas.openxmlformats.org/package/2006/relationships"><Relationship Id="rId3" Type="http://schemas.microsoft.com/office/2007/relationships/hdphoto" Target="../media/hdphoto11.wdp"/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8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8.xml"/><Relationship Id="rId6" Type="http://schemas.openxmlformats.org/officeDocument/2006/relationships/hyperlink" Target="mailto:M.Pimenta-Ocampo@cranfield.ac.uk" TargetMode="External"/><Relationship Id="rId5" Type="http://schemas.openxmlformats.org/officeDocument/2006/relationships/image" Target="../media/image45.png"/><Relationship Id="rId4" Type="http://schemas.openxmlformats.org/officeDocument/2006/relationships/image" Target="../media/image44.emf"/></Relationships>
</file>

<file path=ppt/slides/_rels/slide2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3.png"/><Relationship Id="rId5" Type="http://schemas.microsoft.com/office/2007/relationships/hdphoto" Target="../media/hdphoto2.wdp"/><Relationship Id="rId4" Type="http://schemas.openxmlformats.org/officeDocument/2006/relationships/image" Target="../media/image12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8.xml"/><Relationship Id="rId6" Type="http://schemas.microsoft.com/office/2007/relationships/hdphoto" Target="../media/hdphoto4.wdp"/><Relationship Id="rId5" Type="http://schemas.openxmlformats.org/officeDocument/2006/relationships/image" Target="../media/image16.png"/><Relationship Id="rId4" Type="http://schemas.microsoft.com/office/2007/relationships/hdphoto" Target="../media/hdphoto3.wdp"/></Relationships>
</file>

<file path=ppt/slides/_rels/slide4.xml.rels><?xml version="1.0" encoding="UTF-8" standalone="yes"?>
<Relationships xmlns="http://schemas.openxmlformats.org/package/2006/relationships"><Relationship Id="rId3" Type="http://schemas.microsoft.com/office/2007/relationships/hdphoto" Target="../media/hdphoto5.wdp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0.png"/><Relationship Id="rId5" Type="http://schemas.openxmlformats.org/officeDocument/2006/relationships/image" Target="../media/image19.jpeg"/><Relationship Id="rId4" Type="http://schemas.openxmlformats.org/officeDocument/2006/relationships/image" Target="../media/image18.jpeg"/></Relationships>
</file>

<file path=ppt/slides/_rels/slide5.xml.rels><?xml version="1.0" encoding="UTF-8" standalone="yes"?>
<Relationships xmlns="http://schemas.openxmlformats.org/package/2006/relationships"><Relationship Id="rId3" Type="http://schemas.microsoft.com/office/2007/relationships/hdphoto" Target="../media/hdphoto6.wdp"/><Relationship Id="rId7" Type="http://schemas.microsoft.com/office/2007/relationships/hdphoto" Target="../media/hdphoto7.wdp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24.png"/><Relationship Id="rId5" Type="http://schemas.openxmlformats.org/officeDocument/2006/relationships/image" Target="../media/image23.jpeg"/><Relationship Id="rId4" Type="http://schemas.openxmlformats.org/officeDocument/2006/relationships/image" Target="../media/image22.png"/></Relationships>
</file>

<file path=ppt/slides/_rels/slide6.xml.rels><?xml version="1.0" encoding="UTF-8" standalone="yes"?>
<Relationships xmlns="http://schemas.openxmlformats.org/package/2006/relationships"><Relationship Id="rId8" Type="http://schemas.microsoft.com/office/2007/relationships/diagramDrawing" Target="../diagrams/drawing1.xml"/><Relationship Id="rId13" Type="http://schemas.openxmlformats.org/officeDocument/2006/relationships/diagramQuickStyle" Target="../diagrams/quickStyle2.xml"/><Relationship Id="rId3" Type="http://schemas.openxmlformats.org/officeDocument/2006/relationships/image" Target="../media/image26.jpeg"/><Relationship Id="rId7" Type="http://schemas.openxmlformats.org/officeDocument/2006/relationships/diagramColors" Target="../diagrams/colors1.xml"/><Relationship Id="rId12" Type="http://schemas.openxmlformats.org/officeDocument/2006/relationships/diagramLayout" Target="../diagrams/layout2.xml"/><Relationship Id="rId2" Type="http://schemas.openxmlformats.org/officeDocument/2006/relationships/image" Target="../media/image25.jpeg"/><Relationship Id="rId16" Type="http://schemas.openxmlformats.org/officeDocument/2006/relationships/image" Target="../media/image30.jpeg"/><Relationship Id="rId1" Type="http://schemas.openxmlformats.org/officeDocument/2006/relationships/slideLayout" Target="../slideLayouts/slideLayout2.xml"/><Relationship Id="rId6" Type="http://schemas.openxmlformats.org/officeDocument/2006/relationships/diagramQuickStyle" Target="../diagrams/quickStyle1.xml"/><Relationship Id="rId11" Type="http://schemas.openxmlformats.org/officeDocument/2006/relationships/diagramData" Target="../diagrams/data2.xml"/><Relationship Id="rId5" Type="http://schemas.openxmlformats.org/officeDocument/2006/relationships/diagramLayout" Target="../diagrams/layout1.xml"/><Relationship Id="rId15" Type="http://schemas.microsoft.com/office/2007/relationships/diagramDrawing" Target="../diagrams/drawing2.xml"/><Relationship Id="rId10" Type="http://schemas.openxmlformats.org/officeDocument/2006/relationships/image" Target="../media/image28.png"/><Relationship Id="rId4" Type="http://schemas.openxmlformats.org/officeDocument/2006/relationships/diagramData" Target="../diagrams/data1.xml"/><Relationship Id="rId9" Type="http://schemas.openxmlformats.org/officeDocument/2006/relationships/image" Target="../media/image27.jpeg"/><Relationship Id="rId14" Type="http://schemas.openxmlformats.org/officeDocument/2006/relationships/diagramColors" Target="../diagrams/colors2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diagramColors" Target="../diagrams/colors3.xml"/><Relationship Id="rId3" Type="http://schemas.openxmlformats.org/officeDocument/2006/relationships/image" Target="../media/image32.png"/><Relationship Id="rId7" Type="http://schemas.openxmlformats.org/officeDocument/2006/relationships/diagramQuickStyle" Target="../diagrams/quickStyle3.xml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Relationship Id="rId6" Type="http://schemas.openxmlformats.org/officeDocument/2006/relationships/diagramLayout" Target="../diagrams/layout3.xml"/><Relationship Id="rId11" Type="http://schemas.openxmlformats.org/officeDocument/2006/relationships/image" Target="../media/image33.png"/><Relationship Id="rId5" Type="http://schemas.openxmlformats.org/officeDocument/2006/relationships/diagramData" Target="../diagrams/data3.xml"/><Relationship Id="rId10" Type="http://schemas.openxmlformats.org/officeDocument/2006/relationships/chart" Target="../charts/chart1.xml"/><Relationship Id="rId4" Type="http://schemas.microsoft.com/office/2007/relationships/hdphoto" Target="../media/hdphoto8.wdp"/><Relationship Id="rId9" Type="http://schemas.microsoft.com/office/2007/relationships/diagramDrawing" Target="../diagrams/drawing3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8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34.png"/><Relationship Id="rId3" Type="http://schemas.openxmlformats.org/officeDocument/2006/relationships/diagramData" Target="../diagrams/data4.xml"/><Relationship Id="rId7" Type="http://schemas.microsoft.com/office/2007/relationships/diagramDrawing" Target="../diagrams/drawing4.xml"/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Relationship Id="rId6" Type="http://schemas.openxmlformats.org/officeDocument/2006/relationships/diagramColors" Target="../diagrams/colors4.xml"/><Relationship Id="rId5" Type="http://schemas.openxmlformats.org/officeDocument/2006/relationships/diagramQuickStyle" Target="../diagrams/quickStyle4.xml"/><Relationship Id="rId4" Type="http://schemas.openxmlformats.org/officeDocument/2006/relationships/diagramLayout" Target="../diagrams/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0"/>
          </p:nvPr>
        </p:nvSpPr>
        <p:spPr/>
        <p:txBody>
          <a:bodyPr>
            <a:normAutofit fontScale="85000" lnSpcReduction="20000"/>
          </a:bodyPr>
          <a:lstStyle/>
          <a:p>
            <a:r>
              <a:rPr lang="en-GB" dirty="0"/>
              <a:t>PhD Project:</a:t>
            </a:r>
          </a:p>
          <a:p>
            <a:endParaRPr lang="en-GB" dirty="0"/>
          </a:p>
          <a:p>
            <a:r>
              <a:rPr lang="en-GB" dirty="0"/>
              <a:t>Evaluating phosphorus availability from sewage sludge derived pyrochar and hydrochar in European agriculture</a:t>
            </a:r>
          </a:p>
          <a:p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r>
              <a:rPr lang="en-GB" dirty="0">
                <a:solidFill>
                  <a:srgbClr val="0070C0"/>
                </a:solidFill>
              </a:rPr>
              <a:t>Maria Pimenta da Costa Ocampo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quarter" idx="12"/>
          </p:nvPr>
        </p:nvSpPr>
        <p:spPr/>
        <p:txBody>
          <a:bodyPr/>
          <a:lstStyle/>
          <a:p>
            <a:r>
              <a:rPr lang="en-GB" dirty="0"/>
              <a:t>5th – May - 2020</a:t>
            </a:r>
          </a:p>
        </p:txBody>
      </p:sp>
      <p:pic>
        <p:nvPicPr>
          <p:cNvPr id="7" name="Picture 6" descr="A picture containing drawing&#10;&#10;Description automatically generated">
            <a:extLst>
              <a:ext uri="{FF2B5EF4-FFF2-40B4-BE49-F238E27FC236}">
                <a16:creationId xmlns:a16="http://schemas.microsoft.com/office/drawing/2014/main" id="{0A219634-7D40-4EC4-82C2-67B13455F06D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04185" y="5481228"/>
            <a:ext cx="2539682" cy="88888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92451141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5" name="Group 14"/>
          <p:cNvGrpSpPr/>
          <p:nvPr/>
        </p:nvGrpSpPr>
        <p:grpSpPr>
          <a:xfrm>
            <a:off x="179512" y="1437977"/>
            <a:ext cx="9091652" cy="5142876"/>
            <a:chOff x="-122671" y="3553857"/>
            <a:chExt cx="9091652" cy="5142876"/>
          </a:xfrm>
        </p:grpSpPr>
        <p:pic>
          <p:nvPicPr>
            <p:cNvPr id="16" name="Imagen 36"/>
            <p:cNvPicPr>
              <a:picLocks noChangeAspect="1"/>
            </p:cNvPicPr>
            <p:nvPr/>
          </p:nvPicPr>
          <p:blipFill rotWithShape="1">
            <a:blip r:embed="rId2" cstate="print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saturation sat="143000"/>
                      </a14:imgEffect>
                      <a14:imgEffect>
                        <a14:brightnessContrast bright="5000" contrast="5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801" t="5827" r="109" b="4436"/>
            <a:stretch/>
          </p:blipFill>
          <p:spPr>
            <a:xfrm>
              <a:off x="2701" y="3553857"/>
              <a:ext cx="8588549" cy="4375060"/>
            </a:xfrm>
            <a:prstGeom prst="rect">
              <a:avLst/>
            </a:prstGeom>
          </p:spPr>
        </p:pic>
        <p:grpSp>
          <p:nvGrpSpPr>
            <p:cNvPr id="17" name="Group 16"/>
            <p:cNvGrpSpPr/>
            <p:nvPr/>
          </p:nvGrpSpPr>
          <p:grpSpPr>
            <a:xfrm>
              <a:off x="-122671" y="5276286"/>
              <a:ext cx="9091652" cy="3420447"/>
              <a:chOff x="-122671" y="5276286"/>
              <a:chExt cx="9091652" cy="3420447"/>
            </a:xfrm>
          </p:grpSpPr>
          <p:sp>
            <p:nvSpPr>
              <p:cNvPr id="24" name="Rectangle 23"/>
              <p:cNvSpPr/>
              <p:nvPr/>
            </p:nvSpPr>
            <p:spPr>
              <a:xfrm>
                <a:off x="-122671" y="8068884"/>
                <a:ext cx="9091652" cy="627849"/>
              </a:xfrm>
              <a:prstGeom prst="rect">
                <a:avLst/>
              </a:prstGeom>
              <a:noFill/>
              <a:ln>
                <a:noFill/>
              </a:ln>
            </p:spPr>
            <p:style>
              <a:lnRef idx="3">
                <a:schemeClr val="lt1"/>
              </a:lnRef>
              <a:fillRef idx="1">
                <a:schemeClr val="accent3"/>
              </a:fillRef>
              <a:effectRef idx="1">
                <a:schemeClr val="accent3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r>
                  <a:rPr lang="en-GB" sz="1600" dirty="0">
                    <a:solidFill>
                      <a:schemeClr val="tx1"/>
                    </a:solidFill>
                  </a:rPr>
                  <a:t>Single treatments contain a thermal derivative from SS1  (3 rates to compare : 5-10-20 t/ha  “r1-r2-r3”)</a:t>
                </a:r>
                <a:br>
                  <a:rPr lang="en-GB" sz="1600" dirty="0">
                    <a:solidFill>
                      <a:schemeClr val="tx1"/>
                    </a:solidFill>
                  </a:rPr>
                </a:br>
                <a:r>
                  <a:rPr lang="en-GB" sz="1600" dirty="0">
                    <a:solidFill>
                      <a:schemeClr val="tx1"/>
                    </a:solidFill>
                  </a:rPr>
                  <a:t>Combined treatments contain a thermal derivative + SS2 (3 rates to compare : 10-20-40 t/ha, mix 50-50%)</a:t>
                </a:r>
                <a:br>
                  <a:rPr lang="en-GB" sz="1600" dirty="0">
                    <a:solidFill>
                      <a:schemeClr val="tx1"/>
                    </a:solidFill>
                  </a:rPr>
                </a:br>
                <a:endParaRPr lang="en-GB" sz="1600" dirty="0">
                  <a:solidFill>
                    <a:schemeClr val="tx1"/>
                  </a:solidFill>
                </a:endParaRPr>
              </a:p>
            </p:txBody>
          </p:sp>
          <p:grpSp>
            <p:nvGrpSpPr>
              <p:cNvPr id="19" name="Group 18"/>
              <p:cNvGrpSpPr/>
              <p:nvPr/>
            </p:nvGrpSpPr>
            <p:grpSpPr>
              <a:xfrm>
                <a:off x="6406392" y="5276286"/>
                <a:ext cx="285935" cy="1996785"/>
                <a:chOff x="5843428" y="6262354"/>
                <a:chExt cx="285935" cy="1996785"/>
              </a:xfrm>
            </p:grpSpPr>
            <p:sp>
              <p:nvSpPr>
                <p:cNvPr id="21" name="Rectangle 20"/>
                <p:cNvSpPr/>
                <p:nvPr/>
              </p:nvSpPr>
              <p:spPr>
                <a:xfrm>
                  <a:off x="5843428" y="8190377"/>
                  <a:ext cx="285935" cy="68762"/>
                </a:xfrm>
                <a:prstGeom prst="rect">
                  <a:avLst/>
                </a:prstGeom>
                <a:solidFill>
                  <a:srgbClr val="FFFF00"/>
                </a:solidFill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GB"/>
                </a:p>
              </p:txBody>
            </p:sp>
            <p:sp>
              <p:nvSpPr>
                <p:cNvPr id="22" name="Rectangle 21"/>
                <p:cNvSpPr/>
                <p:nvPr/>
              </p:nvSpPr>
              <p:spPr>
                <a:xfrm>
                  <a:off x="5843428" y="6262354"/>
                  <a:ext cx="285935" cy="68762"/>
                </a:xfrm>
                <a:prstGeom prst="rect">
                  <a:avLst/>
                </a:prstGeom>
                <a:solidFill>
                  <a:srgbClr val="007DDA"/>
                </a:solidFill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GB"/>
                </a:p>
              </p:txBody>
            </p:sp>
          </p:grpSp>
          <p:sp>
            <p:nvSpPr>
              <p:cNvPr id="20" name="Rectangle 19"/>
              <p:cNvSpPr/>
              <p:nvPr/>
            </p:nvSpPr>
            <p:spPr>
              <a:xfrm rot="16200000">
                <a:off x="5619730" y="6131712"/>
                <a:ext cx="1859260" cy="285934"/>
              </a:xfrm>
              <a:prstGeom prst="rect">
                <a:avLst/>
              </a:prstGeom>
              <a:blipFill>
                <a:blip r:embed="rId4"/>
                <a:tile tx="0" ty="0" sx="100000" sy="100000" flip="none" algn="tl"/>
              </a:blip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GB" dirty="0"/>
                  <a:t>PROFILE</a:t>
                </a:r>
              </a:p>
            </p:txBody>
          </p:sp>
        </p:grpSp>
      </p:grpSp>
      <p:sp>
        <p:nvSpPr>
          <p:cNvPr id="14" name="Title 3">
            <a:extLst>
              <a:ext uri="{FF2B5EF4-FFF2-40B4-BE49-F238E27FC236}">
                <a16:creationId xmlns:a16="http://schemas.microsoft.com/office/drawing/2014/main" id="{BABCC57B-B4EE-467C-8828-CBF279624DCB}"/>
              </a:ext>
            </a:extLst>
          </p:cNvPr>
          <p:cNvSpPr txBox="1">
            <a:spLocks/>
          </p:cNvSpPr>
          <p:nvPr/>
        </p:nvSpPr>
        <p:spPr>
          <a:xfrm>
            <a:off x="1321436" y="407716"/>
            <a:ext cx="7500027" cy="864000"/>
          </a:xfrm>
          <a:prstGeom prst="rect">
            <a:avLst/>
          </a:prstGeom>
        </p:spPr>
        <p:txBody>
          <a:bodyPr/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2400" b="1" kern="1200" baseline="0">
                <a:solidFill>
                  <a:srgbClr val="0C406D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</a:lstStyle>
          <a:p>
            <a:r>
              <a:rPr lang="en-GB" dirty="0"/>
              <a:t>Soil response to amendments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id="{D9D5E35E-9CCA-4C68-B99C-79617C8A1A31}"/>
              </a:ext>
            </a:extLst>
          </p:cNvPr>
          <p:cNvSpPr/>
          <p:nvPr/>
        </p:nvSpPr>
        <p:spPr>
          <a:xfrm>
            <a:off x="1331640" y="764704"/>
            <a:ext cx="7500027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Aft>
                <a:spcPts val="800"/>
              </a:spcAft>
            </a:pPr>
            <a:r>
              <a:rPr lang="en-US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Do these materials change the properties of the soil amended with them?</a:t>
            </a:r>
          </a:p>
        </p:txBody>
      </p:sp>
      <p:sp>
        <p:nvSpPr>
          <p:cNvPr id="26" name="Rectangle 25">
            <a:extLst>
              <a:ext uri="{FF2B5EF4-FFF2-40B4-BE49-F238E27FC236}">
                <a16:creationId xmlns:a16="http://schemas.microsoft.com/office/drawing/2014/main" id="{E7991077-F968-4D21-8738-BC874B7072CA}"/>
              </a:ext>
            </a:extLst>
          </p:cNvPr>
          <p:cNvSpPr/>
          <p:nvPr/>
        </p:nvSpPr>
        <p:spPr>
          <a:xfrm>
            <a:off x="1331639" y="976473"/>
            <a:ext cx="2725361" cy="3189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just">
              <a:lnSpc>
                <a:spcPct val="115000"/>
              </a:lnSpc>
              <a:spcAft>
                <a:spcPts val="800"/>
              </a:spcAft>
            </a:pPr>
            <a:r>
              <a:rPr lang="en-US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Would this change over time?</a:t>
            </a:r>
            <a:endParaRPr lang="en-GB" sz="1400" b="1" dirty="0">
              <a:solidFill>
                <a:srgbClr val="0070C0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id="{A03B7317-0EC4-4923-BE34-42690AB877B4}"/>
              </a:ext>
            </a:extLst>
          </p:cNvPr>
          <p:cNvSpPr/>
          <p:nvPr/>
        </p:nvSpPr>
        <p:spPr>
          <a:xfrm>
            <a:off x="3060114" y="4005064"/>
            <a:ext cx="3078088" cy="1569660"/>
          </a:xfrm>
          <a:prstGeom prst="rect">
            <a:avLst/>
          </a:prstGeom>
          <a:solidFill>
            <a:schemeClr val="bg1"/>
          </a:solidFill>
        </p:spPr>
        <p:txBody>
          <a:bodyPr wrap="square">
            <a:spAutoFit/>
          </a:bodyPr>
          <a:lstStyle/>
          <a:p>
            <a:r>
              <a:rPr lang="en-GB" b="1" dirty="0"/>
              <a:t>Top layer (2cm) 0</a:t>
            </a:r>
            <a:r>
              <a:rPr lang="en-GB" b="1" dirty="0">
                <a:sym typeface="Wingdings" panose="05000000000000000000" pitchFamily="2" charset="2"/>
              </a:rPr>
              <a:t></a:t>
            </a:r>
            <a:r>
              <a:rPr lang="en-GB" b="1" dirty="0"/>
              <a:t> 1</a:t>
            </a:r>
            <a:r>
              <a:rPr lang="en-GB" b="1" dirty="0">
                <a:sym typeface="Wingdings" panose="05000000000000000000" pitchFamily="2" charset="2"/>
              </a:rPr>
              <a:t></a:t>
            </a:r>
            <a:r>
              <a:rPr lang="en-GB" b="1" dirty="0"/>
              <a:t> 2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200" b="1" dirty="0"/>
              <a:t>Initial Conditions </a:t>
            </a:r>
            <a:r>
              <a:rPr lang="en-GB" sz="1200" b="1" dirty="0">
                <a:solidFill>
                  <a:schemeClr val="accent1"/>
                </a:solidFill>
              </a:rPr>
              <a:t>June 2018</a:t>
            </a:r>
            <a:endParaRPr lang="en-GB" sz="1200" b="1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200" b="1" dirty="0"/>
              <a:t>After first harvest </a:t>
            </a:r>
            <a:r>
              <a:rPr lang="en-GB" sz="1200" b="1" dirty="0">
                <a:solidFill>
                  <a:schemeClr val="accent1"/>
                </a:solidFill>
              </a:rPr>
              <a:t>August 2018</a:t>
            </a:r>
            <a:endParaRPr lang="en-GB" sz="1200" b="1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200" b="1" dirty="0"/>
              <a:t>After second harvest </a:t>
            </a:r>
            <a:r>
              <a:rPr lang="en-GB" sz="1200" b="1" dirty="0">
                <a:solidFill>
                  <a:schemeClr val="accent1"/>
                </a:solidFill>
              </a:rPr>
              <a:t>June 2019</a:t>
            </a:r>
            <a:endParaRPr lang="en-GB" sz="1200" b="1" dirty="0"/>
          </a:p>
          <a:p>
            <a:r>
              <a:rPr lang="en-GB" b="1" dirty="0"/>
              <a:t>Bottom layer (2cm) 0</a:t>
            </a:r>
            <a:r>
              <a:rPr lang="en-GB" b="1" dirty="0">
                <a:sym typeface="Wingdings" panose="05000000000000000000" pitchFamily="2" charset="2"/>
              </a:rPr>
              <a:t></a:t>
            </a:r>
            <a:r>
              <a:rPr lang="en-GB" b="1" dirty="0"/>
              <a:t> 2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200" b="1" dirty="0"/>
              <a:t>Initial Conditions </a:t>
            </a:r>
            <a:r>
              <a:rPr lang="en-GB" sz="1200" b="1" dirty="0">
                <a:solidFill>
                  <a:schemeClr val="accent1"/>
                </a:solidFill>
              </a:rPr>
              <a:t>June 2018</a:t>
            </a:r>
            <a:endParaRPr lang="en-GB" sz="1200" b="1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200" b="1" dirty="0"/>
              <a:t>After second harvest </a:t>
            </a:r>
            <a:r>
              <a:rPr lang="en-GB" sz="1200" b="1" dirty="0">
                <a:solidFill>
                  <a:schemeClr val="accent1"/>
                </a:solidFill>
              </a:rPr>
              <a:t>June 2019</a:t>
            </a:r>
          </a:p>
        </p:txBody>
      </p:sp>
    </p:spTree>
    <p:extLst>
      <p:ext uri="{BB962C8B-B14F-4D97-AF65-F5344CB8AC3E}">
        <p14:creationId xmlns:p14="http://schemas.microsoft.com/office/powerpoint/2010/main" val="3192054779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0" name="Gráfico 1">
            <a:extLst>
              <a:ext uri="{FF2B5EF4-FFF2-40B4-BE49-F238E27FC236}">
                <a16:creationId xmlns:a16="http://schemas.microsoft.com/office/drawing/2014/main" id="{B1B741D2-F4F8-49C1-B5FC-E62B247851DA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1023528951"/>
              </p:ext>
            </p:extLst>
          </p:nvPr>
        </p:nvGraphicFramePr>
        <p:xfrm>
          <a:off x="34355" y="4264021"/>
          <a:ext cx="9001125" cy="212280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1" name="Gráfico 14">
            <a:extLst>
              <a:ext uri="{FF2B5EF4-FFF2-40B4-BE49-F238E27FC236}">
                <a16:creationId xmlns:a16="http://schemas.microsoft.com/office/drawing/2014/main" id="{3048F1AD-463C-482F-B69F-7E6219379123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1141658118"/>
              </p:ext>
            </p:extLst>
          </p:nvPr>
        </p:nvGraphicFramePr>
        <p:xfrm>
          <a:off x="114995" y="1703622"/>
          <a:ext cx="9039225" cy="244919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2" name="Cuadro de texto 2">
            <a:extLst>
              <a:ext uri="{FF2B5EF4-FFF2-40B4-BE49-F238E27FC236}">
                <a16:creationId xmlns:a16="http://schemas.microsoft.com/office/drawing/2014/main" id="{F40B8FED-B961-422B-A076-4EBE5EBF9E4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619555" y="3529236"/>
            <a:ext cx="307975" cy="285750"/>
          </a:xfrm>
          <a:prstGeom prst="rect">
            <a:avLst/>
          </a:prstGeom>
          <a:solidFill>
            <a:srgbClr val="FFFFFF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s-ES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a)</a:t>
            </a:r>
            <a:endParaRPr kumimoji="0" lang="es-E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13" name="Text Box 13">
            <a:extLst>
              <a:ext uri="{FF2B5EF4-FFF2-40B4-BE49-F238E27FC236}">
                <a16:creationId xmlns:a16="http://schemas.microsoft.com/office/drawing/2014/main" id="{09B3954A-0416-4F59-A6B5-E5309AB5C86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8619554" y="5784239"/>
            <a:ext cx="307975" cy="285750"/>
          </a:xfrm>
          <a:prstGeom prst="rect">
            <a:avLst/>
          </a:prstGeom>
          <a:solidFill>
            <a:srgbClr val="FFFFFF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s-ES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b)</a:t>
            </a:r>
            <a:endParaRPr kumimoji="0" lang="es-E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14" name="Rectangle 14">
            <a:extLst>
              <a:ext uri="{FF2B5EF4-FFF2-40B4-BE49-F238E27FC236}">
                <a16:creationId xmlns:a16="http://schemas.microsoft.com/office/drawing/2014/main" id="{08C80268-51FF-4319-B806-9F467EA81EF7}"/>
              </a:ext>
            </a:extLst>
          </p:cNvPr>
          <p:cNvSpPr>
            <a:spLocks noChangeArrowheads="1"/>
          </p:cNvSpPr>
          <p:nvPr/>
        </p:nvSpPr>
        <p:spPr bwMode="auto">
          <a:xfrm>
            <a:off x="-108520" y="1052736"/>
            <a:ext cx="9144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15" name="Rectangle 17">
            <a:extLst>
              <a:ext uri="{FF2B5EF4-FFF2-40B4-BE49-F238E27FC236}">
                <a16:creationId xmlns:a16="http://schemas.microsoft.com/office/drawing/2014/main" id="{AE962408-AE12-4DB9-A078-2F403E51D6FF}"/>
              </a:ext>
            </a:extLst>
          </p:cNvPr>
          <p:cNvSpPr>
            <a:spLocks noChangeArrowheads="1"/>
          </p:cNvSpPr>
          <p:nvPr/>
        </p:nvSpPr>
        <p:spPr bwMode="auto">
          <a:xfrm>
            <a:off x="-108520" y="1509936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16" name="Rectangle 18">
            <a:extLst>
              <a:ext uri="{FF2B5EF4-FFF2-40B4-BE49-F238E27FC236}">
                <a16:creationId xmlns:a16="http://schemas.microsoft.com/office/drawing/2014/main" id="{4D28EE76-7A95-4FE6-BC18-8403858FA154}"/>
              </a:ext>
            </a:extLst>
          </p:cNvPr>
          <p:cNvSpPr>
            <a:spLocks noChangeArrowheads="1"/>
          </p:cNvSpPr>
          <p:nvPr/>
        </p:nvSpPr>
        <p:spPr bwMode="auto">
          <a:xfrm>
            <a:off x="1205780" y="6174118"/>
            <a:ext cx="6983002" cy="4308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altLang="en-US" sz="11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GB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Figure-3. Changes in soil pH and EC after amendments with SS1 derivatives and SS2 mixed in the combined treatments.</a:t>
            </a:r>
            <a:endParaRPr kumimoji="0" lang="en-GB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17" name="Title 3">
            <a:extLst>
              <a:ext uri="{FF2B5EF4-FFF2-40B4-BE49-F238E27FC236}">
                <a16:creationId xmlns:a16="http://schemas.microsoft.com/office/drawing/2014/main" id="{22C6475B-3D97-4DDB-A674-12F404DDACD1}"/>
              </a:ext>
            </a:extLst>
          </p:cNvPr>
          <p:cNvSpPr txBox="1">
            <a:spLocks/>
          </p:cNvSpPr>
          <p:nvPr/>
        </p:nvSpPr>
        <p:spPr>
          <a:xfrm>
            <a:off x="1321436" y="407716"/>
            <a:ext cx="7500027" cy="864000"/>
          </a:xfrm>
          <a:prstGeom prst="rect">
            <a:avLst/>
          </a:prstGeom>
        </p:spPr>
        <p:txBody>
          <a:bodyPr/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2400" b="1" kern="1200" baseline="0">
                <a:solidFill>
                  <a:srgbClr val="0C406D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</a:lstStyle>
          <a:p>
            <a:r>
              <a:rPr lang="en-GB" dirty="0"/>
              <a:t>Soil response to amendments – pH &amp; EC </a:t>
            </a:r>
          </a:p>
        </p:txBody>
      </p:sp>
      <p:sp>
        <p:nvSpPr>
          <p:cNvPr id="18" name="Rectangle 17">
            <a:extLst>
              <a:ext uri="{FF2B5EF4-FFF2-40B4-BE49-F238E27FC236}">
                <a16:creationId xmlns:a16="http://schemas.microsoft.com/office/drawing/2014/main" id="{7B7AE0E1-9B7B-4563-A987-0B04467A652A}"/>
              </a:ext>
            </a:extLst>
          </p:cNvPr>
          <p:cNvSpPr/>
          <p:nvPr/>
        </p:nvSpPr>
        <p:spPr>
          <a:xfrm>
            <a:off x="1331640" y="764704"/>
            <a:ext cx="7500027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Aft>
                <a:spcPts val="800"/>
              </a:spcAft>
            </a:pPr>
            <a:r>
              <a:rPr lang="en-US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Do these materials change the properties of the soil amended with them?</a:t>
            </a:r>
          </a:p>
        </p:txBody>
      </p:sp>
      <p:sp>
        <p:nvSpPr>
          <p:cNvPr id="19" name="Rectangle 18">
            <a:extLst>
              <a:ext uri="{FF2B5EF4-FFF2-40B4-BE49-F238E27FC236}">
                <a16:creationId xmlns:a16="http://schemas.microsoft.com/office/drawing/2014/main" id="{CA936D1E-6C4F-43D8-9FF5-A267896014F7}"/>
              </a:ext>
            </a:extLst>
          </p:cNvPr>
          <p:cNvSpPr/>
          <p:nvPr/>
        </p:nvSpPr>
        <p:spPr>
          <a:xfrm>
            <a:off x="1331639" y="976473"/>
            <a:ext cx="2725361" cy="3189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just">
              <a:lnSpc>
                <a:spcPct val="115000"/>
              </a:lnSpc>
              <a:spcAft>
                <a:spcPts val="800"/>
              </a:spcAft>
            </a:pPr>
            <a:r>
              <a:rPr lang="en-US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Would this change over time?</a:t>
            </a:r>
            <a:endParaRPr lang="en-GB" sz="1400" b="1" dirty="0">
              <a:solidFill>
                <a:srgbClr val="0070C0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20" name="Rectangle 19">
            <a:extLst>
              <a:ext uri="{FF2B5EF4-FFF2-40B4-BE49-F238E27FC236}">
                <a16:creationId xmlns:a16="http://schemas.microsoft.com/office/drawing/2014/main" id="{F23FF2D3-94CB-44D2-9638-965A85850978}"/>
              </a:ext>
            </a:extLst>
          </p:cNvPr>
          <p:cNvSpPr/>
          <p:nvPr/>
        </p:nvSpPr>
        <p:spPr>
          <a:xfrm>
            <a:off x="467544" y="1451012"/>
            <a:ext cx="7992888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en-GB" sz="1400" dirty="0"/>
              <a:t>Yes, 2 seasons of crop production acidified the soil intensified by treatments combined with SS2. Single treatments of pyrochars, specially P400 maintain pH season to season and reduces SS2 acidification. </a:t>
            </a:r>
          </a:p>
        </p:txBody>
      </p:sp>
      <p:sp>
        <p:nvSpPr>
          <p:cNvPr id="21" name="Rectangle 20">
            <a:extLst>
              <a:ext uri="{FF2B5EF4-FFF2-40B4-BE49-F238E27FC236}">
                <a16:creationId xmlns:a16="http://schemas.microsoft.com/office/drawing/2014/main" id="{6B04A39B-9804-4FFF-B3C8-13009A0009A4}"/>
              </a:ext>
            </a:extLst>
          </p:cNvPr>
          <p:cNvSpPr/>
          <p:nvPr/>
        </p:nvSpPr>
        <p:spPr>
          <a:xfrm>
            <a:off x="467035" y="4008671"/>
            <a:ext cx="8460493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en-GB" sz="1400" dirty="0"/>
              <a:t>Yes, EC increases considerably from season to season, especially at highest rates of combined amendments and single SS2.</a:t>
            </a:r>
          </a:p>
        </p:txBody>
      </p:sp>
      <p:sp>
        <p:nvSpPr>
          <p:cNvPr id="22" name="Oval 21">
            <a:extLst>
              <a:ext uri="{FF2B5EF4-FFF2-40B4-BE49-F238E27FC236}">
                <a16:creationId xmlns:a16="http://schemas.microsoft.com/office/drawing/2014/main" id="{A75C2F60-D3F4-472E-BB6B-CEE711520F59}"/>
              </a:ext>
            </a:extLst>
          </p:cNvPr>
          <p:cNvSpPr/>
          <p:nvPr/>
        </p:nvSpPr>
        <p:spPr>
          <a:xfrm>
            <a:off x="8460432" y="4531891"/>
            <a:ext cx="683568" cy="622487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3" name="Oval 22">
            <a:extLst>
              <a:ext uri="{FF2B5EF4-FFF2-40B4-BE49-F238E27FC236}">
                <a16:creationId xmlns:a16="http://schemas.microsoft.com/office/drawing/2014/main" id="{5F30A878-D6BA-4694-89BB-5D006A81FDF5}"/>
              </a:ext>
            </a:extLst>
          </p:cNvPr>
          <p:cNvSpPr/>
          <p:nvPr/>
        </p:nvSpPr>
        <p:spPr>
          <a:xfrm>
            <a:off x="5796136" y="2226842"/>
            <a:ext cx="1152128" cy="925321"/>
          </a:xfrm>
          <a:prstGeom prst="ellipse">
            <a:avLst/>
          </a:prstGeom>
          <a:noFill/>
          <a:ln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4" name="Oval 23">
            <a:extLst>
              <a:ext uri="{FF2B5EF4-FFF2-40B4-BE49-F238E27FC236}">
                <a16:creationId xmlns:a16="http://schemas.microsoft.com/office/drawing/2014/main" id="{1D6CF37E-F278-4F3F-AAFE-25B8531E203B}"/>
              </a:ext>
            </a:extLst>
          </p:cNvPr>
          <p:cNvSpPr/>
          <p:nvPr/>
        </p:nvSpPr>
        <p:spPr>
          <a:xfrm>
            <a:off x="551885" y="2212452"/>
            <a:ext cx="738746" cy="925321"/>
          </a:xfrm>
          <a:prstGeom prst="ellipse">
            <a:avLst/>
          </a:prstGeom>
          <a:noFill/>
          <a:ln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23207878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Title 3">
            <a:extLst>
              <a:ext uri="{FF2B5EF4-FFF2-40B4-BE49-F238E27FC236}">
                <a16:creationId xmlns:a16="http://schemas.microsoft.com/office/drawing/2014/main" id="{705729B2-1B24-447B-BEE2-3FE18C69C4B9}"/>
              </a:ext>
            </a:extLst>
          </p:cNvPr>
          <p:cNvSpPr txBox="1">
            <a:spLocks/>
          </p:cNvSpPr>
          <p:nvPr/>
        </p:nvSpPr>
        <p:spPr>
          <a:xfrm>
            <a:off x="1331640" y="386173"/>
            <a:ext cx="7500027" cy="864000"/>
          </a:xfrm>
          <a:prstGeom prst="rect">
            <a:avLst/>
          </a:prstGeom>
        </p:spPr>
        <p:txBody>
          <a:bodyPr/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2400" b="1" kern="1200" baseline="0">
                <a:solidFill>
                  <a:srgbClr val="0C406D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</a:lstStyle>
          <a:p>
            <a:r>
              <a:rPr lang="en-GB" dirty="0"/>
              <a:t>Soil response to amendments – Available P</a:t>
            </a:r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id="{B60054FC-7EEB-4E78-B165-557020447E46}"/>
              </a:ext>
            </a:extLst>
          </p:cNvPr>
          <p:cNvSpPr/>
          <p:nvPr/>
        </p:nvSpPr>
        <p:spPr>
          <a:xfrm>
            <a:off x="1331640" y="764704"/>
            <a:ext cx="7500027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Aft>
                <a:spcPts val="800"/>
              </a:spcAft>
            </a:pPr>
            <a:r>
              <a:rPr lang="en-US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Do these materials change the properties of the soil amended with them?</a:t>
            </a:r>
          </a:p>
        </p:txBody>
      </p:sp>
      <p:sp>
        <p:nvSpPr>
          <p:cNvPr id="59" name="Rectangle 58">
            <a:extLst>
              <a:ext uri="{FF2B5EF4-FFF2-40B4-BE49-F238E27FC236}">
                <a16:creationId xmlns:a16="http://schemas.microsoft.com/office/drawing/2014/main" id="{5E8AAA92-F9E0-4807-A85F-FAD18CDD6CC9}"/>
              </a:ext>
            </a:extLst>
          </p:cNvPr>
          <p:cNvSpPr/>
          <p:nvPr/>
        </p:nvSpPr>
        <p:spPr>
          <a:xfrm>
            <a:off x="1132724" y="6471827"/>
            <a:ext cx="7500027" cy="26622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lnSpc>
                <a:spcPct val="115000"/>
              </a:lnSpc>
              <a:spcAft>
                <a:spcPts val="800"/>
              </a:spcAft>
            </a:pPr>
            <a:r>
              <a:rPr lang="en-GB" sz="1050" dirty="0"/>
              <a:t>Figure-4. A</a:t>
            </a:r>
            <a:r>
              <a:rPr lang="en-US" sz="1050" dirty="0" err="1"/>
              <a:t>vailable</a:t>
            </a:r>
            <a:r>
              <a:rPr lang="en-US" sz="1050" dirty="0"/>
              <a:t> P (Olsen-P) in soil changes after initial conditions (Y0), first harvest (Y1) and second harvest (Y2) of spring wheat.</a:t>
            </a:r>
            <a:endParaRPr lang="en-GB" sz="900" b="1" dirty="0">
              <a:solidFill>
                <a:srgbClr val="0070C0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60" name="Rectangle 59">
            <a:extLst>
              <a:ext uri="{FF2B5EF4-FFF2-40B4-BE49-F238E27FC236}">
                <a16:creationId xmlns:a16="http://schemas.microsoft.com/office/drawing/2014/main" id="{BBE08187-9A28-458C-9D5F-758117288B8C}"/>
              </a:ext>
            </a:extLst>
          </p:cNvPr>
          <p:cNvSpPr/>
          <p:nvPr/>
        </p:nvSpPr>
        <p:spPr>
          <a:xfrm>
            <a:off x="1331639" y="976473"/>
            <a:ext cx="2725361" cy="3189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just">
              <a:lnSpc>
                <a:spcPct val="115000"/>
              </a:lnSpc>
              <a:spcAft>
                <a:spcPts val="800"/>
              </a:spcAft>
            </a:pPr>
            <a:r>
              <a:rPr lang="en-US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Would this change over time?</a:t>
            </a:r>
            <a:endParaRPr lang="en-GB" sz="1400" b="1" dirty="0">
              <a:solidFill>
                <a:srgbClr val="0070C0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61" name="Rectangle 60">
            <a:extLst>
              <a:ext uri="{FF2B5EF4-FFF2-40B4-BE49-F238E27FC236}">
                <a16:creationId xmlns:a16="http://schemas.microsoft.com/office/drawing/2014/main" id="{3D864B6F-D5E0-4AB5-8F4B-066D839F658E}"/>
              </a:ext>
            </a:extLst>
          </p:cNvPr>
          <p:cNvSpPr/>
          <p:nvPr/>
        </p:nvSpPr>
        <p:spPr>
          <a:xfrm>
            <a:off x="467544" y="1451012"/>
            <a:ext cx="7992888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en-GB" sz="1400" dirty="0"/>
              <a:t>Yes, there is an overall tendency of available- P increment over time. However after the second season combined treatments reduce their available- P</a:t>
            </a:r>
          </a:p>
        </p:txBody>
      </p:sp>
      <p:pic>
        <p:nvPicPr>
          <p:cNvPr id="76" name="Picture 75">
            <a:extLst>
              <a:ext uri="{FF2B5EF4-FFF2-40B4-BE49-F238E27FC236}">
                <a16:creationId xmlns:a16="http://schemas.microsoft.com/office/drawing/2014/main" id="{0B7EB08B-102B-43F0-A7A0-D9D434D73146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29024" y="1885079"/>
            <a:ext cx="7831408" cy="4722195"/>
          </a:xfrm>
          <a:prstGeom prst="rect">
            <a:avLst/>
          </a:prstGeom>
        </p:spPr>
      </p:pic>
      <p:cxnSp>
        <p:nvCxnSpPr>
          <p:cNvPr id="78" name="Straight Arrow Connector 77">
            <a:extLst>
              <a:ext uri="{FF2B5EF4-FFF2-40B4-BE49-F238E27FC236}">
                <a16:creationId xmlns:a16="http://schemas.microsoft.com/office/drawing/2014/main" id="{E2A9A167-4905-4D9E-A309-DA8E7C76ECFA}"/>
              </a:ext>
            </a:extLst>
          </p:cNvPr>
          <p:cNvCxnSpPr>
            <a:cxnSpLocks/>
          </p:cNvCxnSpPr>
          <p:nvPr/>
        </p:nvCxnSpPr>
        <p:spPr>
          <a:xfrm>
            <a:off x="2542950" y="2359123"/>
            <a:ext cx="149489" cy="288032"/>
          </a:xfrm>
          <a:prstGeom prst="straightConnector1">
            <a:avLst/>
          </a:prstGeom>
          <a:ln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0" name="Straight Arrow Connector 79">
            <a:extLst>
              <a:ext uri="{FF2B5EF4-FFF2-40B4-BE49-F238E27FC236}">
                <a16:creationId xmlns:a16="http://schemas.microsoft.com/office/drawing/2014/main" id="{CC9799D2-7226-46E9-B23E-C479016E8D5C}"/>
              </a:ext>
            </a:extLst>
          </p:cNvPr>
          <p:cNvCxnSpPr>
            <a:cxnSpLocks/>
          </p:cNvCxnSpPr>
          <p:nvPr/>
        </p:nvCxnSpPr>
        <p:spPr>
          <a:xfrm>
            <a:off x="6501514" y="2444717"/>
            <a:ext cx="149489" cy="288032"/>
          </a:xfrm>
          <a:prstGeom prst="straightConnector1">
            <a:avLst/>
          </a:prstGeom>
          <a:ln>
            <a:solidFill>
              <a:srgbClr val="FF0000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1" name="Straight Arrow Connector 80">
            <a:extLst>
              <a:ext uri="{FF2B5EF4-FFF2-40B4-BE49-F238E27FC236}">
                <a16:creationId xmlns:a16="http://schemas.microsoft.com/office/drawing/2014/main" id="{F5E23644-FA41-4522-80A0-643F9CAAE213}"/>
              </a:ext>
            </a:extLst>
          </p:cNvPr>
          <p:cNvCxnSpPr>
            <a:cxnSpLocks/>
          </p:cNvCxnSpPr>
          <p:nvPr/>
        </p:nvCxnSpPr>
        <p:spPr>
          <a:xfrm flipH="1" flipV="1">
            <a:off x="2915816" y="5173660"/>
            <a:ext cx="144862" cy="29031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4" name="Straight Arrow Connector 83">
            <a:extLst>
              <a:ext uri="{FF2B5EF4-FFF2-40B4-BE49-F238E27FC236}">
                <a16:creationId xmlns:a16="http://schemas.microsoft.com/office/drawing/2014/main" id="{8BE55E37-9582-4246-9313-7EC6D0C5C1B6}"/>
              </a:ext>
            </a:extLst>
          </p:cNvPr>
          <p:cNvCxnSpPr>
            <a:cxnSpLocks/>
          </p:cNvCxnSpPr>
          <p:nvPr/>
        </p:nvCxnSpPr>
        <p:spPr>
          <a:xfrm flipH="1" flipV="1">
            <a:off x="6804248" y="5116096"/>
            <a:ext cx="144862" cy="290314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5" name="Rectangle 84">
            <a:extLst>
              <a:ext uri="{FF2B5EF4-FFF2-40B4-BE49-F238E27FC236}">
                <a16:creationId xmlns:a16="http://schemas.microsoft.com/office/drawing/2014/main" id="{62737BE9-1441-42F2-BDA3-C271457D149B}"/>
              </a:ext>
            </a:extLst>
          </p:cNvPr>
          <p:cNvSpPr/>
          <p:nvPr/>
        </p:nvSpPr>
        <p:spPr>
          <a:xfrm rot="16200000">
            <a:off x="-1501605" y="3932543"/>
            <a:ext cx="4224398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en-GB" sz="1400" dirty="0"/>
              <a:t>Single amendments                 Combined amendments</a:t>
            </a:r>
          </a:p>
        </p:txBody>
      </p:sp>
    </p:spTree>
    <p:extLst>
      <p:ext uri="{BB962C8B-B14F-4D97-AF65-F5344CB8AC3E}">
        <p14:creationId xmlns:p14="http://schemas.microsoft.com/office/powerpoint/2010/main" val="3648741519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Imagen 10">
            <a:extLst>
              <a:ext uri="{FF2B5EF4-FFF2-40B4-BE49-F238E27FC236}">
                <a16:creationId xmlns:a16="http://schemas.microsoft.com/office/drawing/2014/main" id="{9787FF22-A971-4F25-A8EC-C99628E4A15C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0926" y="2280158"/>
            <a:ext cx="1800200" cy="3418101"/>
          </a:xfrm>
          <a:prstGeom prst="rect">
            <a:avLst/>
          </a:prstGeom>
        </p:spPr>
      </p:pic>
      <p:sp>
        <p:nvSpPr>
          <p:cNvPr id="3" name="Title 3">
            <a:extLst>
              <a:ext uri="{FF2B5EF4-FFF2-40B4-BE49-F238E27FC236}">
                <a16:creationId xmlns:a16="http://schemas.microsoft.com/office/drawing/2014/main" id="{A0E83B50-AB27-4F82-A31C-F4383A187233}"/>
              </a:ext>
            </a:extLst>
          </p:cNvPr>
          <p:cNvSpPr txBox="1">
            <a:spLocks/>
          </p:cNvSpPr>
          <p:nvPr/>
        </p:nvSpPr>
        <p:spPr>
          <a:xfrm>
            <a:off x="1331640" y="386173"/>
            <a:ext cx="7500027" cy="864000"/>
          </a:xfrm>
          <a:prstGeom prst="rect">
            <a:avLst/>
          </a:prstGeom>
        </p:spPr>
        <p:txBody>
          <a:bodyPr/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2400" b="1" kern="1200" baseline="0">
                <a:solidFill>
                  <a:srgbClr val="0C406D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</a:lstStyle>
          <a:p>
            <a:r>
              <a:rPr lang="en-GB" dirty="0"/>
              <a:t>Soil response to amendments – O.M. (LOI)</a:t>
            </a:r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id="{EA10F4A8-F7E9-45DB-B318-B4FA3D9CDD33}"/>
              </a:ext>
            </a:extLst>
          </p:cNvPr>
          <p:cNvSpPr/>
          <p:nvPr/>
        </p:nvSpPr>
        <p:spPr>
          <a:xfrm>
            <a:off x="1331640" y="764704"/>
            <a:ext cx="7500027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Aft>
                <a:spcPts val="800"/>
              </a:spcAft>
            </a:pPr>
            <a:r>
              <a:rPr lang="en-US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Do these materials change the properties of the soil amended with them?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AAF202FD-8521-4171-8C1C-828D4B876348}"/>
              </a:ext>
            </a:extLst>
          </p:cNvPr>
          <p:cNvSpPr/>
          <p:nvPr/>
        </p:nvSpPr>
        <p:spPr>
          <a:xfrm>
            <a:off x="1331639" y="976473"/>
            <a:ext cx="2725361" cy="3189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just">
              <a:lnSpc>
                <a:spcPct val="115000"/>
              </a:lnSpc>
              <a:spcAft>
                <a:spcPts val="800"/>
              </a:spcAft>
            </a:pPr>
            <a:r>
              <a:rPr lang="en-US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Would this change over time?</a:t>
            </a:r>
            <a:endParaRPr lang="en-GB" sz="1400" b="1" dirty="0">
              <a:solidFill>
                <a:srgbClr val="0070C0"/>
              </a:solidFill>
              <a:latin typeface="Arial" charset="0"/>
              <a:ea typeface="Arial" charset="0"/>
              <a:cs typeface="Arial" charset="0"/>
            </a:endParaRPr>
          </a:p>
        </p:txBody>
      </p:sp>
      <p:pic>
        <p:nvPicPr>
          <p:cNvPr id="14" name="Picture 13">
            <a:extLst>
              <a:ext uri="{FF2B5EF4-FFF2-40B4-BE49-F238E27FC236}">
                <a16:creationId xmlns:a16="http://schemas.microsoft.com/office/drawing/2014/main" id="{D9DEA982-0729-4115-91B5-C4B952CE1666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267744" y="1992965"/>
            <a:ext cx="6710127" cy="3888562"/>
          </a:xfrm>
          <a:prstGeom prst="rect">
            <a:avLst/>
          </a:prstGeom>
        </p:spPr>
      </p:pic>
      <p:pic>
        <p:nvPicPr>
          <p:cNvPr id="16" name="Picture 15">
            <a:extLst>
              <a:ext uri="{FF2B5EF4-FFF2-40B4-BE49-F238E27FC236}">
                <a16:creationId xmlns:a16="http://schemas.microsoft.com/office/drawing/2014/main" id="{E06830D1-D0FE-4EEE-9122-F9C28B50EEE2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376" t="16589" r="12209" b="450"/>
          <a:stretch/>
        </p:blipFill>
        <p:spPr>
          <a:xfrm>
            <a:off x="251520" y="2252094"/>
            <a:ext cx="1879012" cy="3446165"/>
          </a:xfrm>
          <a:prstGeom prst="rect">
            <a:avLst/>
          </a:prstGeom>
        </p:spPr>
      </p:pic>
      <p:sp>
        <p:nvSpPr>
          <p:cNvPr id="17" name="Rectangle 16">
            <a:extLst>
              <a:ext uri="{FF2B5EF4-FFF2-40B4-BE49-F238E27FC236}">
                <a16:creationId xmlns:a16="http://schemas.microsoft.com/office/drawing/2014/main" id="{8856D21C-D647-45A8-B9DD-0699F65F4F23}"/>
              </a:ext>
            </a:extLst>
          </p:cNvPr>
          <p:cNvSpPr/>
          <p:nvPr/>
        </p:nvSpPr>
        <p:spPr>
          <a:xfrm>
            <a:off x="735411" y="5881527"/>
            <a:ext cx="7992888" cy="7386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en-US" sz="1400" dirty="0">
                <a:solidFill>
                  <a:srgbClr val="252323"/>
                </a:solidFill>
                <a:cs typeface="Arial" panose="020B0604020202020204" pitchFamily="34" charset="0"/>
              </a:rPr>
              <a:t>        </a:t>
            </a:r>
            <a:r>
              <a:rPr lang="en-US" sz="1400" b="1" dirty="0">
                <a:solidFill>
                  <a:srgbClr val="252323"/>
                </a:solidFill>
                <a:cs typeface="Arial" panose="020B0604020202020204" pitchFamily="34" charset="0"/>
              </a:rPr>
              <a:t>Bottom layer</a:t>
            </a:r>
          </a:p>
          <a:p>
            <a:pPr marL="342900" lvl="0" indent="-342900" algn="just" eaLnBrk="0" fontAlgn="base" hangingPunct="0"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ü"/>
            </a:pPr>
            <a:r>
              <a:rPr lang="en-US" sz="1400" dirty="0">
                <a:solidFill>
                  <a:srgbClr val="252323"/>
                </a:solidFill>
                <a:cs typeface="Arial" panose="020B0604020202020204" pitchFamily="34" charset="0"/>
              </a:rPr>
              <a:t>No significant differences were detected in any of the analysis for the bottom layer of the highest rates, indicating a low risk of contamination of soil and water systems</a:t>
            </a:r>
            <a:endParaRPr lang="en-GB" sz="1400" dirty="0"/>
          </a:p>
        </p:txBody>
      </p:sp>
      <p:sp>
        <p:nvSpPr>
          <p:cNvPr id="18" name="Rectangle 17">
            <a:extLst>
              <a:ext uri="{FF2B5EF4-FFF2-40B4-BE49-F238E27FC236}">
                <a16:creationId xmlns:a16="http://schemas.microsoft.com/office/drawing/2014/main" id="{9DA28248-1A26-4534-8544-7EB19CD59DEC}"/>
              </a:ext>
            </a:extLst>
          </p:cNvPr>
          <p:cNvSpPr/>
          <p:nvPr/>
        </p:nvSpPr>
        <p:spPr>
          <a:xfrm>
            <a:off x="251520" y="1445025"/>
            <a:ext cx="8510327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en-GB" sz="1400" dirty="0"/>
              <a:t>Yes, there is an increase of organic matter (O.M.), measured through loss in ignition (LOI) favoured by higher rates, especially of combination with SS2.  O.M. increase is a result of amendments and root decomposition inputs</a:t>
            </a:r>
          </a:p>
        </p:txBody>
      </p:sp>
    </p:spTree>
    <p:extLst>
      <p:ext uri="{BB962C8B-B14F-4D97-AF65-F5344CB8AC3E}">
        <p14:creationId xmlns:p14="http://schemas.microsoft.com/office/powerpoint/2010/main" val="234831491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Gráfico 11">
            <a:extLst>
              <a:ext uri="{FF2B5EF4-FFF2-40B4-BE49-F238E27FC236}">
                <a16:creationId xmlns:a16="http://schemas.microsoft.com/office/drawing/2014/main" id="{02C6AB85-2F7A-4150-AF90-F91CF65FC0BA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471625561"/>
              </p:ext>
            </p:extLst>
          </p:nvPr>
        </p:nvGraphicFramePr>
        <p:xfrm>
          <a:off x="467544" y="3537084"/>
          <a:ext cx="7931472" cy="270795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4" name="Rectangle 3">
            <a:extLst>
              <a:ext uri="{FF2B5EF4-FFF2-40B4-BE49-F238E27FC236}">
                <a16:creationId xmlns:a16="http://schemas.microsoft.com/office/drawing/2014/main" id="{686E36FB-CA0B-4373-A44B-61473BE93FB3}"/>
              </a:ext>
            </a:extLst>
          </p:cNvPr>
          <p:cNvSpPr>
            <a:spLocks noChangeArrowheads="1"/>
          </p:cNvSpPr>
          <p:nvPr/>
        </p:nvSpPr>
        <p:spPr bwMode="auto">
          <a:xfrm>
            <a:off x="2175351" y="6322531"/>
            <a:ext cx="4793300" cy="2616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GB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Figure-6. </a:t>
            </a:r>
            <a:r>
              <a:rPr kumimoji="0" lang="en-GB" altLang="en-US" sz="1100" b="0" i="0" u="none" strike="noStrike" cap="none" normalizeH="0" baseline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Changes on </a:t>
            </a:r>
            <a:r>
              <a:rPr kumimoji="0" lang="en-GB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spring wheat grain production compared to control soil (%).</a:t>
            </a:r>
            <a:endParaRPr kumimoji="0" lang="en-GB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7" name="Title 3">
            <a:extLst>
              <a:ext uri="{FF2B5EF4-FFF2-40B4-BE49-F238E27FC236}">
                <a16:creationId xmlns:a16="http://schemas.microsoft.com/office/drawing/2014/main" id="{5EB9B843-2EAD-4DEA-807E-4697CFDDEE14}"/>
              </a:ext>
            </a:extLst>
          </p:cNvPr>
          <p:cNvSpPr txBox="1">
            <a:spLocks/>
          </p:cNvSpPr>
          <p:nvPr/>
        </p:nvSpPr>
        <p:spPr>
          <a:xfrm>
            <a:off x="1361538" y="577028"/>
            <a:ext cx="7500027" cy="864000"/>
          </a:xfrm>
          <a:prstGeom prst="rect">
            <a:avLst/>
          </a:prstGeom>
        </p:spPr>
        <p:txBody>
          <a:bodyPr/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2400" b="1" kern="1200" baseline="0">
                <a:solidFill>
                  <a:srgbClr val="0C406D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</a:lstStyle>
          <a:p>
            <a:r>
              <a:rPr lang="en-GB" dirty="0"/>
              <a:t>Spring wheat response to amendments</a:t>
            </a:r>
          </a:p>
        </p:txBody>
      </p:sp>
      <p:pic>
        <p:nvPicPr>
          <p:cNvPr id="8" name="Content Placeholder 3">
            <a:extLst>
              <a:ext uri="{FF2B5EF4-FFF2-40B4-BE49-F238E27FC236}">
                <a16:creationId xmlns:a16="http://schemas.microsoft.com/office/drawing/2014/main" id="{5B72F5E0-A322-43CA-83F7-4C67CEE70304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10000" contrast="1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7115" t="930" r="617" b="-930"/>
          <a:stretch/>
        </p:blipFill>
        <p:spPr>
          <a:xfrm>
            <a:off x="827584" y="1512262"/>
            <a:ext cx="3208924" cy="1946260"/>
          </a:xfrm>
          <a:prstGeom prst="rect">
            <a:avLst/>
          </a:prstGeom>
        </p:spPr>
      </p:pic>
      <p:sp>
        <p:nvSpPr>
          <p:cNvPr id="9" name="Rectangle 8">
            <a:extLst>
              <a:ext uri="{FF2B5EF4-FFF2-40B4-BE49-F238E27FC236}">
                <a16:creationId xmlns:a16="http://schemas.microsoft.com/office/drawing/2014/main" id="{BBD45289-79A1-456E-BAA7-E8475080A174}"/>
              </a:ext>
            </a:extLst>
          </p:cNvPr>
          <p:cNvSpPr/>
          <p:nvPr/>
        </p:nvSpPr>
        <p:spPr>
          <a:xfrm>
            <a:off x="4036508" y="1647828"/>
            <a:ext cx="4947166" cy="165898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07000"/>
              </a:lnSpc>
              <a:spcAft>
                <a:spcPts val="0"/>
              </a:spcAft>
            </a:pPr>
            <a:r>
              <a:rPr lang="en-GB" sz="1200" b="1" dirty="0"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First season: </a:t>
            </a:r>
            <a:r>
              <a:rPr lang="en-GB" sz="1200" dirty="0"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According to ANOVA and Tukey test, in the first season the only significant improvement in grain yield were for H180+SS2 r3, P300+SS2 r3, P400+SS2 r3 and SS1+SS2 r3.</a:t>
            </a:r>
          </a:p>
          <a:p>
            <a:pPr>
              <a:lnSpc>
                <a:spcPct val="107000"/>
              </a:lnSpc>
              <a:spcAft>
                <a:spcPts val="0"/>
              </a:spcAft>
            </a:pPr>
            <a:endParaRPr lang="en-GB" sz="1200" dirty="0">
              <a:latin typeface="Arial" panose="020B0604020202020204" pitchFamily="34" charset="0"/>
              <a:ea typeface="Calibri" panose="020F0502020204030204" pitchFamily="34" charset="0"/>
              <a:cs typeface="Arial" panose="020B0604020202020204" pitchFamily="34" charset="0"/>
            </a:endParaRPr>
          </a:p>
          <a:p>
            <a:pPr>
              <a:lnSpc>
                <a:spcPct val="107000"/>
              </a:lnSpc>
              <a:spcAft>
                <a:spcPts val="0"/>
              </a:spcAft>
            </a:pPr>
            <a:r>
              <a:rPr lang="en-GB" sz="1200" b="1" dirty="0"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Second season:</a:t>
            </a:r>
            <a:r>
              <a:rPr lang="en-GB" sz="1200" dirty="0"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 No significant differences were found due to the high variability between replicates (4 per treatment). </a:t>
            </a:r>
          </a:p>
          <a:p>
            <a:pPr>
              <a:lnSpc>
                <a:spcPct val="107000"/>
              </a:lnSpc>
              <a:spcAft>
                <a:spcPts val="0"/>
              </a:spcAft>
            </a:pPr>
            <a:br>
              <a:rPr lang="en-GB" sz="1200" dirty="0"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</a:br>
            <a:r>
              <a:rPr lang="en-GB" sz="1200" b="1" dirty="0"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This is the improvement of averages per treatment on grain yield:</a:t>
            </a:r>
          </a:p>
        </p:txBody>
      </p:sp>
      <p:sp>
        <p:nvSpPr>
          <p:cNvPr id="10" name="Rectangle 9">
            <a:extLst>
              <a:ext uri="{FF2B5EF4-FFF2-40B4-BE49-F238E27FC236}">
                <a16:creationId xmlns:a16="http://schemas.microsoft.com/office/drawing/2014/main" id="{CA25AEF9-F681-4595-914A-F148C7955583}"/>
              </a:ext>
            </a:extLst>
          </p:cNvPr>
          <p:cNvSpPr/>
          <p:nvPr/>
        </p:nvSpPr>
        <p:spPr>
          <a:xfrm>
            <a:off x="1361538" y="978643"/>
            <a:ext cx="7725580" cy="38382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lnSpc>
                <a:spcPct val="115000"/>
              </a:lnSpc>
              <a:spcAft>
                <a:spcPts val="800"/>
              </a:spcAft>
            </a:pPr>
            <a:r>
              <a:rPr lang="en-US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Do these amendments improve yield production?</a:t>
            </a:r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71D5E30C-7172-4AC2-B939-FE6BB34D11DC}"/>
              </a:ext>
            </a:extLst>
          </p:cNvPr>
          <p:cNvSpPr/>
          <p:nvPr/>
        </p:nvSpPr>
        <p:spPr>
          <a:xfrm>
            <a:off x="6772812" y="5952461"/>
            <a:ext cx="2210862" cy="74013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r">
              <a:lnSpc>
                <a:spcPct val="115000"/>
              </a:lnSpc>
              <a:spcAft>
                <a:spcPts val="800"/>
              </a:spcAft>
            </a:pPr>
            <a:r>
              <a:rPr lang="en-US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And grain quality?</a:t>
            </a:r>
          </a:p>
          <a:p>
            <a:pPr algn="r">
              <a:lnSpc>
                <a:spcPct val="115000"/>
              </a:lnSpc>
              <a:spcAft>
                <a:spcPts val="800"/>
              </a:spcAft>
            </a:pPr>
            <a:r>
              <a:rPr lang="en-GB" sz="1400" dirty="0"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- On going</a:t>
            </a:r>
            <a:endParaRPr lang="en-GB" sz="1400" b="1" dirty="0">
              <a:solidFill>
                <a:srgbClr val="0070C0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12" name="Rectangle 11">
            <a:extLst>
              <a:ext uri="{FF2B5EF4-FFF2-40B4-BE49-F238E27FC236}">
                <a16:creationId xmlns:a16="http://schemas.microsoft.com/office/drawing/2014/main" id="{86B37E71-9092-4EEC-81CC-96756C53CDF9}"/>
              </a:ext>
            </a:extLst>
          </p:cNvPr>
          <p:cNvSpPr/>
          <p:nvPr/>
        </p:nvSpPr>
        <p:spPr>
          <a:xfrm>
            <a:off x="6876256" y="1016665"/>
            <a:ext cx="699166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sz="1400" dirty="0"/>
              <a:t>Yes/No</a:t>
            </a:r>
          </a:p>
        </p:txBody>
      </p:sp>
      <p:sp>
        <p:nvSpPr>
          <p:cNvPr id="13" name="Oval 12">
            <a:extLst>
              <a:ext uri="{FF2B5EF4-FFF2-40B4-BE49-F238E27FC236}">
                <a16:creationId xmlns:a16="http://schemas.microsoft.com/office/drawing/2014/main" id="{B7819470-A2C6-45F8-875B-85E573A73481}"/>
              </a:ext>
            </a:extLst>
          </p:cNvPr>
          <p:cNvSpPr/>
          <p:nvPr/>
        </p:nvSpPr>
        <p:spPr>
          <a:xfrm>
            <a:off x="2915816" y="3599294"/>
            <a:ext cx="360040" cy="914400"/>
          </a:xfrm>
          <a:prstGeom prst="ellipse">
            <a:avLst/>
          </a:prstGeom>
          <a:noFill/>
          <a:ln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4" name="Oval 13">
            <a:extLst>
              <a:ext uri="{FF2B5EF4-FFF2-40B4-BE49-F238E27FC236}">
                <a16:creationId xmlns:a16="http://schemas.microsoft.com/office/drawing/2014/main" id="{DA108216-ACCD-409E-8F4B-210AA40F04CF}"/>
              </a:ext>
            </a:extLst>
          </p:cNvPr>
          <p:cNvSpPr/>
          <p:nvPr/>
        </p:nvSpPr>
        <p:spPr>
          <a:xfrm>
            <a:off x="4102832" y="3600430"/>
            <a:ext cx="432048" cy="914400"/>
          </a:xfrm>
          <a:prstGeom prst="ellipse">
            <a:avLst/>
          </a:prstGeom>
          <a:noFill/>
          <a:ln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5" name="Oval 14">
            <a:extLst>
              <a:ext uri="{FF2B5EF4-FFF2-40B4-BE49-F238E27FC236}">
                <a16:creationId xmlns:a16="http://schemas.microsoft.com/office/drawing/2014/main" id="{66F93108-4AA9-412D-A9CE-59F8CBF2C300}"/>
              </a:ext>
            </a:extLst>
          </p:cNvPr>
          <p:cNvSpPr/>
          <p:nvPr/>
        </p:nvSpPr>
        <p:spPr>
          <a:xfrm>
            <a:off x="6772812" y="3629481"/>
            <a:ext cx="251138" cy="914400"/>
          </a:xfrm>
          <a:prstGeom prst="ellipse">
            <a:avLst/>
          </a:prstGeom>
          <a:noFill/>
          <a:ln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6" name="Oval 15">
            <a:extLst>
              <a:ext uri="{FF2B5EF4-FFF2-40B4-BE49-F238E27FC236}">
                <a16:creationId xmlns:a16="http://schemas.microsoft.com/office/drawing/2014/main" id="{88BFC967-331B-4C8B-970A-97C554F654C1}"/>
              </a:ext>
            </a:extLst>
          </p:cNvPr>
          <p:cNvSpPr/>
          <p:nvPr/>
        </p:nvSpPr>
        <p:spPr>
          <a:xfrm>
            <a:off x="7956376" y="3629481"/>
            <a:ext cx="326602" cy="914400"/>
          </a:xfrm>
          <a:prstGeom prst="ellipse">
            <a:avLst/>
          </a:prstGeom>
          <a:noFill/>
          <a:ln>
            <a:solidFill>
              <a:schemeClr val="accent6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id="{773ED8FF-FF6B-44AC-A605-43086B5152A6}"/>
              </a:ext>
            </a:extLst>
          </p:cNvPr>
          <p:cNvSpPr/>
          <p:nvPr/>
        </p:nvSpPr>
        <p:spPr>
          <a:xfrm>
            <a:off x="788928" y="5610066"/>
            <a:ext cx="1269294" cy="95410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400" dirty="0">
                <a:solidFill>
                  <a:schemeClr val="accent1"/>
                </a:solidFill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Control maintains a production of 1995 kg/ha</a:t>
            </a:r>
            <a:endParaRPr lang="en-GB" sz="1400" dirty="0">
              <a:solidFill>
                <a:schemeClr val="accent1"/>
              </a:solidFill>
            </a:endParaRPr>
          </a:p>
        </p:txBody>
      </p:sp>
      <p:cxnSp>
        <p:nvCxnSpPr>
          <p:cNvPr id="19" name="Straight Arrow Connector 18">
            <a:extLst>
              <a:ext uri="{FF2B5EF4-FFF2-40B4-BE49-F238E27FC236}">
                <a16:creationId xmlns:a16="http://schemas.microsoft.com/office/drawing/2014/main" id="{5B9477DE-5EFD-424C-8C7E-E1092675BC66}"/>
              </a:ext>
            </a:extLst>
          </p:cNvPr>
          <p:cNvCxnSpPr/>
          <p:nvPr/>
        </p:nvCxnSpPr>
        <p:spPr>
          <a:xfrm flipV="1">
            <a:off x="788928" y="5373216"/>
            <a:ext cx="254680" cy="23685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>
            <a:extLst>
              <a:ext uri="{FF2B5EF4-FFF2-40B4-BE49-F238E27FC236}">
                <a16:creationId xmlns:a16="http://schemas.microsoft.com/office/drawing/2014/main" id="{B94C433F-3B3B-482F-9958-E0223802175B}"/>
              </a:ext>
            </a:extLst>
          </p:cNvPr>
          <p:cNvCxnSpPr>
            <a:stCxn id="17" idx="1"/>
          </p:cNvCxnSpPr>
          <p:nvPr/>
        </p:nvCxnSpPr>
        <p:spPr>
          <a:xfrm flipV="1">
            <a:off x="788928" y="5610066"/>
            <a:ext cx="0" cy="477054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>
            <a:extLst>
              <a:ext uri="{FF2B5EF4-FFF2-40B4-BE49-F238E27FC236}">
                <a16:creationId xmlns:a16="http://schemas.microsoft.com/office/drawing/2014/main" id="{0955AFCC-C1CA-45EA-BB68-C9FE51F1BB01}"/>
              </a:ext>
            </a:extLst>
          </p:cNvPr>
          <p:cNvCxnSpPr>
            <a:cxnSpLocks/>
          </p:cNvCxnSpPr>
          <p:nvPr/>
        </p:nvCxnSpPr>
        <p:spPr>
          <a:xfrm flipV="1">
            <a:off x="1259632" y="3717032"/>
            <a:ext cx="0" cy="1516743"/>
          </a:xfrm>
          <a:prstGeom prst="line">
            <a:avLst/>
          </a:prstGeom>
          <a:ln>
            <a:solidFill>
              <a:schemeClr val="bg1">
                <a:lumMod val="6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73392017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ángulo 14"/>
          <p:cNvSpPr/>
          <p:nvPr/>
        </p:nvSpPr>
        <p:spPr>
          <a:xfrm>
            <a:off x="395536" y="1412776"/>
            <a:ext cx="8619798" cy="3600729"/>
          </a:xfrm>
          <a:prstGeom prst="rect">
            <a:avLst/>
          </a:prstGeom>
          <a:solidFill>
            <a:schemeClr val="accent5">
              <a:lumMod val="20000"/>
              <a:lumOff val="80000"/>
              <a:alpha val="90000"/>
            </a:schemeClr>
          </a:solidFill>
        </p:spPr>
        <p:txBody>
          <a:bodyPr wrap="square">
            <a:spAutoFit/>
          </a:bodyPr>
          <a:lstStyle/>
          <a:p>
            <a:pPr lvl="0" algn="ctr">
              <a:lnSpc>
                <a:spcPct val="115000"/>
              </a:lnSpc>
              <a:spcAft>
                <a:spcPts val="800"/>
              </a:spcAft>
            </a:pPr>
            <a:r>
              <a:rPr lang="en-GB" sz="1600" dirty="0"/>
              <a:t>The perception of sewage sludge amendment as an </a:t>
            </a:r>
            <a:r>
              <a:rPr lang="en-GB" sz="1600" b="1" dirty="0"/>
              <a:t>object of debate </a:t>
            </a:r>
          </a:p>
          <a:p>
            <a:pPr lvl="0" algn="ctr">
              <a:lnSpc>
                <a:spcPct val="115000"/>
              </a:lnSpc>
              <a:spcAft>
                <a:spcPts val="800"/>
              </a:spcAft>
            </a:pPr>
            <a:r>
              <a:rPr lang="en-GB" sz="1600" b="1" dirty="0"/>
              <a:t>Little negative effects have reported </a:t>
            </a:r>
            <a:r>
              <a:rPr lang="en-GB" sz="1600" dirty="0"/>
              <a:t>with the data gathered to date, the bottom layer analysis indicated a low risk of contamination of soil and water systems</a:t>
            </a:r>
          </a:p>
          <a:p>
            <a:pPr algn="ctr">
              <a:lnSpc>
                <a:spcPct val="115000"/>
              </a:lnSpc>
              <a:spcAft>
                <a:spcPts val="800"/>
              </a:spcAft>
            </a:pPr>
            <a:r>
              <a:rPr lang="en-GB" sz="1600" dirty="0"/>
              <a:t>The type of thermal treatments and temperature selected were different enough to significantly change the properties of the original feedstock (pH, organic carbon content, C stability, H:C, O:C ratios)</a:t>
            </a:r>
          </a:p>
          <a:p>
            <a:pPr algn="ctr">
              <a:lnSpc>
                <a:spcPct val="115000"/>
              </a:lnSpc>
              <a:spcAft>
                <a:spcPts val="800"/>
              </a:spcAft>
            </a:pPr>
            <a:r>
              <a:rPr lang="en-GB" sz="1600" dirty="0"/>
              <a:t>.</a:t>
            </a:r>
            <a:br>
              <a:rPr lang="en-GB" sz="1600" dirty="0"/>
            </a:br>
            <a:r>
              <a:rPr lang="en-GB" sz="1600" dirty="0"/>
              <a:t>The </a:t>
            </a:r>
            <a:r>
              <a:rPr lang="en-GB" sz="1600" b="1" dirty="0"/>
              <a:t>dried sewage sludge (SS1) proved already to benefit </a:t>
            </a:r>
            <a:r>
              <a:rPr lang="en-GB" sz="1600" dirty="0"/>
              <a:t>from the </a:t>
            </a:r>
            <a:r>
              <a:rPr lang="en-GB" sz="1600" b="1" dirty="0"/>
              <a:t>thermal treatments </a:t>
            </a:r>
            <a:r>
              <a:rPr lang="en-GB" sz="1600" dirty="0"/>
              <a:t>reducing its </a:t>
            </a:r>
            <a:r>
              <a:rPr lang="en-GB" sz="1600" b="1" dirty="0"/>
              <a:t>phytotoxicity</a:t>
            </a:r>
            <a:r>
              <a:rPr lang="en-GB" sz="1600" dirty="0"/>
              <a:t> (best through pyrolysis) and increasing organic matter in soil. SS derivatives amendments realise </a:t>
            </a:r>
            <a:r>
              <a:rPr lang="en-GB" sz="1600" b="1" dirty="0"/>
              <a:t>available P slower</a:t>
            </a:r>
            <a:r>
              <a:rPr lang="en-GB" sz="1600" dirty="0"/>
              <a:t> over time (specially if added an their own).</a:t>
            </a:r>
          </a:p>
          <a:p>
            <a:pPr lvl="0" algn="ctr">
              <a:lnSpc>
                <a:spcPct val="115000"/>
              </a:lnSpc>
              <a:spcAft>
                <a:spcPts val="800"/>
              </a:spcAft>
            </a:pPr>
            <a:r>
              <a:rPr lang="en-GB" sz="1600" b="1" dirty="0"/>
              <a:t>Sludge (SS2) seemed to enhance</a:t>
            </a:r>
            <a:r>
              <a:rPr lang="en-GB" sz="1600" dirty="0"/>
              <a:t> wheat’s growth cycle and </a:t>
            </a:r>
            <a:r>
              <a:rPr lang="en-GB" sz="1600" b="1" dirty="0"/>
              <a:t>grain yield</a:t>
            </a:r>
            <a:r>
              <a:rPr lang="en-GB" sz="1600" dirty="0"/>
              <a:t> in the first season, in a sandy loam soil with low organic matter and low P-Index. </a:t>
            </a:r>
          </a:p>
        </p:txBody>
      </p:sp>
      <p:sp>
        <p:nvSpPr>
          <p:cNvPr id="6" name="Title 2"/>
          <p:cNvSpPr txBox="1">
            <a:spLocks/>
          </p:cNvSpPr>
          <p:nvPr/>
        </p:nvSpPr>
        <p:spPr>
          <a:xfrm>
            <a:off x="1403648" y="692696"/>
            <a:ext cx="7433452" cy="864000"/>
          </a:xfrm>
          <a:prstGeom prst="rect">
            <a:avLst/>
          </a:prstGeom>
        </p:spPr>
        <p:txBody>
          <a:bodyPr>
            <a:normAutofit/>
          </a:bodyPr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2400" b="1" kern="1200" baseline="0">
                <a:solidFill>
                  <a:srgbClr val="0C406D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</a:lstStyle>
          <a:p>
            <a:r>
              <a:rPr lang="en-GB" dirty="0"/>
              <a:t>Conclusion</a:t>
            </a: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87D3BB26-B7FD-4EBE-A382-9DD9132D91A3}"/>
              </a:ext>
            </a:extLst>
          </p:cNvPr>
          <p:cNvSpPr/>
          <p:nvPr/>
        </p:nvSpPr>
        <p:spPr>
          <a:xfrm>
            <a:off x="2267744" y="5229200"/>
            <a:ext cx="6747590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GB" dirty="0">
                <a:solidFill>
                  <a:schemeClr val="accent1"/>
                </a:solidFill>
              </a:rPr>
              <a:t>Quality of the grains (both seasons)</a:t>
            </a:r>
          </a:p>
          <a:p>
            <a:pPr algn="ctr"/>
            <a:r>
              <a:rPr lang="en-GB" dirty="0">
                <a:solidFill>
                  <a:schemeClr val="accent1"/>
                </a:solidFill>
              </a:rPr>
              <a:t>phosphorus use efficiency (PUE) and total metal concentration changes in soil are on going</a:t>
            </a:r>
          </a:p>
        </p:txBody>
      </p:sp>
      <p:pic>
        <p:nvPicPr>
          <p:cNvPr id="9" name="Picture 8">
            <a:extLst>
              <a:ext uri="{FF2B5EF4-FFF2-40B4-BE49-F238E27FC236}">
                <a16:creationId xmlns:a16="http://schemas.microsoft.com/office/drawing/2014/main" id="{D99A036B-90B3-4FFF-BB39-41EBBB7451A3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11451" r="16138" b="1000"/>
          <a:stretch/>
        </p:blipFill>
        <p:spPr>
          <a:xfrm>
            <a:off x="395536" y="5117293"/>
            <a:ext cx="1643648" cy="1264036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</p:spTree>
    <p:extLst>
      <p:ext uri="{BB962C8B-B14F-4D97-AF65-F5344CB8AC3E}">
        <p14:creationId xmlns:p14="http://schemas.microsoft.com/office/powerpoint/2010/main" val="1218052912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n 3">
            <a:extLst>
              <a:ext uri="{FF2B5EF4-FFF2-40B4-BE49-F238E27FC236}">
                <a16:creationId xmlns:a16="http://schemas.microsoft.com/office/drawing/2014/main" id="{36579784-67F4-4D99-B31C-7EB8F178F635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628927" y="989720"/>
            <a:ext cx="6048672" cy="3357305"/>
          </a:xfrm>
          <a:prstGeom prst="rect">
            <a:avLst/>
          </a:prstGeom>
        </p:spPr>
      </p:pic>
      <p:sp>
        <p:nvSpPr>
          <p:cNvPr id="5" name="Rectangle 4">
            <a:extLst>
              <a:ext uri="{FF2B5EF4-FFF2-40B4-BE49-F238E27FC236}">
                <a16:creationId xmlns:a16="http://schemas.microsoft.com/office/drawing/2014/main" id="{50FEA3AF-C666-4CD7-80D7-D9DD4BBEF616}"/>
              </a:ext>
            </a:extLst>
          </p:cNvPr>
          <p:cNvSpPr/>
          <p:nvPr/>
        </p:nvSpPr>
        <p:spPr>
          <a:xfrm>
            <a:off x="1331640" y="548680"/>
            <a:ext cx="2664296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2400" b="1" dirty="0">
                <a:solidFill>
                  <a:srgbClr val="0C406D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Thank you</a:t>
            </a:r>
          </a:p>
        </p:txBody>
      </p:sp>
      <p:pic>
        <p:nvPicPr>
          <p:cNvPr id="6" name="table">
            <a:extLst>
              <a:ext uri="{FF2B5EF4-FFF2-40B4-BE49-F238E27FC236}">
                <a16:creationId xmlns:a16="http://schemas.microsoft.com/office/drawing/2014/main" id="{D5E03927-EED9-465B-80F9-D1E17271CF9F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336768" y="5032934"/>
            <a:ext cx="4352129" cy="491606"/>
          </a:xfrm>
          <a:prstGeom prst="rect">
            <a:avLst/>
          </a:prstGeom>
        </p:spPr>
      </p:pic>
      <p:pic>
        <p:nvPicPr>
          <p:cNvPr id="7" name="Imagen 32">
            <a:extLst>
              <a:ext uri="{FF2B5EF4-FFF2-40B4-BE49-F238E27FC236}">
                <a16:creationId xmlns:a16="http://schemas.microsoft.com/office/drawing/2014/main" id="{B845D6A7-10D5-4527-B487-7E4566F85D05}"/>
              </a:ext>
            </a:extLst>
          </p:cNvPr>
          <p:cNvPicPr/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104" r="13781"/>
          <a:stretch/>
        </p:blipFill>
        <p:spPr bwMode="auto">
          <a:xfrm>
            <a:off x="2841064" y="4827782"/>
            <a:ext cx="686851" cy="739781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  <p:sp>
        <p:nvSpPr>
          <p:cNvPr id="8" name="Text Placeholder 5">
            <a:extLst>
              <a:ext uri="{FF2B5EF4-FFF2-40B4-BE49-F238E27FC236}">
                <a16:creationId xmlns:a16="http://schemas.microsoft.com/office/drawing/2014/main" id="{D7B900E4-987F-4AAF-B962-8F760EC66C34}"/>
              </a:ext>
            </a:extLst>
          </p:cNvPr>
          <p:cNvSpPr>
            <a:spLocks noGrp="1"/>
          </p:cNvSpPr>
          <p:nvPr/>
        </p:nvSpPr>
        <p:spPr>
          <a:xfrm>
            <a:off x="6204636" y="4241919"/>
            <a:ext cx="2376264" cy="1435989"/>
          </a:xfrm>
          <a:prstGeom prst="rect">
            <a:avLst/>
          </a:prstGeom>
        </p:spPr>
        <p:txBody>
          <a:bodyPr anchor="ctr"/>
          <a:lstStyle>
            <a:lvl1pPr marL="401033" indent="0" algn="ctr" defTabSz="1604132" rtl="0" eaLnBrk="1" latinLnBrk="0" hangingPunct="1">
              <a:lnSpc>
                <a:spcPct val="90000"/>
              </a:lnSpc>
              <a:spcBef>
                <a:spcPts val="1754"/>
              </a:spcBef>
              <a:buFont typeface="Arial" charset="0"/>
              <a:buNone/>
              <a:defRPr sz="3200" kern="1200">
                <a:solidFill>
                  <a:schemeClr val="bg1">
                    <a:lumMod val="65000"/>
                  </a:schemeClr>
                </a:solidFill>
                <a:latin typeface="Arial" charset="0"/>
                <a:ea typeface="Arial" charset="0"/>
                <a:cs typeface="Arial" charset="0"/>
              </a:defRPr>
            </a:lvl1pPr>
            <a:lvl2pPr marL="802066" indent="0" algn="l" defTabSz="1604132" rtl="0" eaLnBrk="1" latinLnBrk="0" hangingPunct="1">
              <a:lnSpc>
                <a:spcPct val="90000"/>
              </a:lnSpc>
              <a:spcBef>
                <a:spcPts val="877"/>
              </a:spcBef>
              <a:buFont typeface="Arial" charset="0"/>
              <a:buNone/>
              <a:defRPr sz="3200" kern="1200">
                <a:solidFill>
                  <a:schemeClr val="bg1">
                    <a:lumMod val="65000"/>
                  </a:schemeClr>
                </a:solidFill>
                <a:latin typeface="Arial" charset="0"/>
                <a:ea typeface="Arial" charset="0"/>
                <a:cs typeface="Arial" charset="0"/>
              </a:defRPr>
            </a:lvl2pPr>
            <a:lvl3pPr marL="2005165" indent="-401033" algn="l" defTabSz="1604132" rtl="0" eaLnBrk="1" latinLnBrk="0" hangingPunct="1">
              <a:lnSpc>
                <a:spcPct val="90000"/>
              </a:lnSpc>
              <a:spcBef>
                <a:spcPts val="877"/>
              </a:spcBef>
              <a:buFont typeface="Arial"/>
              <a:buChar char="•"/>
              <a:defRPr sz="3509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807231" indent="-401033" algn="l" defTabSz="1604132" rtl="0" eaLnBrk="1" latinLnBrk="0" hangingPunct="1">
              <a:lnSpc>
                <a:spcPct val="90000"/>
              </a:lnSpc>
              <a:spcBef>
                <a:spcPts val="877"/>
              </a:spcBef>
              <a:buFont typeface="Arial"/>
              <a:buChar char="•"/>
              <a:defRPr sz="315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3609297" indent="-401033" algn="l" defTabSz="1604132" rtl="0" eaLnBrk="1" latinLnBrk="0" hangingPunct="1">
              <a:lnSpc>
                <a:spcPct val="90000"/>
              </a:lnSpc>
              <a:spcBef>
                <a:spcPts val="877"/>
              </a:spcBef>
              <a:buFont typeface="Arial"/>
              <a:buChar char="•"/>
              <a:defRPr sz="315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4411363" indent="-401033" algn="l" defTabSz="1604132" rtl="0" eaLnBrk="1" latinLnBrk="0" hangingPunct="1">
              <a:lnSpc>
                <a:spcPct val="90000"/>
              </a:lnSpc>
              <a:spcBef>
                <a:spcPts val="877"/>
              </a:spcBef>
              <a:buFont typeface="Arial"/>
              <a:buChar char="•"/>
              <a:defRPr sz="315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5213429" indent="-401033" algn="l" defTabSz="1604132" rtl="0" eaLnBrk="1" latinLnBrk="0" hangingPunct="1">
              <a:lnSpc>
                <a:spcPct val="90000"/>
              </a:lnSpc>
              <a:spcBef>
                <a:spcPts val="877"/>
              </a:spcBef>
              <a:buFont typeface="Arial"/>
              <a:buChar char="•"/>
              <a:defRPr sz="315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6015495" indent="-401033" algn="l" defTabSz="1604132" rtl="0" eaLnBrk="1" latinLnBrk="0" hangingPunct="1">
              <a:lnSpc>
                <a:spcPct val="90000"/>
              </a:lnSpc>
              <a:spcBef>
                <a:spcPts val="877"/>
              </a:spcBef>
              <a:buFont typeface="Arial"/>
              <a:buChar char="•"/>
              <a:defRPr sz="315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6817561" indent="-401033" algn="l" defTabSz="1604132" rtl="0" eaLnBrk="1" latinLnBrk="0" hangingPunct="1">
              <a:lnSpc>
                <a:spcPct val="90000"/>
              </a:lnSpc>
              <a:spcBef>
                <a:spcPts val="877"/>
              </a:spcBef>
              <a:buFont typeface="Arial"/>
              <a:buChar char="•"/>
              <a:defRPr sz="315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2000" dirty="0"/>
              <a:t>EUROPEAN PARTNERSHIP PROGRAMME</a:t>
            </a:r>
          </a:p>
        </p:txBody>
      </p:sp>
      <p:pic>
        <p:nvPicPr>
          <p:cNvPr id="9" name="Picture 8">
            <a:extLst>
              <a:ext uri="{FF2B5EF4-FFF2-40B4-BE49-F238E27FC236}">
                <a16:creationId xmlns:a16="http://schemas.microsoft.com/office/drawing/2014/main" id="{16A3C3E7-05B6-4D6E-9D7E-4C0028E1FA79}"/>
              </a:ext>
            </a:extLst>
          </p:cNvPr>
          <p:cNvPicPr>
            <a:picLocks noChangeAspect="1"/>
          </p:cNvPicPr>
          <p:nvPr/>
        </p:nvPicPr>
        <p:blipFill rotWithShape="1">
          <a:blip r:embed="rId5"/>
          <a:srcRect l="21481" t="17990" r="69144" b="69287"/>
          <a:stretch/>
        </p:blipFill>
        <p:spPr>
          <a:xfrm>
            <a:off x="650262" y="4868311"/>
            <a:ext cx="681378" cy="739781"/>
          </a:xfrm>
          <a:prstGeom prst="rect">
            <a:avLst/>
          </a:prstGeom>
        </p:spPr>
      </p:pic>
      <p:sp>
        <p:nvSpPr>
          <p:cNvPr id="10" name="Rectangle 9">
            <a:extLst>
              <a:ext uri="{FF2B5EF4-FFF2-40B4-BE49-F238E27FC236}">
                <a16:creationId xmlns:a16="http://schemas.microsoft.com/office/drawing/2014/main" id="{620E7654-2F62-48FC-8AC3-28748947FC3F}"/>
              </a:ext>
            </a:extLst>
          </p:cNvPr>
          <p:cNvSpPr/>
          <p:nvPr/>
        </p:nvSpPr>
        <p:spPr>
          <a:xfrm>
            <a:off x="1259632" y="4488458"/>
            <a:ext cx="7023981" cy="2616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00000"/>
              </a:lnSpc>
            </a:pPr>
            <a:r>
              <a:rPr lang="es-ES" sz="1050" dirty="0"/>
              <a:t>María Pimenta da Costa Ocampo </a:t>
            </a:r>
            <a:r>
              <a:rPr lang="es-ES" sz="1050" b="1" baseline="30000" dirty="0"/>
              <a:t>1</a:t>
            </a:r>
            <a:r>
              <a:rPr lang="es-ES" sz="1050" dirty="0"/>
              <a:t>  </a:t>
            </a:r>
            <a:r>
              <a:rPr lang="es-ES" sz="1050" dirty="0">
                <a:hlinkClick r:id="rId6"/>
              </a:rPr>
              <a:t>M.Pimenta-Ocampo@cranfield.ac.uk</a:t>
            </a:r>
            <a:endParaRPr lang="es-ES" sz="1050" dirty="0"/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0AEC51B8-11A3-477D-AE6F-7ACF5C132C10}"/>
              </a:ext>
            </a:extLst>
          </p:cNvPr>
          <p:cNvSpPr/>
          <p:nvPr/>
        </p:nvSpPr>
        <p:spPr>
          <a:xfrm>
            <a:off x="323528" y="5631190"/>
            <a:ext cx="8659471" cy="57708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lang="en-US" sz="1050" baseline="30000" dirty="0"/>
              <a:t>1</a:t>
            </a:r>
            <a:r>
              <a:rPr lang="en-US" sz="1050" dirty="0"/>
              <a:t>School of Water, Energy and Environment, Vincent Building, Cranfield University, Cranfield, Bedfordshire MK43 0AL, UK </a:t>
            </a:r>
            <a:r>
              <a:rPr lang="es-ES" sz="1050" dirty="0">
                <a:solidFill>
                  <a:srgbClr val="002060"/>
                </a:solidFill>
                <a:latin typeface="Arial" panose="020B0604020202020204" pitchFamily="34" charset="0"/>
              </a:rPr>
              <a:t>www.cranfield.ac.uk </a:t>
            </a:r>
            <a:endParaRPr lang="es-ES" sz="1050" dirty="0"/>
          </a:p>
          <a:p>
            <a:pPr algn="just"/>
            <a:r>
              <a:rPr lang="en-US" sz="1050" baseline="30000" dirty="0"/>
              <a:t>2</a:t>
            </a:r>
            <a:r>
              <a:rPr lang="en-US" sz="1050" dirty="0"/>
              <a:t>Department of Agricultural Production. E.T.S.I. Agronomic, Food and Biosystems. Technical University of Madrid, Ciudad </a:t>
            </a:r>
            <a:r>
              <a:rPr lang="en-US" sz="1050" dirty="0" err="1"/>
              <a:t>Universitaria</a:t>
            </a:r>
            <a:r>
              <a:rPr lang="en-US" sz="1050" dirty="0"/>
              <a:t>, 28004 Madrid, Spain</a:t>
            </a:r>
            <a:endParaRPr lang="es-ES" sz="1050" dirty="0"/>
          </a:p>
          <a:p>
            <a:pPr algn="just"/>
            <a:r>
              <a:rPr lang="en-US" sz="1050" baseline="30000" dirty="0"/>
              <a:t>3</a:t>
            </a:r>
            <a:r>
              <a:rPr lang="en-US" sz="1050" dirty="0"/>
              <a:t>Department of Geological and Mining Engineering. E.T.S.I. Mines and Energy. Technical University of Madrid, 21 Ríos Rosas Rd, 28003 Madrid, Spain</a:t>
            </a:r>
            <a:endParaRPr lang="es-ES" sz="1050" dirty="0"/>
          </a:p>
        </p:txBody>
      </p:sp>
      <p:sp>
        <p:nvSpPr>
          <p:cNvPr id="12" name="TextBox 11">
            <a:extLst>
              <a:ext uri="{FF2B5EF4-FFF2-40B4-BE49-F238E27FC236}">
                <a16:creationId xmlns:a16="http://schemas.microsoft.com/office/drawing/2014/main" id="{2A3F4AFE-8C84-42B5-8707-47B35FB1AB35}"/>
              </a:ext>
            </a:extLst>
          </p:cNvPr>
          <p:cNvSpPr txBox="1"/>
          <p:nvPr/>
        </p:nvSpPr>
        <p:spPr>
          <a:xfrm>
            <a:off x="650262" y="4468719"/>
            <a:ext cx="717184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1200" b="1" dirty="0"/>
              <a:t>Contact:</a:t>
            </a:r>
          </a:p>
        </p:txBody>
      </p:sp>
    </p:spTree>
    <p:extLst>
      <p:ext uri="{BB962C8B-B14F-4D97-AF65-F5344CB8AC3E}">
        <p14:creationId xmlns:p14="http://schemas.microsoft.com/office/powerpoint/2010/main" val="2801136791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1"/>
          </p:nvPr>
        </p:nvSpPr>
        <p:spPr>
          <a:xfrm>
            <a:off x="373199" y="1286933"/>
            <a:ext cx="8532948" cy="792088"/>
          </a:xfrm>
        </p:spPr>
        <p:txBody>
          <a:bodyPr/>
          <a:lstStyle/>
          <a:p>
            <a:r>
              <a:rPr lang="en-GB" dirty="0">
                <a:solidFill>
                  <a:srgbClr val="0070C0"/>
                </a:solidFill>
              </a:rPr>
              <a:t>Everyday contribution to</a:t>
            </a:r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1248260" y="386079"/>
            <a:ext cx="7433452" cy="864000"/>
          </a:xfrm>
        </p:spPr>
        <p:txBody>
          <a:bodyPr/>
          <a:lstStyle/>
          <a:p>
            <a:r>
              <a:rPr lang="en-GB" dirty="0"/>
              <a:t>Context</a:t>
            </a:r>
          </a:p>
        </p:txBody>
      </p:sp>
      <p:pic>
        <p:nvPicPr>
          <p:cNvPr id="112" name="Imagen 28"/>
          <p:cNvPicPr>
            <a:picLocks noChangeAspect="1"/>
          </p:cNvPicPr>
          <p:nvPr/>
        </p:nvPicPr>
        <p:blipFill rotWithShape="1"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sharpenSoften amount="29000"/>
                    </a14:imgEffect>
                    <a14:imgEffect>
                      <a14:brightnessContrast bright="19000" contrast="27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13646" t="14353" r="10132" b="14032"/>
          <a:stretch/>
        </p:blipFill>
        <p:spPr>
          <a:xfrm>
            <a:off x="6198783" y="4542962"/>
            <a:ext cx="2548663" cy="166429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pic>
        <p:nvPicPr>
          <p:cNvPr id="113" name="Picture 112" descr="Related image"/>
          <p:cNvPicPr/>
          <p:nvPr/>
        </p:nvPicPr>
        <p:blipFill rotWithShape="1">
          <a:blip r:embed="rId4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sharpenSoften amount="-25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b="8088"/>
          <a:stretch/>
        </p:blipFill>
        <p:spPr bwMode="auto">
          <a:xfrm>
            <a:off x="538536" y="3132711"/>
            <a:ext cx="5356125" cy="3074540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132" name="Right Arrow 131"/>
          <p:cNvSpPr/>
          <p:nvPr/>
        </p:nvSpPr>
        <p:spPr>
          <a:xfrm>
            <a:off x="6046397" y="3072684"/>
            <a:ext cx="830703" cy="580862"/>
          </a:xfrm>
          <a:prstGeom prst="rightArrow">
            <a:avLst/>
          </a:prstGeom>
          <a:gradFill flip="none" rotWithShape="1">
            <a:gsLst>
              <a:gs pos="74000">
                <a:schemeClr val="tx1">
                  <a:lumMod val="85000"/>
                  <a:lumOff val="15000"/>
                </a:schemeClr>
              </a:gs>
              <a:gs pos="0">
                <a:schemeClr val="tx1"/>
              </a:gs>
              <a:gs pos="89000">
                <a:schemeClr val="accent2">
                  <a:lumMod val="50000"/>
                </a:schemeClr>
              </a:gs>
            </a:gsLst>
            <a:lin ang="108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054" name="Cube 1053"/>
          <p:cNvSpPr/>
          <p:nvPr/>
        </p:nvSpPr>
        <p:spPr>
          <a:xfrm>
            <a:off x="6877099" y="3144078"/>
            <a:ext cx="1401545" cy="849087"/>
          </a:xfrm>
          <a:prstGeom prst="cube">
            <a:avLst/>
          </a:prstGeom>
          <a:solidFill>
            <a:schemeClr val="bg2">
              <a:lumMod val="50000"/>
            </a:schemeClr>
          </a:solidFill>
          <a:ln>
            <a:solidFill>
              <a:schemeClr val="tx1">
                <a:lumMod val="50000"/>
                <a:lumOff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052" name="Flowchart: Magnetic Disk 1051"/>
          <p:cNvSpPr/>
          <p:nvPr/>
        </p:nvSpPr>
        <p:spPr>
          <a:xfrm>
            <a:off x="6256183" y="3745893"/>
            <a:ext cx="2160240" cy="648072"/>
          </a:xfrm>
          <a:prstGeom prst="flowChartMagneticDisk">
            <a:avLst/>
          </a:prstGeom>
          <a:gradFill flip="none" rotWithShape="1">
            <a:gsLst>
              <a:gs pos="74000">
                <a:schemeClr val="tx1">
                  <a:lumMod val="85000"/>
                  <a:lumOff val="15000"/>
                </a:schemeClr>
              </a:gs>
              <a:gs pos="0">
                <a:schemeClr val="accent1"/>
              </a:gs>
              <a:gs pos="89000">
                <a:schemeClr val="accent2">
                  <a:lumMod val="50000"/>
                </a:schemeClr>
              </a:gs>
            </a:gsLst>
            <a:lin ang="5400000" scaled="1"/>
            <a:tileRect/>
          </a:gra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34" name="Right Arrow 133"/>
          <p:cNvSpPr/>
          <p:nvPr/>
        </p:nvSpPr>
        <p:spPr>
          <a:xfrm>
            <a:off x="8362493" y="3146469"/>
            <a:ext cx="553494" cy="460325"/>
          </a:xfrm>
          <a:prstGeom prst="rightArrow">
            <a:avLst/>
          </a:prstGeom>
          <a:gradFill flip="none" rotWithShape="1">
            <a:gsLst>
              <a:gs pos="74000">
                <a:schemeClr val="tx2">
                  <a:lumMod val="60000"/>
                  <a:lumOff val="40000"/>
                </a:schemeClr>
              </a:gs>
              <a:gs pos="0">
                <a:schemeClr val="accent1">
                  <a:lumMod val="40000"/>
                  <a:lumOff val="60000"/>
                </a:schemeClr>
              </a:gs>
              <a:gs pos="100000">
                <a:srgbClr val="DD7A0F"/>
              </a:gs>
            </a:gsLst>
            <a:lin ang="10800000" scaled="1"/>
            <a:tileRect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38" name="Text Placeholder 1"/>
          <p:cNvSpPr>
            <a:spLocks noGrp="1"/>
          </p:cNvSpPr>
          <p:nvPr>
            <p:ph type="body" sz="quarter" idx="11"/>
          </p:nvPr>
        </p:nvSpPr>
        <p:spPr>
          <a:xfrm>
            <a:off x="6803748" y="5951722"/>
            <a:ext cx="2313874" cy="792088"/>
          </a:xfrm>
        </p:spPr>
        <p:txBody>
          <a:bodyPr>
            <a:normAutofit/>
          </a:bodyPr>
          <a:lstStyle/>
          <a:p>
            <a:r>
              <a:rPr lang="en-GB" sz="1400" dirty="0">
                <a:solidFill>
                  <a:srgbClr val="0070C0"/>
                </a:solidFill>
              </a:rPr>
              <a:t>Sewage sludge</a:t>
            </a:r>
          </a:p>
        </p:txBody>
      </p:sp>
      <p:sp>
        <p:nvSpPr>
          <p:cNvPr id="97" name="Can 96"/>
          <p:cNvSpPr/>
          <p:nvPr/>
        </p:nvSpPr>
        <p:spPr>
          <a:xfrm>
            <a:off x="7198525" y="3072684"/>
            <a:ext cx="137778" cy="227699"/>
          </a:xfrm>
          <a:prstGeom prst="can">
            <a:avLst/>
          </a:prstGeom>
          <a:solidFill>
            <a:schemeClr val="bg2">
              <a:lumMod val="50000"/>
            </a:schemeClr>
          </a:solidFill>
          <a:ln>
            <a:solidFill>
              <a:schemeClr val="accent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grpSp>
        <p:nvGrpSpPr>
          <p:cNvPr id="103" name="Group 102"/>
          <p:cNvGrpSpPr/>
          <p:nvPr/>
        </p:nvGrpSpPr>
        <p:grpSpPr>
          <a:xfrm>
            <a:off x="941080" y="3224687"/>
            <a:ext cx="4870479" cy="2732121"/>
            <a:chOff x="1494208" y="3918448"/>
            <a:chExt cx="4870479" cy="2732121"/>
          </a:xfrm>
        </p:grpSpPr>
        <p:sp>
          <p:nvSpPr>
            <p:cNvPr id="102" name="Rectangle 101"/>
            <p:cNvSpPr/>
            <p:nvPr/>
          </p:nvSpPr>
          <p:spPr>
            <a:xfrm rot="20664897">
              <a:off x="1494208" y="3918448"/>
              <a:ext cx="636336" cy="769441"/>
            </a:xfrm>
            <a:prstGeom prst="rect">
              <a:avLst/>
            </a:prstGeom>
            <a:noFill/>
          </p:spPr>
          <p:txBody>
            <a:bodyPr wrap="square" lIns="91440" tIns="45720" rIns="91440" bIns="45720">
              <a:spAutoFit/>
            </a:bodyPr>
            <a:lstStyle/>
            <a:p>
              <a:pPr algn="ctr"/>
              <a:r>
                <a:rPr lang="en-US" sz="4400" b="1" cap="none" spc="0" dirty="0">
                  <a:ln w="13462">
                    <a:solidFill>
                      <a:schemeClr val="bg1"/>
                    </a:solidFill>
                    <a:prstDash val="solid"/>
                  </a:ln>
                  <a:solidFill>
                    <a:schemeClr val="tx1">
                      <a:lumMod val="85000"/>
                      <a:lumOff val="15000"/>
                    </a:schemeClr>
                  </a:solidFill>
                  <a:effectLst>
                    <a:outerShdw dist="38100" dir="2700000" algn="bl" rotWithShape="0">
                      <a:schemeClr val="accent5"/>
                    </a:outerShdw>
                  </a:effectLst>
                </a:rPr>
                <a:t>P</a:t>
              </a:r>
            </a:p>
          </p:txBody>
        </p:sp>
        <p:sp>
          <p:nvSpPr>
            <p:cNvPr id="148" name="Rectangle 147"/>
            <p:cNvSpPr/>
            <p:nvPr/>
          </p:nvSpPr>
          <p:spPr>
            <a:xfrm rot="20664897">
              <a:off x="3461875" y="3931158"/>
              <a:ext cx="636336" cy="769441"/>
            </a:xfrm>
            <a:prstGeom prst="rect">
              <a:avLst/>
            </a:prstGeom>
            <a:noFill/>
          </p:spPr>
          <p:txBody>
            <a:bodyPr wrap="square" lIns="91440" tIns="45720" rIns="91440" bIns="45720">
              <a:spAutoFit/>
            </a:bodyPr>
            <a:lstStyle/>
            <a:p>
              <a:pPr algn="ctr"/>
              <a:r>
                <a:rPr lang="en-US" sz="4400" b="1" cap="none" spc="0" dirty="0">
                  <a:ln w="13462">
                    <a:solidFill>
                      <a:schemeClr val="bg1"/>
                    </a:solidFill>
                    <a:prstDash val="solid"/>
                  </a:ln>
                  <a:solidFill>
                    <a:schemeClr val="tx1">
                      <a:lumMod val="85000"/>
                      <a:lumOff val="15000"/>
                    </a:schemeClr>
                  </a:solidFill>
                  <a:effectLst>
                    <a:outerShdw dist="38100" dir="2700000" algn="bl" rotWithShape="0">
                      <a:schemeClr val="accent5"/>
                    </a:outerShdw>
                  </a:effectLst>
                </a:rPr>
                <a:t>P</a:t>
              </a:r>
            </a:p>
          </p:txBody>
        </p:sp>
        <p:sp>
          <p:nvSpPr>
            <p:cNvPr id="149" name="Rectangle 148"/>
            <p:cNvSpPr/>
            <p:nvPr/>
          </p:nvSpPr>
          <p:spPr>
            <a:xfrm rot="20664897">
              <a:off x="5728351" y="3957381"/>
              <a:ext cx="636336" cy="769441"/>
            </a:xfrm>
            <a:prstGeom prst="rect">
              <a:avLst/>
            </a:prstGeom>
            <a:noFill/>
          </p:spPr>
          <p:txBody>
            <a:bodyPr wrap="square" lIns="91440" tIns="45720" rIns="91440" bIns="45720">
              <a:spAutoFit/>
            </a:bodyPr>
            <a:lstStyle/>
            <a:p>
              <a:pPr algn="ctr"/>
              <a:r>
                <a:rPr lang="en-US" sz="4400" b="1" cap="none" spc="0" dirty="0">
                  <a:ln w="13462">
                    <a:solidFill>
                      <a:schemeClr val="bg1"/>
                    </a:solidFill>
                    <a:prstDash val="solid"/>
                  </a:ln>
                  <a:solidFill>
                    <a:schemeClr val="tx1">
                      <a:lumMod val="85000"/>
                      <a:lumOff val="15000"/>
                    </a:schemeClr>
                  </a:solidFill>
                  <a:effectLst>
                    <a:outerShdw dist="38100" dir="2700000" algn="bl" rotWithShape="0">
                      <a:schemeClr val="accent5"/>
                    </a:outerShdw>
                  </a:effectLst>
                </a:rPr>
                <a:t>P</a:t>
              </a:r>
            </a:p>
          </p:txBody>
        </p:sp>
        <p:sp>
          <p:nvSpPr>
            <p:cNvPr id="150" name="Rectangle 149"/>
            <p:cNvSpPr/>
            <p:nvPr/>
          </p:nvSpPr>
          <p:spPr>
            <a:xfrm rot="20664897">
              <a:off x="3632771" y="5881128"/>
              <a:ext cx="636336" cy="769441"/>
            </a:xfrm>
            <a:prstGeom prst="rect">
              <a:avLst/>
            </a:prstGeom>
            <a:noFill/>
          </p:spPr>
          <p:txBody>
            <a:bodyPr wrap="square" lIns="91440" tIns="45720" rIns="91440" bIns="45720">
              <a:spAutoFit/>
            </a:bodyPr>
            <a:lstStyle/>
            <a:p>
              <a:pPr algn="ctr"/>
              <a:r>
                <a:rPr lang="en-US" sz="4400" b="1" cap="none" spc="0" dirty="0">
                  <a:ln w="13462">
                    <a:solidFill>
                      <a:schemeClr val="bg1"/>
                    </a:solidFill>
                    <a:prstDash val="solid"/>
                  </a:ln>
                  <a:solidFill>
                    <a:schemeClr val="tx1">
                      <a:lumMod val="85000"/>
                      <a:lumOff val="15000"/>
                    </a:schemeClr>
                  </a:solidFill>
                  <a:effectLst>
                    <a:outerShdw dist="38100" dir="2700000" algn="bl" rotWithShape="0">
                      <a:schemeClr val="accent5"/>
                    </a:outerShdw>
                  </a:effectLst>
                </a:rPr>
                <a:t>P</a:t>
              </a:r>
            </a:p>
          </p:txBody>
        </p:sp>
      </p:grpSp>
      <p:grpSp>
        <p:nvGrpSpPr>
          <p:cNvPr id="3" name="Group 2"/>
          <p:cNvGrpSpPr/>
          <p:nvPr/>
        </p:nvGrpSpPr>
        <p:grpSpPr>
          <a:xfrm>
            <a:off x="6755441" y="4393965"/>
            <a:ext cx="2033024" cy="1212759"/>
            <a:chOff x="8155361" y="4251880"/>
            <a:chExt cx="2033024" cy="1212759"/>
          </a:xfrm>
        </p:grpSpPr>
        <p:sp>
          <p:nvSpPr>
            <p:cNvPr id="1053" name="Right Arrow 1052"/>
            <p:cNvSpPr/>
            <p:nvPr/>
          </p:nvSpPr>
          <p:spPr>
            <a:xfrm rot="5400000">
              <a:off x="8030441" y="4376800"/>
              <a:ext cx="830702" cy="580862"/>
            </a:xfrm>
            <a:prstGeom prst="rightArrow">
              <a:avLst/>
            </a:prstGeom>
            <a:solidFill>
              <a:srgbClr val="843C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51" name="Rectangle 150"/>
            <p:cNvSpPr/>
            <p:nvPr/>
          </p:nvSpPr>
          <p:spPr>
            <a:xfrm rot="20664897">
              <a:off x="9515708" y="4264310"/>
              <a:ext cx="672677" cy="1200329"/>
            </a:xfrm>
            <a:prstGeom prst="rect">
              <a:avLst/>
            </a:prstGeom>
            <a:noFill/>
          </p:spPr>
          <p:txBody>
            <a:bodyPr wrap="square" lIns="91440" tIns="45720" rIns="91440" bIns="45720">
              <a:spAutoFit/>
            </a:bodyPr>
            <a:lstStyle/>
            <a:p>
              <a:pPr algn="ctr"/>
              <a:r>
                <a:rPr lang="en-US" sz="7200" b="1" cap="none" spc="0" dirty="0">
                  <a:ln w="13462">
                    <a:solidFill>
                      <a:schemeClr val="bg1"/>
                    </a:solidFill>
                    <a:prstDash val="solid"/>
                  </a:ln>
                  <a:solidFill>
                    <a:schemeClr val="tx1">
                      <a:lumMod val="85000"/>
                      <a:lumOff val="15000"/>
                    </a:schemeClr>
                  </a:solidFill>
                  <a:effectLst>
                    <a:outerShdw dist="38100" dir="2700000" algn="bl" rotWithShape="0">
                      <a:schemeClr val="accent5"/>
                    </a:outerShdw>
                  </a:effectLst>
                </a:rPr>
                <a:t>P</a:t>
              </a:r>
            </a:p>
          </p:txBody>
        </p:sp>
      </p:grpSp>
      <p:grpSp>
        <p:nvGrpSpPr>
          <p:cNvPr id="107" name="Group 106"/>
          <p:cNvGrpSpPr/>
          <p:nvPr/>
        </p:nvGrpSpPr>
        <p:grpSpPr>
          <a:xfrm>
            <a:off x="5172038" y="51645"/>
            <a:ext cx="3920382" cy="2598443"/>
            <a:chOff x="5463664" y="30184"/>
            <a:chExt cx="3549036" cy="2078905"/>
          </a:xfrm>
        </p:grpSpPr>
        <p:grpSp>
          <p:nvGrpSpPr>
            <p:cNvPr id="159" name="Grupo 58"/>
            <p:cNvGrpSpPr/>
            <p:nvPr/>
          </p:nvGrpSpPr>
          <p:grpSpPr>
            <a:xfrm>
              <a:off x="5463664" y="30184"/>
              <a:ext cx="3549036" cy="2078905"/>
              <a:chOff x="3573186" y="1716995"/>
              <a:chExt cx="4392488" cy="3088995"/>
            </a:xfrm>
          </p:grpSpPr>
          <p:pic>
            <p:nvPicPr>
              <p:cNvPr id="160" name="Imagen 55"/>
              <p:cNvPicPr>
                <a:picLocks noChangeAspect="1"/>
              </p:cNvPicPr>
              <p:nvPr/>
            </p:nvPicPr>
            <p:blipFill rotWithShape="1">
              <a:blip r:embed="rId6"/>
              <a:srcRect l="25095" t="25390" r="41145" b="34025"/>
              <a:stretch/>
            </p:blipFill>
            <p:spPr>
              <a:xfrm>
                <a:off x="3573186" y="1716995"/>
                <a:ext cx="4392488" cy="2968922"/>
              </a:xfrm>
              <a:prstGeom prst="rect">
                <a:avLst/>
              </a:prstGeom>
            </p:spPr>
          </p:pic>
          <p:sp>
            <p:nvSpPr>
              <p:cNvPr id="161" name="CuadroTexto 57"/>
              <p:cNvSpPr txBox="1"/>
              <p:nvPr/>
            </p:nvSpPr>
            <p:spPr>
              <a:xfrm>
                <a:off x="5283472" y="4394404"/>
                <a:ext cx="2083532" cy="411586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sz="1200" dirty="0"/>
                  <a:t>Cordell </a:t>
                </a:r>
                <a:r>
                  <a:rPr lang="en-US" sz="1200" i="1" dirty="0"/>
                  <a:t>et al.</a:t>
                </a:r>
                <a:r>
                  <a:rPr lang="en-US" sz="1200" dirty="0"/>
                  <a:t>, 2011</a:t>
                </a:r>
                <a:endParaRPr lang="es-ES" sz="1200" dirty="0"/>
              </a:p>
            </p:txBody>
          </p:sp>
        </p:grpSp>
        <p:sp>
          <p:nvSpPr>
            <p:cNvPr id="106" name="Frame 105"/>
            <p:cNvSpPr/>
            <p:nvPr/>
          </p:nvSpPr>
          <p:spPr>
            <a:xfrm>
              <a:off x="5591951" y="795163"/>
              <a:ext cx="3350888" cy="140333"/>
            </a:xfrm>
            <a:prstGeom prst="frame">
              <a:avLst/>
            </a:prstGeom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solidFill>
                  <a:schemeClr val="tx1"/>
                </a:solidFill>
              </a:endParaRPr>
            </a:p>
          </p:txBody>
        </p:sp>
      </p:grpSp>
      <p:sp>
        <p:nvSpPr>
          <p:cNvPr id="137" name="Text Placeholder 1"/>
          <p:cNvSpPr>
            <a:spLocks noGrp="1"/>
          </p:cNvSpPr>
          <p:nvPr>
            <p:ph type="body" sz="quarter" idx="11"/>
          </p:nvPr>
        </p:nvSpPr>
        <p:spPr>
          <a:xfrm>
            <a:off x="6566932" y="2455329"/>
            <a:ext cx="2313874" cy="792088"/>
          </a:xfrm>
        </p:spPr>
        <p:txBody>
          <a:bodyPr>
            <a:normAutofit/>
          </a:bodyPr>
          <a:lstStyle/>
          <a:p>
            <a:r>
              <a:rPr lang="en-GB" sz="1400" dirty="0">
                <a:solidFill>
                  <a:srgbClr val="0070C0"/>
                </a:solidFill>
              </a:rPr>
              <a:t>Water Treatment Plant</a:t>
            </a:r>
          </a:p>
        </p:txBody>
      </p:sp>
      <p:sp>
        <p:nvSpPr>
          <p:cNvPr id="170" name="Text Placeholder 1"/>
          <p:cNvSpPr>
            <a:spLocks noGrp="1"/>
          </p:cNvSpPr>
          <p:nvPr>
            <p:ph type="body" sz="quarter" idx="11"/>
          </p:nvPr>
        </p:nvSpPr>
        <p:spPr>
          <a:xfrm>
            <a:off x="373199" y="1924928"/>
            <a:ext cx="3294325" cy="792088"/>
          </a:xfrm>
        </p:spPr>
        <p:txBody>
          <a:bodyPr>
            <a:normAutofit/>
          </a:bodyPr>
          <a:lstStyle/>
          <a:p>
            <a:r>
              <a:rPr lang="en-GB" sz="1200" b="0" dirty="0">
                <a:solidFill>
                  <a:schemeClr val="tx1"/>
                </a:solidFill>
              </a:rPr>
              <a:t>Sewage Sludge (SS) over production</a:t>
            </a:r>
          </a:p>
          <a:p>
            <a:r>
              <a:rPr lang="en-GB" sz="1200" b="0" dirty="0">
                <a:solidFill>
                  <a:schemeClr val="tx1"/>
                </a:solidFill>
              </a:rPr>
              <a:t>Phosphorus crisis (</a:t>
            </a:r>
            <a:r>
              <a:rPr lang="en-GB" sz="1200" b="0" dirty="0" err="1">
                <a:solidFill>
                  <a:schemeClr val="tx1"/>
                </a:solidFill>
              </a:rPr>
              <a:t>P</a:t>
            </a:r>
            <a:r>
              <a:rPr lang="en-GB" sz="800" b="0" dirty="0" err="1">
                <a:solidFill>
                  <a:schemeClr val="tx1"/>
                </a:solidFill>
              </a:rPr>
              <a:t>mineral</a:t>
            </a:r>
            <a:r>
              <a:rPr lang="en-GB" sz="800" b="0" dirty="0">
                <a:solidFill>
                  <a:schemeClr val="tx1"/>
                </a:solidFill>
              </a:rPr>
              <a:t> </a:t>
            </a:r>
            <a:r>
              <a:rPr lang="en-GB" sz="1200" b="0" dirty="0">
                <a:solidFill>
                  <a:schemeClr val="tx1"/>
                </a:solidFill>
              </a:rPr>
              <a:t>critical raw material)</a:t>
            </a:r>
          </a:p>
        </p:txBody>
      </p:sp>
      <p:sp>
        <p:nvSpPr>
          <p:cNvPr id="8" name="Rectangle 7">
            <a:extLst>
              <a:ext uri="{FF2B5EF4-FFF2-40B4-BE49-F238E27FC236}">
                <a16:creationId xmlns:a16="http://schemas.microsoft.com/office/drawing/2014/main" id="{2BE4EF76-4CB2-4BD2-8C1A-FF0665907E38}"/>
              </a:ext>
            </a:extLst>
          </p:cNvPr>
          <p:cNvSpPr/>
          <p:nvPr/>
        </p:nvSpPr>
        <p:spPr>
          <a:xfrm>
            <a:off x="3839940" y="6207251"/>
            <a:ext cx="2013377" cy="18466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r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en-GB" sz="600" dirty="0">
                <a:solidFill>
                  <a:schemeClr val="bg1">
                    <a:lumMod val="65000"/>
                  </a:schemeClr>
                </a:solidFill>
                <a:latin typeface="Arial Unicode MS"/>
                <a:ea typeface="Calibri" panose="020F0502020204030204" pitchFamily="34" charset="0"/>
                <a:cs typeface="Times New Roman" panose="02020603050405020304" pitchFamily="18" charset="0"/>
              </a:rPr>
              <a:t>https://www.shutterstock.com/search/standout+man</a:t>
            </a:r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id="{F992301F-8C57-4073-97E1-80BFDFA84EF8}"/>
              </a:ext>
            </a:extLst>
          </p:cNvPr>
          <p:cNvSpPr/>
          <p:nvPr/>
        </p:nvSpPr>
        <p:spPr>
          <a:xfrm>
            <a:off x="3636748" y="1833707"/>
            <a:ext cx="1677000" cy="95410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GB" sz="1400" dirty="0"/>
              <a:t>Alternative P fertilizer?</a:t>
            </a:r>
            <a:br>
              <a:rPr lang="en-GB" sz="1400" dirty="0"/>
            </a:br>
            <a:r>
              <a:rPr lang="en-GB" sz="1400" dirty="0"/>
              <a:t> A common solution?</a:t>
            </a:r>
          </a:p>
        </p:txBody>
      </p:sp>
      <p:sp>
        <p:nvSpPr>
          <p:cNvPr id="6" name="Right Brace 5">
            <a:extLst>
              <a:ext uri="{FF2B5EF4-FFF2-40B4-BE49-F238E27FC236}">
                <a16:creationId xmlns:a16="http://schemas.microsoft.com/office/drawing/2014/main" id="{E08F9841-A9FA-45DC-B38B-C37E0EF6516D}"/>
              </a:ext>
            </a:extLst>
          </p:cNvPr>
          <p:cNvSpPr/>
          <p:nvPr/>
        </p:nvSpPr>
        <p:spPr>
          <a:xfrm>
            <a:off x="3594736" y="1921320"/>
            <a:ext cx="113168" cy="588092"/>
          </a:xfrm>
          <a:prstGeom prst="rightBrac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9" name="Straight Arrow Connector 8">
            <a:extLst>
              <a:ext uri="{FF2B5EF4-FFF2-40B4-BE49-F238E27FC236}">
                <a16:creationId xmlns:a16="http://schemas.microsoft.com/office/drawing/2014/main" id="{9B83B75A-4E12-4CE0-8774-0E721185608B}"/>
              </a:ext>
            </a:extLst>
          </p:cNvPr>
          <p:cNvCxnSpPr>
            <a:cxnSpLocks/>
            <a:endCxn id="5" idx="0"/>
          </p:cNvCxnSpPr>
          <p:nvPr/>
        </p:nvCxnSpPr>
        <p:spPr>
          <a:xfrm flipH="1">
            <a:off x="4475248" y="930891"/>
            <a:ext cx="478694" cy="90281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53536050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8" name="Table 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285739102"/>
              </p:ext>
            </p:extLst>
          </p:nvPr>
        </p:nvGraphicFramePr>
        <p:xfrm>
          <a:off x="942721" y="1605896"/>
          <a:ext cx="4591233" cy="981702"/>
        </p:xfrm>
        <a:graphic>
          <a:graphicData uri="http://schemas.openxmlformats.org/drawingml/2006/table">
            <a:tbl>
              <a:tblPr firstRow="1" firstCol="1" bandRow="1"/>
              <a:tblGrid>
                <a:gridCol w="3341247">
                  <a:extLst>
                    <a:ext uri="{9D8B030D-6E8A-4147-A177-3AD203B41FA5}">
                      <a16:colId xmlns:a16="http://schemas.microsoft.com/office/drawing/2014/main" val="4076470907"/>
                    </a:ext>
                  </a:extLst>
                </a:gridCol>
                <a:gridCol w="1249986">
                  <a:extLst>
                    <a:ext uri="{9D8B030D-6E8A-4147-A177-3AD203B41FA5}">
                      <a16:colId xmlns:a16="http://schemas.microsoft.com/office/drawing/2014/main" val="3532000904"/>
                    </a:ext>
                  </a:extLst>
                </a:gridCol>
              </a:tblGrid>
              <a:tr h="211785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900" b="1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Final destination objectives of the treated sewage sludge</a:t>
                      </a:r>
                      <a:r>
                        <a:rPr lang="en-US" sz="9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 </a:t>
                      </a:r>
                      <a:endParaRPr lang="en-GB" sz="1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900" b="1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Year 2020 (*)</a:t>
                      </a:r>
                      <a:endParaRPr lang="en-GB" sz="1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777735854"/>
                  </a:ext>
                </a:extLst>
              </a:tr>
              <a:tr h="336636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9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Valorization in soils and other types of valorization excluding the energetic route </a:t>
                      </a:r>
                      <a:endParaRPr lang="en-GB" sz="1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90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85% minimum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623312579"/>
                  </a:ext>
                </a:extLst>
              </a:tr>
              <a:tr h="211785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9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Energetic Valorisation (Valorisation/Co-incineration)</a:t>
                      </a:r>
                      <a:endParaRPr lang="en-GB" sz="1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90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8% minimum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60068484"/>
                  </a:ext>
                </a:extLst>
              </a:tr>
              <a:tr h="221496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90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Disposal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900" dirty="0">
                          <a:effectLst/>
                          <a:latin typeface="Arial" panose="020B060402020202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7% minimum</a:t>
                      </a:r>
                      <a:endParaRPr lang="en-GB" sz="1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552423989"/>
                  </a:ext>
                </a:extLst>
              </a:tr>
            </a:tbl>
          </a:graphicData>
        </a:graphic>
      </p:graphicFrame>
      <p:pic>
        <p:nvPicPr>
          <p:cNvPr id="2056" name="Imagen 34" descr="Sewage_sludge_disposal_from_urban_wastewater_treatment,_by_type_of_treatment,_2015_(%_of_total_mass)_V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" b="17027"/>
          <a:stretch>
            <a:fillRect/>
          </a:stretch>
        </p:blipFill>
        <p:spPr bwMode="auto">
          <a:xfrm>
            <a:off x="418077" y="2973984"/>
            <a:ext cx="5715861" cy="31833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1" name="Rectángulo 21"/>
          <p:cNvSpPr/>
          <p:nvPr/>
        </p:nvSpPr>
        <p:spPr>
          <a:xfrm>
            <a:off x="2704381" y="9618985"/>
            <a:ext cx="4933950" cy="44767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endParaRPr lang="en-GB"/>
          </a:p>
        </p:txBody>
      </p:sp>
      <p:sp>
        <p:nvSpPr>
          <p:cNvPr id="10" name="Rectangle 11"/>
          <p:cNvSpPr>
            <a:spLocks noChangeArrowheads="1"/>
          </p:cNvSpPr>
          <p:nvPr/>
        </p:nvSpPr>
        <p:spPr bwMode="auto">
          <a:xfrm>
            <a:off x="1475656" y="2611760"/>
            <a:ext cx="9144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12" name="Rectangle 13"/>
          <p:cNvSpPr>
            <a:spLocks noChangeArrowheads="1"/>
          </p:cNvSpPr>
          <p:nvPr/>
        </p:nvSpPr>
        <p:spPr bwMode="auto">
          <a:xfrm>
            <a:off x="1475656" y="306896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15" name="Rectangle 14"/>
          <p:cNvSpPr/>
          <p:nvPr/>
        </p:nvSpPr>
        <p:spPr>
          <a:xfrm>
            <a:off x="894377" y="1327742"/>
            <a:ext cx="7632848" cy="2781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lnSpc>
                <a:spcPct val="115000"/>
              </a:lnSpc>
              <a:spcAft>
                <a:spcPts val="1000"/>
              </a:spcAft>
            </a:pPr>
            <a:r>
              <a:rPr lang="en-US" sz="1050" b="1" dirty="0">
                <a:latin typeface="Calibri" panose="020F050202020403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Table 1. Final destination objectives of the treated sewage sludge by 2020</a:t>
            </a:r>
            <a:endParaRPr lang="en-GB" sz="900" b="1" dirty="0"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864506" y="2598342"/>
            <a:ext cx="4572000" cy="267253"/>
          </a:xfrm>
          <a:prstGeom prst="rect">
            <a:avLst/>
          </a:prstGeom>
        </p:spPr>
        <p:txBody>
          <a:bodyPr>
            <a:spAutoFit/>
          </a:bodyPr>
          <a:lstStyle/>
          <a:p>
            <a:pPr algn="just">
              <a:lnSpc>
                <a:spcPct val="115000"/>
              </a:lnSpc>
              <a:spcAft>
                <a:spcPts val="1000"/>
              </a:spcAft>
            </a:pPr>
            <a:r>
              <a:rPr lang="en-US" sz="1050" dirty="0">
                <a:latin typeface="Calibri" panose="020F050202020403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(*) Percentages calculated on the total amount of sludge produced (PEMAR).</a:t>
            </a:r>
            <a:endParaRPr lang="en-GB" sz="1050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9" name="Rectángulo 22"/>
          <p:cNvSpPr>
            <a:spLocks noChangeArrowheads="1"/>
          </p:cNvSpPr>
          <p:nvPr/>
        </p:nvSpPr>
        <p:spPr bwMode="auto">
          <a:xfrm>
            <a:off x="326957" y="6171459"/>
            <a:ext cx="6189259" cy="409575"/>
          </a:xfrm>
          <a:prstGeom prst="rect">
            <a:avLst/>
          </a:prstGeom>
          <a:noFill/>
          <a:ln>
            <a:noFill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900" b="0" i="1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Figure 2. Sewage Sludge Management, 2012 for UK and</a:t>
            </a:r>
            <a:r>
              <a:rPr kumimoji="0" lang="en-US" altLang="en-US" sz="1100" b="1" i="1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 </a:t>
            </a:r>
            <a:r>
              <a:rPr kumimoji="0" lang="en-US" altLang="en-US" sz="900" b="0" i="1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Spain. EUROSTAT</a:t>
            </a:r>
            <a:r>
              <a:rPr kumimoji="0" lang="en-US" altLang="en-US" sz="1100" b="1" i="1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 </a:t>
            </a:r>
            <a:r>
              <a:rPr kumimoji="0" lang="en-US" altLang="en-US" sz="900" b="0" i="1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Source.</a:t>
            </a:r>
            <a:r>
              <a:rPr kumimoji="0" lang="en-US" altLang="en-US" sz="1100" b="1" i="1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 </a:t>
            </a:r>
            <a:r>
              <a:rPr kumimoji="0" lang="en-US" altLang="en-US" sz="900" b="0" i="1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(Access date: 23-Dec-2017)</a:t>
            </a: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pic>
        <p:nvPicPr>
          <p:cNvPr id="20" name="Picture 19" descr="Harry Buurma shows what he calls 'sludge pellets' on his farm near Watford, Ontario, July 9, 2008. Buurma uses the biosolids, also known as sewage sludge, to fertilize his crops."/>
          <p:cNvPicPr/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colorTemperature colorTemp="59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72504" y="3110701"/>
            <a:ext cx="2452556" cy="1862278"/>
          </a:xfrm>
          <a:prstGeom prst="rect">
            <a:avLst/>
          </a:prstGeom>
          <a:noFill/>
          <a:ln>
            <a:noFill/>
          </a:ln>
        </p:spPr>
      </p:pic>
      <p:pic>
        <p:nvPicPr>
          <p:cNvPr id="21" name="Picture 20" descr="Related image"/>
          <p:cNvPicPr/>
          <p:nvPr/>
        </p:nvPicPr>
        <p:blipFill rotWithShape="1"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10000" b="90000" l="10000" r="90000"/>
                    </a14:imgEffect>
                    <a14:imgEffect>
                      <a14:saturation sat="2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16750" t="10000" r="24250" b="8001"/>
          <a:stretch/>
        </p:blipFill>
        <p:spPr bwMode="auto">
          <a:xfrm>
            <a:off x="6012569" y="2587598"/>
            <a:ext cx="1439751" cy="2024588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grpSp>
        <p:nvGrpSpPr>
          <p:cNvPr id="4" name="Group 3"/>
          <p:cNvGrpSpPr/>
          <p:nvPr/>
        </p:nvGrpSpPr>
        <p:grpSpPr>
          <a:xfrm>
            <a:off x="5896357" y="751978"/>
            <a:ext cx="3083596" cy="1888078"/>
            <a:chOff x="5896357" y="751978"/>
            <a:chExt cx="3083596" cy="1888078"/>
          </a:xfrm>
        </p:grpSpPr>
        <p:sp>
          <p:nvSpPr>
            <p:cNvPr id="3" name="Cloud Callout 2"/>
            <p:cNvSpPr/>
            <p:nvPr/>
          </p:nvSpPr>
          <p:spPr>
            <a:xfrm>
              <a:off x="5896357" y="751978"/>
              <a:ext cx="3009980" cy="1888078"/>
            </a:xfrm>
            <a:prstGeom prst="cloudCallout">
              <a:avLst>
                <a:gd name="adj1" fmla="val -11023"/>
                <a:gd name="adj2" fmla="val 63004"/>
              </a:avLst>
            </a:prstGeom>
            <a:noFill/>
            <a:ln>
              <a:solidFill>
                <a:schemeClr val="bg2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grpSp>
          <p:nvGrpSpPr>
            <p:cNvPr id="19" name="Group 18"/>
            <p:cNvGrpSpPr/>
            <p:nvPr/>
          </p:nvGrpSpPr>
          <p:grpSpPr>
            <a:xfrm>
              <a:off x="6217610" y="1174810"/>
              <a:ext cx="2762343" cy="1058646"/>
              <a:chOff x="6274153" y="3255383"/>
              <a:chExt cx="2762343" cy="1058646"/>
            </a:xfrm>
          </p:grpSpPr>
          <p:sp>
            <p:nvSpPr>
              <p:cNvPr id="18" name="Rectangle 17"/>
              <p:cNvSpPr/>
              <p:nvPr/>
            </p:nvSpPr>
            <p:spPr>
              <a:xfrm>
                <a:off x="6274153" y="3667698"/>
                <a:ext cx="2762343" cy="646331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r>
                  <a:rPr lang="en-US" sz="1200" b="1" dirty="0">
                    <a:latin typeface="Calibri" panose="020F0502020204030204" pitchFamily="34" charset="0"/>
                    <a:ea typeface="Calibri" panose="020F0502020204030204" pitchFamily="34" charset="0"/>
                    <a:cs typeface="Arial" panose="020B0604020202020204" pitchFamily="34" charset="0"/>
                  </a:rPr>
                  <a:t>Directive 2008/98/CE </a:t>
                </a:r>
                <a:endParaRPr lang="en-US" sz="1200" dirty="0">
                  <a:latin typeface="Calibri" panose="020F0502020204030204" pitchFamily="34" charset="0"/>
                  <a:ea typeface="Calibri" panose="020F0502020204030204" pitchFamily="34" charset="0"/>
                  <a:cs typeface="Arial" panose="020B0604020202020204" pitchFamily="34" charset="0"/>
                </a:endParaRPr>
              </a:p>
              <a:p>
                <a:r>
                  <a:rPr lang="en-US" sz="1200" dirty="0">
                    <a:latin typeface="Calibri" panose="020F0502020204030204" pitchFamily="34" charset="0"/>
                    <a:ea typeface="Calibri" panose="020F0502020204030204" pitchFamily="34" charset="0"/>
                    <a:cs typeface="Arial" panose="020B0604020202020204" pitchFamily="34" charset="0"/>
                  </a:rPr>
                  <a:t>To ensure the environmental protection</a:t>
                </a:r>
                <a:br>
                  <a:rPr lang="en-US" sz="1200" dirty="0">
                    <a:latin typeface="Calibri" panose="020F0502020204030204" pitchFamily="34" charset="0"/>
                    <a:ea typeface="Calibri" panose="020F0502020204030204" pitchFamily="34" charset="0"/>
                    <a:cs typeface="Arial" panose="020B0604020202020204" pitchFamily="34" charset="0"/>
                  </a:rPr>
                </a:br>
                <a:r>
                  <a:rPr lang="en-US" sz="1200" dirty="0">
                    <a:latin typeface="Calibri" panose="020F0502020204030204" pitchFamily="34" charset="0"/>
                    <a:ea typeface="Calibri" panose="020F0502020204030204" pitchFamily="34" charset="0"/>
                    <a:cs typeface="Arial" panose="020B0604020202020204" pitchFamily="34" charset="0"/>
                  </a:rPr>
                  <a:t> a pretreatment must be done</a:t>
                </a:r>
                <a:endParaRPr lang="en-GB" sz="1200" dirty="0"/>
              </a:p>
            </p:txBody>
          </p:sp>
          <p:sp>
            <p:nvSpPr>
              <p:cNvPr id="23" name="Rectangle 22"/>
              <p:cNvSpPr/>
              <p:nvPr/>
            </p:nvSpPr>
            <p:spPr>
              <a:xfrm>
                <a:off x="6274153" y="3255383"/>
                <a:ext cx="2762343" cy="480131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defTabSz="685800">
                  <a:lnSpc>
                    <a:spcPct val="90000"/>
                  </a:lnSpc>
                  <a:spcBef>
                    <a:spcPts val="750"/>
                  </a:spcBef>
                  <a:spcAft>
                    <a:spcPts val="1000"/>
                  </a:spcAft>
                </a:pPr>
                <a:r>
                  <a:rPr lang="en-US" sz="1400" b="1" dirty="0">
                    <a:solidFill>
                      <a:srgbClr val="0070C0"/>
                    </a:solidFill>
                    <a:latin typeface="Arial" charset="0"/>
                    <a:ea typeface="Arial" charset="0"/>
                    <a:cs typeface="Arial" charset="0"/>
                  </a:rPr>
                  <a:t>Agricultural use of sewage sludge (SS)</a:t>
                </a:r>
                <a:endParaRPr lang="en-GB" sz="1400" b="1" dirty="0">
                  <a:solidFill>
                    <a:srgbClr val="0070C0"/>
                  </a:solidFill>
                  <a:latin typeface="Arial" charset="0"/>
                  <a:ea typeface="Arial" charset="0"/>
                  <a:cs typeface="Arial" charset="0"/>
                </a:endParaRPr>
              </a:p>
            </p:txBody>
          </p:sp>
        </p:grpSp>
      </p:grpSp>
      <p:sp>
        <p:nvSpPr>
          <p:cNvPr id="24" name="Rectangle 23"/>
          <p:cNvSpPr/>
          <p:nvPr/>
        </p:nvSpPr>
        <p:spPr>
          <a:xfrm>
            <a:off x="6257159" y="5420650"/>
            <a:ext cx="2762343" cy="75405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 defTabSz="685800">
              <a:spcBef>
                <a:spcPts val="750"/>
              </a:spcBef>
              <a:spcAft>
                <a:spcPts val="1000"/>
              </a:spcAft>
              <a:buFont typeface="Wingdings" panose="05000000000000000000" pitchFamily="2" charset="2"/>
              <a:buChar char="Ø"/>
            </a:pPr>
            <a:r>
              <a:rPr lang="en-US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Composting</a:t>
            </a:r>
          </a:p>
          <a:p>
            <a:pPr marL="285750" indent="-285750" defTabSz="685800">
              <a:spcBef>
                <a:spcPts val="750"/>
              </a:spcBef>
              <a:spcAft>
                <a:spcPts val="1000"/>
              </a:spcAft>
              <a:buFont typeface="Wingdings" panose="05000000000000000000" pitchFamily="2" charset="2"/>
              <a:buChar char="Ø"/>
            </a:pPr>
            <a:r>
              <a:rPr lang="en-US" sz="1400" b="1" u="sng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Thermal treatments</a:t>
            </a:r>
            <a:endParaRPr lang="en-GB" sz="1400" b="1" u="sng" dirty="0">
              <a:solidFill>
                <a:srgbClr val="0070C0"/>
              </a:solidFill>
              <a:latin typeface="Arial" charset="0"/>
              <a:ea typeface="Arial" charset="0"/>
              <a:cs typeface="Arial" charset="0"/>
            </a:endParaRPr>
          </a:p>
        </p:txBody>
      </p:sp>
      <p:sp>
        <p:nvSpPr>
          <p:cNvPr id="22" name="Frame 21"/>
          <p:cNvSpPr/>
          <p:nvPr/>
        </p:nvSpPr>
        <p:spPr>
          <a:xfrm>
            <a:off x="994140" y="2973983"/>
            <a:ext cx="409508" cy="2903289"/>
          </a:xfrm>
          <a:prstGeom prst="fram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25" name="Title 3"/>
          <p:cNvSpPr txBox="1">
            <a:spLocks/>
          </p:cNvSpPr>
          <p:nvPr/>
        </p:nvSpPr>
        <p:spPr>
          <a:xfrm>
            <a:off x="1253382" y="606222"/>
            <a:ext cx="7433452" cy="864000"/>
          </a:xfrm>
          <a:prstGeom prst="rect">
            <a:avLst/>
          </a:prstGeom>
        </p:spPr>
        <p:txBody>
          <a:bodyPr/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2400" b="1" kern="1200" baseline="0">
                <a:solidFill>
                  <a:srgbClr val="0C406D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</a:lstStyle>
          <a:p>
            <a:r>
              <a:rPr lang="en-GB"/>
              <a:t>Context</a:t>
            </a:r>
            <a:endParaRPr lang="en-GB" dirty="0"/>
          </a:p>
        </p:txBody>
      </p:sp>
      <p:sp>
        <p:nvSpPr>
          <p:cNvPr id="2" name="Curved Right Arrow 1"/>
          <p:cNvSpPr/>
          <p:nvPr/>
        </p:nvSpPr>
        <p:spPr>
          <a:xfrm>
            <a:off x="179511" y="1916832"/>
            <a:ext cx="752831" cy="1818682"/>
          </a:xfrm>
          <a:prstGeom prst="curved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id="{C1650359-C95F-4ABB-99EB-A46FCF4D6538}"/>
              </a:ext>
            </a:extLst>
          </p:cNvPr>
          <p:cNvSpPr/>
          <p:nvPr/>
        </p:nvSpPr>
        <p:spPr>
          <a:xfrm>
            <a:off x="6241225" y="5014719"/>
            <a:ext cx="2583835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en-US" sz="600" dirty="0">
                <a:solidFill>
                  <a:schemeClr val="bg1">
                    <a:lumMod val="65000"/>
                  </a:schemeClr>
                </a:solidFill>
                <a:latin typeface="Arial Unicode MS"/>
                <a:ea typeface="Calibri" panose="020F0502020204030204" pitchFamily="34" charset="0"/>
                <a:cs typeface="Times New Roman" panose="02020603050405020304" pitchFamily="18" charset="0"/>
              </a:rPr>
              <a:t>https://www.thestar.com/life/health_wellness/2008/07/12/is_sewage_fertilizer_safe</a:t>
            </a:r>
            <a:endParaRPr lang="en-GB" sz="600" dirty="0">
              <a:solidFill>
                <a:schemeClr val="bg1">
                  <a:lumMod val="65000"/>
                </a:schemeClr>
              </a:solidFill>
            </a:endParaRPr>
          </a:p>
        </p:txBody>
      </p:sp>
      <p:sp>
        <p:nvSpPr>
          <p:cNvPr id="7" name="Rectangle 6">
            <a:extLst>
              <a:ext uri="{FF2B5EF4-FFF2-40B4-BE49-F238E27FC236}">
                <a16:creationId xmlns:a16="http://schemas.microsoft.com/office/drawing/2014/main" id="{639E41AF-6FB8-49FD-A871-55AFDFC82E2D}"/>
              </a:ext>
            </a:extLst>
          </p:cNvPr>
          <p:cNvSpPr/>
          <p:nvPr/>
        </p:nvSpPr>
        <p:spPr>
          <a:xfrm>
            <a:off x="6257159" y="5194958"/>
            <a:ext cx="289556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just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en-US" altLang="en-US" sz="600" dirty="0">
                <a:solidFill>
                  <a:schemeClr val="bg1">
                    <a:lumMod val="65000"/>
                  </a:schemeClr>
                </a:solidFill>
                <a:latin typeface="Arial Unicode MS"/>
                <a:cs typeface="Times New Roman" panose="02020603050405020304" pitchFamily="18" charset="0"/>
              </a:rPr>
              <a:t>https://www.123rf.com/photo_70899250_3d-white-man-looking-through-the-magnifying-glass-3d-rendering-.html</a:t>
            </a:r>
          </a:p>
        </p:txBody>
      </p:sp>
    </p:spTree>
    <p:extLst>
      <p:ext uri="{BB962C8B-B14F-4D97-AF65-F5344CB8AC3E}">
        <p14:creationId xmlns:p14="http://schemas.microsoft.com/office/powerpoint/2010/main" val="2243354609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Project</a:t>
            </a:r>
          </a:p>
        </p:txBody>
      </p:sp>
      <p:sp>
        <p:nvSpPr>
          <p:cNvPr id="3" name="Rectangle 2"/>
          <p:cNvSpPr/>
          <p:nvPr/>
        </p:nvSpPr>
        <p:spPr>
          <a:xfrm>
            <a:off x="278802" y="1449634"/>
            <a:ext cx="8109622" cy="98488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just"/>
            <a:r>
              <a:rPr lang="en-GB" sz="1600" b="1" dirty="0">
                <a:latin typeface="Arial" panose="020B0604020202020204" pitchFamily="34" charset="0"/>
                <a:cs typeface="Arial" panose="020B0604020202020204" pitchFamily="34" charset="0"/>
              </a:rPr>
              <a:t>AIM</a:t>
            </a:r>
          </a:p>
          <a:p>
            <a:pPr lvl="0" algn="just"/>
            <a:r>
              <a:rPr lang="en-GB" sz="1400" dirty="0">
                <a:latin typeface="Arial" panose="020B0604020202020204" pitchFamily="34" charset="0"/>
                <a:cs typeface="Arial" panose="020B0604020202020204" pitchFamily="34" charset="0"/>
              </a:rPr>
              <a:t>To evaluate interactions in </a:t>
            </a:r>
            <a:r>
              <a:rPr lang="en-GB" sz="1400" b="1" dirty="0">
                <a:latin typeface="Arial" panose="020B0604020202020204" pitchFamily="34" charset="0"/>
                <a:cs typeface="Arial" panose="020B0604020202020204" pitchFamily="34" charset="0"/>
              </a:rPr>
              <a:t>phosphorus availability </a:t>
            </a:r>
            <a:r>
              <a:rPr lang="en-GB" sz="1400" dirty="0">
                <a:latin typeface="Arial" panose="020B0604020202020204" pitchFamily="34" charset="0"/>
                <a:cs typeface="Arial" panose="020B0604020202020204" pitchFamily="34" charset="0"/>
              </a:rPr>
              <a:t>of spring wheat from </a:t>
            </a:r>
            <a:r>
              <a:rPr lang="en-GB" sz="1400" b="1" dirty="0">
                <a:latin typeface="Arial" panose="020B0604020202020204" pitchFamily="34" charset="0"/>
                <a:cs typeface="Arial" panose="020B0604020202020204" pitchFamily="34" charset="0"/>
              </a:rPr>
              <a:t>sewage sludge</a:t>
            </a:r>
            <a:r>
              <a:rPr lang="en-GB" sz="1400" dirty="0">
                <a:latin typeface="Arial" panose="020B0604020202020204" pitchFamily="34" charset="0"/>
                <a:cs typeface="Arial" panose="020B0604020202020204" pitchFamily="34" charset="0"/>
              </a:rPr>
              <a:t> and its thermally treated derivatives, pyrochar and hydrochar, when added </a:t>
            </a:r>
            <a:r>
              <a:rPr lang="en-GB" sz="1400" b="1" dirty="0">
                <a:latin typeface="Arial" panose="020B0604020202020204" pitchFamily="34" charset="0"/>
                <a:cs typeface="Arial" panose="020B0604020202020204" pitchFamily="34" charset="0"/>
              </a:rPr>
              <a:t>on its own </a:t>
            </a:r>
            <a:r>
              <a:rPr lang="en-GB" sz="1400" dirty="0">
                <a:latin typeface="Arial" panose="020B0604020202020204" pitchFamily="34" charset="0"/>
                <a:cs typeface="Arial" panose="020B0604020202020204" pitchFamily="34" charset="0"/>
              </a:rPr>
              <a:t>and </a:t>
            </a:r>
            <a:r>
              <a:rPr lang="en-GB" sz="1400" b="1" dirty="0">
                <a:latin typeface="Arial" panose="020B0604020202020204" pitchFamily="34" charset="0"/>
                <a:cs typeface="Arial" panose="020B0604020202020204" pitchFamily="34" charset="0"/>
              </a:rPr>
              <a:t>in combination</a:t>
            </a:r>
            <a:r>
              <a:rPr lang="en-GB" sz="1400" dirty="0">
                <a:latin typeface="Arial" panose="020B0604020202020204" pitchFamily="34" charset="0"/>
                <a:cs typeface="Arial" panose="020B0604020202020204" pitchFamily="34" charset="0"/>
              </a:rPr>
              <a:t> with sewage sludge cake as soil amendment</a:t>
            </a:r>
          </a:p>
        </p:txBody>
      </p:sp>
      <p:sp>
        <p:nvSpPr>
          <p:cNvPr id="6" name="Rectangle 5"/>
          <p:cNvSpPr/>
          <p:nvPr/>
        </p:nvSpPr>
        <p:spPr>
          <a:xfrm>
            <a:off x="278802" y="2609348"/>
            <a:ext cx="4783055" cy="286682"/>
          </a:xfrm>
          <a:prstGeom prst="rect">
            <a:avLst/>
          </a:prstGeom>
          <a:solidFill>
            <a:schemeClr val="bg1"/>
          </a:solidFill>
        </p:spPr>
        <p:txBody>
          <a:bodyPr wrap="square">
            <a:spAutoFit/>
          </a:bodyPr>
          <a:lstStyle/>
          <a:p>
            <a:pPr algn="just">
              <a:lnSpc>
                <a:spcPct val="115000"/>
              </a:lnSpc>
              <a:spcAft>
                <a:spcPts val="800"/>
              </a:spcAft>
            </a:pPr>
            <a:r>
              <a:rPr lang="en-US" sz="1200" b="1" dirty="0">
                <a:latin typeface="Arial" charset="0"/>
                <a:ea typeface="Arial" charset="0"/>
                <a:cs typeface="Arial" charset="0"/>
              </a:rPr>
              <a:t>To answer the following questions:</a:t>
            </a:r>
            <a:endParaRPr lang="en-GB" sz="1200" b="1" dirty="0">
              <a:latin typeface="Arial" charset="0"/>
              <a:ea typeface="Arial" charset="0"/>
              <a:cs typeface="Arial" charset="0"/>
            </a:endParaRPr>
          </a:p>
        </p:txBody>
      </p:sp>
      <p:grpSp>
        <p:nvGrpSpPr>
          <p:cNvPr id="2" name="Group 1"/>
          <p:cNvGrpSpPr/>
          <p:nvPr/>
        </p:nvGrpSpPr>
        <p:grpSpPr>
          <a:xfrm>
            <a:off x="1990762" y="3327651"/>
            <a:ext cx="6613686" cy="2767866"/>
            <a:chOff x="1990762" y="3327651"/>
            <a:chExt cx="6613686" cy="2767866"/>
          </a:xfrm>
        </p:grpSpPr>
        <p:sp>
          <p:nvSpPr>
            <p:cNvPr id="9" name="Rectangle 8"/>
            <p:cNvSpPr/>
            <p:nvPr/>
          </p:nvSpPr>
          <p:spPr>
            <a:xfrm>
              <a:off x="1990762" y="3327651"/>
              <a:ext cx="6195534" cy="587853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>
              <a:spAutoFit/>
            </a:bodyPr>
            <a:lstStyle/>
            <a:p>
              <a:pPr algn="just">
                <a:lnSpc>
                  <a:spcPct val="115000"/>
                </a:lnSpc>
                <a:spcAft>
                  <a:spcPts val="800"/>
                </a:spcAft>
              </a:pPr>
              <a:r>
                <a:rPr lang="en-US" sz="1400" b="1" dirty="0">
                  <a:solidFill>
                    <a:srgbClr val="0070C0"/>
                  </a:solidFill>
                  <a:latin typeface="Arial" charset="0"/>
                  <a:ea typeface="Arial" charset="0"/>
                  <a:cs typeface="Arial" charset="0"/>
                </a:rPr>
                <a:t>How did the thermal treatments affect the sludge? Are the material significantly different?</a:t>
              </a:r>
              <a:endParaRPr lang="en-GB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0" name="Rectangle 9"/>
            <p:cNvSpPr/>
            <p:nvPr/>
          </p:nvSpPr>
          <p:spPr>
            <a:xfrm>
              <a:off x="1990762" y="4321099"/>
              <a:ext cx="6613686" cy="690445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>
              <a:spAutoFit/>
            </a:bodyPr>
            <a:lstStyle/>
            <a:p>
              <a:pPr algn="just">
                <a:lnSpc>
                  <a:spcPct val="115000"/>
                </a:lnSpc>
                <a:spcAft>
                  <a:spcPts val="800"/>
                </a:spcAft>
              </a:pPr>
              <a:r>
                <a:rPr lang="en-US" sz="1400" b="1" dirty="0">
                  <a:solidFill>
                    <a:srgbClr val="0070C0"/>
                  </a:solidFill>
                  <a:latin typeface="Arial" charset="0"/>
                  <a:ea typeface="Arial" charset="0"/>
                  <a:cs typeface="Arial" charset="0"/>
                </a:rPr>
                <a:t>Do these materials change the properties of the soil amended with them?</a:t>
              </a:r>
            </a:p>
            <a:p>
              <a:pPr algn="just">
                <a:lnSpc>
                  <a:spcPct val="115000"/>
                </a:lnSpc>
                <a:spcAft>
                  <a:spcPts val="800"/>
                </a:spcAft>
              </a:pPr>
              <a:r>
                <a:rPr lang="en-US" sz="1400" b="1" dirty="0">
                  <a:solidFill>
                    <a:srgbClr val="0070C0"/>
                  </a:solidFill>
                  <a:latin typeface="Arial" charset="0"/>
                  <a:ea typeface="Arial" charset="0"/>
                  <a:cs typeface="Arial" charset="0"/>
                </a:rPr>
                <a:t>Would this change over time?</a:t>
              </a:r>
              <a:endParaRPr lang="en-GB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1" name="Rectangle 10"/>
            <p:cNvSpPr/>
            <p:nvPr/>
          </p:nvSpPr>
          <p:spPr>
            <a:xfrm>
              <a:off x="2007398" y="5405072"/>
              <a:ext cx="6178898" cy="690445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>
              <a:spAutoFit/>
            </a:bodyPr>
            <a:lstStyle/>
            <a:p>
              <a:pPr algn="just">
                <a:lnSpc>
                  <a:spcPct val="115000"/>
                </a:lnSpc>
                <a:spcAft>
                  <a:spcPts val="800"/>
                </a:spcAft>
              </a:pPr>
              <a:r>
                <a:rPr lang="en-US" sz="1400" b="1" dirty="0">
                  <a:solidFill>
                    <a:srgbClr val="0070C0"/>
                  </a:solidFill>
                  <a:latin typeface="Arial" charset="0"/>
                  <a:ea typeface="Arial" charset="0"/>
                  <a:cs typeface="Arial" charset="0"/>
                </a:rPr>
                <a:t>Do these amendments improve yield production?</a:t>
              </a:r>
            </a:p>
            <a:p>
              <a:pPr algn="just">
                <a:lnSpc>
                  <a:spcPct val="115000"/>
                </a:lnSpc>
                <a:spcAft>
                  <a:spcPts val="800"/>
                </a:spcAft>
              </a:pPr>
              <a:r>
                <a:rPr lang="en-US" sz="1400" b="1" dirty="0">
                  <a:solidFill>
                    <a:srgbClr val="0070C0"/>
                  </a:solidFill>
                  <a:latin typeface="Arial" charset="0"/>
                  <a:ea typeface="Arial" charset="0"/>
                  <a:cs typeface="Arial" charset="0"/>
                </a:rPr>
                <a:t> And grain quality?</a:t>
              </a:r>
              <a:endParaRPr lang="en-GB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</p:grpSp>
      <p:pic>
        <p:nvPicPr>
          <p:cNvPr id="14" name="Imagen 29"/>
          <p:cNvPicPr>
            <a:picLocks noChangeAspect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ackgroundRemoval t="1064" b="99291" l="6353" r="99529">
                        <a14:foregroundMark x1="36235" y1="34397" x2="21176" y2="39007"/>
                        <a14:foregroundMark x1="21176" y1="39007" x2="21176" y2="39007"/>
                        <a14:foregroundMark x1="7529" y1="56383" x2="7529" y2="56383"/>
                        <a14:foregroundMark x1="8000" y1="57447" x2="16471" y2="88298"/>
                        <a14:foregroundMark x1="16471" y1="88298" x2="46353" y2="95035"/>
                        <a14:foregroundMark x1="46353" y1="95035" x2="56471" y2="65603"/>
                        <a14:foregroundMark x1="36941" y1="33688" x2="36941" y2="33688"/>
                        <a14:foregroundMark x1="37647" y1="33688" x2="49176" y2="28723"/>
                        <a14:foregroundMark x1="49176" y1="28014" x2="49647" y2="27305"/>
                        <a14:foregroundMark x1="8471" y1="55674" x2="18353" y2="35816"/>
                        <a14:foregroundMark x1="56471" y1="48582" x2="58588" y2="55674"/>
                        <a14:foregroundMark x1="58824" y1="51064" x2="62353" y2="59929"/>
                      </a14:backgroundRemoval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444208" y="5488418"/>
            <a:ext cx="1613447" cy="1070570"/>
          </a:xfrm>
          <a:prstGeom prst="rect">
            <a:avLst/>
          </a:prstGeom>
        </p:spPr>
      </p:pic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28326"/>
          <a:stretch/>
        </p:blipFill>
        <p:spPr>
          <a:xfrm>
            <a:off x="799898" y="4241186"/>
            <a:ext cx="1195087" cy="93790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/>
        </p:spPr>
      </p:pic>
      <p:pic>
        <p:nvPicPr>
          <p:cNvPr id="16" name="Picture 15"/>
          <p:cNvPicPr>
            <a:picLocks noChangeAspect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451" r="16138" b="1000"/>
          <a:stretch/>
        </p:blipFill>
        <p:spPr>
          <a:xfrm>
            <a:off x="799898" y="5314547"/>
            <a:ext cx="1224136" cy="94141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17" name="Rounded Rectangle 16"/>
          <p:cNvSpPr/>
          <p:nvPr/>
        </p:nvSpPr>
        <p:spPr>
          <a:xfrm>
            <a:off x="799898" y="3136729"/>
            <a:ext cx="1207500" cy="1044188"/>
          </a:xfrm>
          <a:prstGeom prst="roundRect">
            <a:avLst>
              <a:gd name="adj" fmla="val 16670"/>
            </a:avLst>
          </a:prstGeom>
          <a:blipFill rotWithShape="1">
            <a:blip r:embed="rId6"/>
            <a:stretch>
              <a:fillRect/>
            </a:stretch>
          </a:blipFill>
          <a:ln>
            <a:noFill/>
          </a:ln>
        </p:spPr>
        <p:style>
          <a:lnRef idx="2">
            <a:schemeClr val="accent3">
              <a:shade val="80000"/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lt1"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</p:sp>
    </p:spTree>
    <p:extLst>
      <p:ext uri="{BB962C8B-B14F-4D97-AF65-F5344CB8AC3E}">
        <p14:creationId xmlns:p14="http://schemas.microsoft.com/office/powerpoint/2010/main" val="1865389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402236776"/>
              </p:ext>
            </p:extLst>
          </p:nvPr>
        </p:nvGraphicFramePr>
        <p:xfrm>
          <a:off x="970186" y="3307741"/>
          <a:ext cx="6967895" cy="3007995"/>
        </p:xfrm>
        <a:graphic>
          <a:graphicData uri="http://schemas.openxmlformats.org/drawingml/2006/table">
            <a:tbl>
              <a:tblPr firstRow="1" firstCol="1" bandRow="1"/>
              <a:tblGrid>
                <a:gridCol w="2880678">
                  <a:extLst>
                    <a:ext uri="{9D8B030D-6E8A-4147-A177-3AD203B41FA5}">
                      <a16:colId xmlns:a16="http://schemas.microsoft.com/office/drawing/2014/main" val="3766495785"/>
                    </a:ext>
                  </a:extLst>
                </a:gridCol>
                <a:gridCol w="1389142">
                  <a:extLst>
                    <a:ext uri="{9D8B030D-6E8A-4147-A177-3AD203B41FA5}">
                      <a16:colId xmlns:a16="http://schemas.microsoft.com/office/drawing/2014/main" val="85246137"/>
                    </a:ext>
                  </a:extLst>
                </a:gridCol>
                <a:gridCol w="1387435">
                  <a:extLst>
                    <a:ext uri="{9D8B030D-6E8A-4147-A177-3AD203B41FA5}">
                      <a16:colId xmlns:a16="http://schemas.microsoft.com/office/drawing/2014/main" val="1203912710"/>
                    </a:ext>
                  </a:extLst>
                </a:gridCol>
                <a:gridCol w="1310640">
                  <a:extLst>
                    <a:ext uri="{9D8B030D-6E8A-4147-A177-3AD203B41FA5}">
                      <a16:colId xmlns:a16="http://schemas.microsoft.com/office/drawing/2014/main" val="1457536232"/>
                    </a:ext>
                  </a:extLst>
                </a:gridCol>
              </a:tblGrid>
              <a:tr h="33020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000" b="1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Process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000" b="1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Temperature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(°C)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000" b="1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Retention time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000" b="1" dirty="0">
                          <a:solidFill>
                            <a:srgbClr val="007DDA"/>
                          </a:solidFill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Principal product</a:t>
                      </a:r>
                      <a:endParaRPr lang="en-GB" sz="1100" dirty="0">
                        <a:solidFill>
                          <a:srgbClr val="007DDA"/>
                        </a:solidFill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192225268"/>
                  </a:ext>
                </a:extLst>
              </a:tr>
              <a:tr h="33020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000" b="1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Gasification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800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Long time rates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Syngas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359461586"/>
                  </a:ext>
                </a:extLst>
              </a:tr>
              <a:tr h="33020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 b="1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Fast Pyrolysis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&gt;500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Short time</a:t>
                      </a:r>
                      <a:b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</a:b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(2 s)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Bio-oil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565834629"/>
                  </a:ext>
                </a:extLst>
              </a:tr>
              <a:tr h="39624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000" b="1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Slow Pyrolysis at high or moderate temperatures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300-700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 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Long-time rates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Biochar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520433160"/>
                  </a:ext>
                </a:extLst>
              </a:tr>
              <a:tr h="41021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000" b="1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Slow Pyrolysis at low temperatures (Torrefaction)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200- 300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Long-time rates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Biochar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4094276791"/>
                  </a:ext>
                </a:extLst>
              </a:tr>
              <a:tr h="33020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 b="1" dirty="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Hydrothermal Gasification</a:t>
                      </a:r>
                      <a:endParaRPr lang="en-GB" sz="1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&gt;400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 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Long-time rates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 dirty="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Syngas</a:t>
                      </a:r>
                      <a:endParaRPr lang="en-GB" sz="1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136750893"/>
                  </a:ext>
                </a:extLst>
              </a:tr>
              <a:tr h="33020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 b="1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Hydrothermal Liquefaction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250-400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 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Long-time rates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Bio-oil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1014118"/>
                  </a:ext>
                </a:extLst>
              </a:tr>
              <a:tr h="33020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 b="1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Hydrothermal Carbonization (HTC)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br>
                        <a:rPr lang="en-GB" sz="1000" dirty="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</a:br>
                      <a:r>
                        <a:rPr lang="en-GB" sz="1000" dirty="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180-250</a:t>
                      </a:r>
                      <a:endParaRPr lang="en-GB" sz="1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 dirty="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 </a:t>
                      </a:r>
                      <a:endParaRPr lang="en-GB" sz="1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Long-time rates</a:t>
                      </a:r>
                      <a:endParaRPr lang="en-GB" sz="110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GB" sz="1000" dirty="0">
                          <a:effectLst/>
                          <a:latin typeface="Calibri" panose="020F0502020204030204" pitchFamily="34" charset="0"/>
                          <a:ea typeface="Calibri" panose="020F0502020204030204" pitchFamily="34" charset="0"/>
                          <a:cs typeface="Arial" panose="020B0604020202020204" pitchFamily="34" charset="0"/>
                        </a:rPr>
                        <a:t>Hydrochar</a:t>
                      </a:r>
                      <a:endParaRPr lang="en-GB" sz="1100" dirty="0">
                        <a:effectLst/>
                        <a:latin typeface="Arial" panose="020B060402020202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753034937"/>
                  </a:ext>
                </a:extLst>
              </a:tr>
            </a:tbl>
          </a:graphicData>
        </a:graphic>
      </p:graphicFrame>
      <p:sp>
        <p:nvSpPr>
          <p:cNvPr id="5" name="Rectangle 2"/>
          <p:cNvSpPr>
            <a:spLocks noChangeArrowheads="1"/>
          </p:cNvSpPr>
          <p:nvPr/>
        </p:nvSpPr>
        <p:spPr bwMode="auto">
          <a:xfrm>
            <a:off x="944231" y="3053103"/>
            <a:ext cx="4176143" cy="84638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900" b="1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Table 2. Types of thermal treatments (</a:t>
            </a:r>
            <a:r>
              <a:rPr kumimoji="0" lang="en-US" altLang="en-US" sz="900" b="1" i="0" u="none" strike="noStrike" cap="none" normalizeH="0" baseline="0" dirty="0" err="1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Sohi</a:t>
            </a:r>
            <a:r>
              <a:rPr kumimoji="0" lang="en-US" altLang="en-US" sz="900" b="1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Arial" panose="020B0604020202020204" pitchFamily="34" charset="0"/>
              </a:rPr>
              <a:t> et al., 2009); (H. J. Huang &amp; Yuan, 2016).</a:t>
            </a:r>
            <a:endParaRPr kumimoji="0" lang="en-GB" altLang="en-US" sz="900" b="1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br>
              <a:rPr kumimoji="0" lang="en-US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</a:br>
            <a:br>
              <a:rPr kumimoji="0" lang="en-US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Arial" panose="020B0604020202020204" pitchFamily="34" charset="0"/>
                <a:ea typeface="Calibri" panose="020F0502020204030204" pitchFamily="34" charset="0"/>
                <a:cs typeface="Arial" panose="020B0604020202020204" pitchFamily="34" charset="0"/>
              </a:rPr>
            </a:br>
            <a:endParaRPr kumimoji="0" lang="en-US" altLang="en-US" sz="18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Arial" panose="020B0604020202020204" pitchFamily="34" charset="0"/>
            </a:endParaRPr>
          </a:p>
        </p:txBody>
      </p:sp>
      <p:sp>
        <p:nvSpPr>
          <p:cNvPr id="7" name="Title 3"/>
          <p:cNvSpPr txBox="1">
            <a:spLocks/>
          </p:cNvSpPr>
          <p:nvPr/>
        </p:nvSpPr>
        <p:spPr>
          <a:xfrm>
            <a:off x="1403648" y="403200"/>
            <a:ext cx="7433452" cy="864000"/>
          </a:xfrm>
          <a:prstGeom prst="rect">
            <a:avLst/>
          </a:prstGeom>
        </p:spPr>
        <p:txBody>
          <a:bodyPr/>
          <a:lstStyle>
            <a:lvl1pPr algn="l" defTabSz="6858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2400" b="1" kern="1200" baseline="0">
                <a:solidFill>
                  <a:srgbClr val="0C406D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</a:lstStyle>
          <a:p>
            <a:r>
              <a:rPr lang="en-GB" dirty="0"/>
              <a:t>Thermal Treatments selected</a:t>
            </a:r>
          </a:p>
        </p:txBody>
      </p:sp>
      <p:grpSp>
        <p:nvGrpSpPr>
          <p:cNvPr id="43" name="Group 42"/>
          <p:cNvGrpSpPr/>
          <p:nvPr/>
        </p:nvGrpSpPr>
        <p:grpSpPr>
          <a:xfrm>
            <a:off x="755576" y="908131"/>
            <a:ext cx="7991794" cy="2107328"/>
            <a:chOff x="755576" y="908131"/>
            <a:chExt cx="7991794" cy="2107328"/>
          </a:xfrm>
          <a:solidFill>
            <a:schemeClr val="bg1"/>
          </a:solidFill>
        </p:grpSpPr>
        <p:pic>
          <p:nvPicPr>
            <p:cNvPr id="11" name="Picture 10"/>
            <p:cNvPicPr>
              <a:picLocks noChangeAspect="1"/>
            </p:cNvPicPr>
            <p:nvPr/>
          </p:nvPicPr>
          <p:blipFill>
            <a:blip r:embed="rId2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saturation sat="33000"/>
                      </a14:imgEffect>
                    </a14:imgLayer>
                  </a14:imgProps>
                </a:ext>
              </a:extLst>
            </a:blip>
            <a:stretch>
              <a:fillRect/>
            </a:stretch>
          </p:blipFill>
          <p:spPr>
            <a:xfrm>
              <a:off x="3373659" y="908131"/>
              <a:ext cx="1638529" cy="1838582"/>
            </a:xfrm>
            <a:prstGeom prst="rect">
              <a:avLst/>
            </a:prstGeom>
            <a:grpFill/>
          </p:spPr>
        </p:pic>
        <p:sp>
          <p:nvSpPr>
            <p:cNvPr id="12" name="Right Arrow 11"/>
            <p:cNvSpPr/>
            <p:nvPr/>
          </p:nvSpPr>
          <p:spPr>
            <a:xfrm>
              <a:off x="2653578" y="1742135"/>
              <a:ext cx="938461" cy="371955"/>
            </a:xfrm>
            <a:prstGeom prst="rightArrow">
              <a:avLst/>
            </a:prstGeom>
            <a:grpFill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5" name="Right Arrow 14"/>
            <p:cNvSpPr/>
            <p:nvPr/>
          </p:nvSpPr>
          <p:spPr>
            <a:xfrm>
              <a:off x="4812006" y="2558465"/>
              <a:ext cx="966476" cy="371955"/>
            </a:xfrm>
            <a:prstGeom prst="rightArrow">
              <a:avLst/>
            </a:prstGeom>
            <a:grpFill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8" name="Rectangle 17"/>
            <p:cNvSpPr/>
            <p:nvPr/>
          </p:nvSpPr>
          <p:spPr>
            <a:xfrm>
              <a:off x="5920955" y="2581190"/>
              <a:ext cx="2826415" cy="341632"/>
            </a:xfrm>
            <a:prstGeom prst="rect">
              <a:avLst/>
            </a:prstGeom>
            <a:grpFill/>
          </p:spPr>
          <p:txBody>
            <a:bodyPr wrap="none">
              <a:spAutoFit/>
            </a:bodyPr>
            <a:lstStyle/>
            <a:p>
              <a:pPr defTabSz="685800">
                <a:lnSpc>
                  <a:spcPct val="90000"/>
                </a:lnSpc>
                <a:spcBef>
                  <a:spcPts val="750"/>
                </a:spcBef>
                <a:spcAft>
                  <a:spcPts val="1000"/>
                </a:spcAft>
              </a:pPr>
              <a:r>
                <a:rPr lang="en-US" b="1" dirty="0">
                  <a:solidFill>
                    <a:schemeClr val="accent5">
                      <a:lumMod val="75000"/>
                    </a:schemeClr>
                  </a:solidFill>
                  <a:latin typeface="Arial" charset="0"/>
                  <a:ea typeface="Arial" charset="0"/>
                  <a:cs typeface="Arial" charset="0"/>
                </a:rPr>
                <a:t>Solid product “Biochar”</a:t>
              </a:r>
              <a:endParaRPr lang="en-GB" b="1" dirty="0">
                <a:solidFill>
                  <a:schemeClr val="accent5">
                    <a:lumMod val="75000"/>
                  </a:schemeClr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19" name="Rectangle 18"/>
            <p:cNvSpPr/>
            <p:nvPr/>
          </p:nvSpPr>
          <p:spPr>
            <a:xfrm>
              <a:off x="755576" y="1773634"/>
              <a:ext cx="1851789" cy="341632"/>
            </a:xfrm>
            <a:prstGeom prst="rect">
              <a:avLst/>
            </a:prstGeom>
            <a:grpFill/>
          </p:spPr>
          <p:txBody>
            <a:bodyPr wrap="none">
              <a:spAutoFit/>
            </a:bodyPr>
            <a:lstStyle/>
            <a:p>
              <a:pPr defTabSz="685800">
                <a:lnSpc>
                  <a:spcPct val="90000"/>
                </a:lnSpc>
                <a:spcBef>
                  <a:spcPts val="750"/>
                </a:spcBef>
                <a:spcAft>
                  <a:spcPts val="1000"/>
                </a:spcAft>
              </a:pPr>
              <a:r>
                <a:rPr lang="en-US" b="1" dirty="0">
                  <a:solidFill>
                    <a:srgbClr val="0070C0"/>
                  </a:solidFill>
                  <a:latin typeface="Arial" charset="0"/>
                  <a:ea typeface="Arial" charset="0"/>
                  <a:cs typeface="Arial" charset="0"/>
                </a:rPr>
                <a:t>Sewage sludge</a:t>
              </a:r>
              <a:endParaRPr lang="en-GB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20" name="Rectangle 19"/>
            <p:cNvSpPr/>
            <p:nvPr/>
          </p:nvSpPr>
          <p:spPr>
            <a:xfrm>
              <a:off x="3767165" y="2729227"/>
              <a:ext cx="851515" cy="286232"/>
            </a:xfrm>
            <a:prstGeom prst="rect">
              <a:avLst/>
            </a:prstGeom>
            <a:grpFill/>
          </p:spPr>
          <p:txBody>
            <a:bodyPr wrap="none">
              <a:spAutoFit/>
            </a:bodyPr>
            <a:lstStyle/>
            <a:p>
              <a:pPr defTabSz="685800">
                <a:lnSpc>
                  <a:spcPct val="90000"/>
                </a:lnSpc>
                <a:spcBef>
                  <a:spcPts val="750"/>
                </a:spcBef>
                <a:spcAft>
                  <a:spcPts val="1000"/>
                </a:spcAft>
              </a:pPr>
              <a:r>
                <a:rPr lang="en-US" sz="1400" b="1" dirty="0">
                  <a:solidFill>
                    <a:srgbClr val="0070C0"/>
                  </a:solidFill>
                  <a:latin typeface="Arial" charset="0"/>
                  <a:ea typeface="Arial" charset="0"/>
                  <a:cs typeface="Arial" charset="0"/>
                </a:rPr>
                <a:t>Reactor</a:t>
              </a:r>
              <a:endParaRPr lang="en-GB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102268" y="4276810"/>
            <a:ext cx="7835813" cy="2363898"/>
            <a:chOff x="120821" y="4299465"/>
            <a:chExt cx="7835813" cy="2383946"/>
          </a:xfrm>
        </p:grpSpPr>
        <p:grpSp>
          <p:nvGrpSpPr>
            <p:cNvPr id="23" name="Group 22"/>
            <p:cNvGrpSpPr/>
            <p:nvPr/>
          </p:nvGrpSpPr>
          <p:grpSpPr>
            <a:xfrm>
              <a:off x="962784" y="4299465"/>
              <a:ext cx="6993850" cy="2071152"/>
              <a:chOff x="278844" y="4362470"/>
              <a:chExt cx="8558256" cy="2071152"/>
            </a:xfrm>
          </p:grpSpPr>
          <p:sp>
            <p:nvSpPr>
              <p:cNvPr id="21" name="Frame 20"/>
              <p:cNvSpPr/>
              <p:nvPr/>
            </p:nvSpPr>
            <p:spPr>
              <a:xfrm>
                <a:off x="278845" y="4362470"/>
                <a:ext cx="8558255" cy="866730"/>
              </a:xfrm>
              <a:prstGeom prst="frame">
                <a:avLst>
                  <a:gd name="adj1" fmla="val 4168"/>
                </a:avLst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>
                  <a:solidFill>
                    <a:schemeClr val="tx1"/>
                  </a:solidFill>
                </a:endParaRPr>
              </a:p>
            </p:txBody>
          </p:sp>
          <p:sp>
            <p:nvSpPr>
              <p:cNvPr id="22" name="Frame 21"/>
              <p:cNvSpPr/>
              <p:nvPr/>
            </p:nvSpPr>
            <p:spPr>
              <a:xfrm>
                <a:off x="278844" y="5907649"/>
                <a:ext cx="8558255" cy="525973"/>
              </a:xfrm>
              <a:prstGeom prst="frame">
                <a:avLst>
                  <a:gd name="adj1" fmla="val 7441"/>
                </a:avLst>
              </a:prstGeom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>
                  <a:solidFill>
                    <a:schemeClr val="tx1"/>
                  </a:solidFill>
                </a:endParaRPr>
              </a:p>
            </p:txBody>
          </p:sp>
        </p:grpSp>
        <p:pic>
          <p:nvPicPr>
            <p:cNvPr id="24" name="Picture 23"/>
            <p:cNvPicPr>
              <a:picLocks noChangeAspect="1"/>
            </p:cNvPicPr>
            <p:nvPr/>
          </p:nvPicPr>
          <p:blipFill>
            <a:blip r:embed="rId4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backgroundRemoval t="0" b="100000" l="9884" r="89535"/>
                      </a14:imgEffect>
                      <a14:imgEffect>
                        <a14:saturation sat="33000"/>
                      </a14:imgEffect>
                    </a14:imgLayer>
                  </a14:imgProps>
                </a:ext>
              </a:extLst>
            </a:blip>
            <a:stretch>
              <a:fillRect/>
            </a:stretch>
          </p:blipFill>
          <p:spPr>
            <a:xfrm>
              <a:off x="251520" y="4352087"/>
              <a:ext cx="645885" cy="724743"/>
            </a:xfrm>
            <a:prstGeom prst="rect">
              <a:avLst/>
            </a:prstGeom>
            <a:solidFill>
              <a:schemeClr val="bg1"/>
            </a:solidFill>
          </p:spPr>
        </p:pic>
        <p:pic>
          <p:nvPicPr>
            <p:cNvPr id="25" name="Picture 24"/>
            <p:cNvPicPr>
              <a:picLocks noChangeAspect="1"/>
            </p:cNvPicPr>
            <p:nvPr/>
          </p:nvPicPr>
          <p:blipFill>
            <a:blip r:embed="rId4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backgroundRemoval t="0" b="100000" l="9884" r="89535"/>
                      </a14:imgEffect>
                      <a14:imgEffect>
                        <a14:saturation sat="33000"/>
                      </a14:imgEffect>
                    </a14:imgLayer>
                  </a14:imgProps>
                </a:ext>
              </a:extLst>
            </a:blip>
            <a:stretch>
              <a:fillRect/>
            </a:stretch>
          </p:blipFill>
          <p:spPr>
            <a:xfrm>
              <a:off x="212769" y="5624575"/>
              <a:ext cx="645885" cy="724743"/>
            </a:xfrm>
            <a:prstGeom prst="rect">
              <a:avLst/>
            </a:prstGeom>
            <a:solidFill>
              <a:schemeClr val="bg1"/>
            </a:solidFill>
          </p:spPr>
        </p:pic>
        <p:sp>
          <p:nvSpPr>
            <p:cNvPr id="3" name="Rectangle 2"/>
            <p:cNvSpPr/>
            <p:nvPr/>
          </p:nvSpPr>
          <p:spPr>
            <a:xfrm>
              <a:off x="502867" y="4581128"/>
              <a:ext cx="143190" cy="495702"/>
            </a:xfrm>
            <a:prstGeom prst="rect">
              <a:avLst/>
            </a:prstGeom>
            <a:blipFill>
              <a:blip r:embed="rId5"/>
              <a:tile tx="0" ty="0" sx="100000" sy="100000" flip="none" algn="tl"/>
            </a:blipFill>
            <a:ln>
              <a:solidFill>
                <a:schemeClr val="bg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6" name="Rectangle 5"/>
            <p:cNvSpPr/>
            <p:nvPr/>
          </p:nvSpPr>
          <p:spPr>
            <a:xfrm>
              <a:off x="464116" y="5829402"/>
              <a:ext cx="143190" cy="495702"/>
            </a:xfrm>
            <a:prstGeom prst="rect">
              <a:avLst/>
            </a:prstGeom>
            <a:pattFill prst="lgConfetti">
              <a:fgClr>
                <a:schemeClr val="accent1"/>
              </a:fgClr>
              <a:bgClr>
                <a:srgbClr val="542708"/>
              </a:bgClr>
            </a:patt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29" name="Rectangle 28"/>
            <p:cNvSpPr/>
            <p:nvPr/>
          </p:nvSpPr>
          <p:spPr>
            <a:xfrm>
              <a:off x="120821" y="5076830"/>
              <a:ext cx="883575" cy="258532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defTabSz="685800">
                <a:lnSpc>
                  <a:spcPct val="90000"/>
                </a:lnSpc>
                <a:spcBef>
                  <a:spcPts val="750"/>
                </a:spcBef>
                <a:spcAft>
                  <a:spcPts val="1000"/>
                </a:spcAft>
              </a:pPr>
              <a:r>
                <a:rPr lang="en-US" sz="1200" b="1" dirty="0">
                  <a:solidFill>
                    <a:srgbClr val="0070C0"/>
                  </a:solidFill>
                  <a:latin typeface="Arial" charset="0"/>
                  <a:ea typeface="Arial" charset="0"/>
                  <a:cs typeface="Arial" charset="0"/>
                </a:rPr>
                <a:t>Reactor 1</a:t>
              </a:r>
              <a:endParaRPr lang="en-GB" sz="12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  <p:sp>
          <p:nvSpPr>
            <p:cNvPr id="30" name="Rectangle 29"/>
            <p:cNvSpPr/>
            <p:nvPr/>
          </p:nvSpPr>
          <p:spPr>
            <a:xfrm>
              <a:off x="120821" y="6424879"/>
              <a:ext cx="883575" cy="258532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>
              <a:spAutoFit/>
            </a:bodyPr>
            <a:lstStyle/>
            <a:p>
              <a:pPr defTabSz="685800">
                <a:lnSpc>
                  <a:spcPct val="90000"/>
                </a:lnSpc>
                <a:spcBef>
                  <a:spcPts val="750"/>
                </a:spcBef>
                <a:spcAft>
                  <a:spcPts val="1000"/>
                </a:spcAft>
              </a:pPr>
              <a:r>
                <a:rPr lang="en-US" sz="1200" b="1" dirty="0">
                  <a:solidFill>
                    <a:srgbClr val="0070C0"/>
                  </a:solidFill>
                  <a:latin typeface="Arial" charset="0"/>
                  <a:ea typeface="Arial" charset="0"/>
                  <a:cs typeface="Arial" charset="0"/>
                </a:rPr>
                <a:t>Reactor 2</a:t>
              </a:r>
              <a:endParaRPr lang="en-GB" sz="12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endParaRPr>
            </a:p>
          </p:txBody>
        </p:sp>
      </p:grpSp>
      <p:pic>
        <p:nvPicPr>
          <p:cNvPr id="2" name="Picture 1"/>
          <p:cNvPicPr>
            <a:picLocks noChangeAspect="1"/>
          </p:cNvPicPr>
          <p:nvPr/>
        </p:nvPicPr>
        <p:blipFill rotWithShape="1">
          <a:blip r:embed="rId6">
            <a:extLst>
              <a:ext uri="{BEBA8EAE-BF5A-486C-A8C5-ECC9F3942E4B}">
                <a14:imgProps xmlns:a14="http://schemas.microsoft.com/office/drawing/2010/main">
                  <a14:imgLayer r:embed="rId7">
                    <a14:imgEffect>
                      <a14:backgroundRemoval t="0" b="100000" l="0" r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-2527" r="-1"/>
          <a:stretch/>
        </p:blipFill>
        <p:spPr>
          <a:xfrm>
            <a:off x="5778482" y="613171"/>
            <a:ext cx="2968888" cy="1850048"/>
          </a:xfrm>
          <a:prstGeom prst="rect">
            <a:avLst/>
          </a:prstGeom>
          <a:solidFill>
            <a:schemeClr val="bg1"/>
          </a:solidFill>
        </p:spPr>
      </p:pic>
      <p:sp>
        <p:nvSpPr>
          <p:cNvPr id="8" name="Rectangle 7">
            <a:extLst>
              <a:ext uri="{FF2B5EF4-FFF2-40B4-BE49-F238E27FC236}">
                <a16:creationId xmlns:a16="http://schemas.microsoft.com/office/drawing/2014/main" id="{713393EE-2052-40E6-B2A8-F3A0E63F2ED7}"/>
              </a:ext>
            </a:extLst>
          </p:cNvPr>
          <p:cNvSpPr/>
          <p:nvPr/>
        </p:nvSpPr>
        <p:spPr>
          <a:xfrm>
            <a:off x="1835696" y="6375108"/>
            <a:ext cx="7614592" cy="18466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just" eaLnBrk="0" fontAlgn="base" hangingPunct="0">
              <a:spcBef>
                <a:spcPct val="0"/>
              </a:spcBef>
              <a:spcAft>
                <a:spcPct val="0"/>
              </a:spcAft>
            </a:pPr>
            <a:r>
              <a:rPr lang="en-US" altLang="en-US" sz="600" dirty="0">
                <a:solidFill>
                  <a:schemeClr val="bg1">
                    <a:lumMod val="65000"/>
                  </a:schemeClr>
                </a:solidFill>
                <a:latin typeface="Arial Unicode MS"/>
                <a:ea typeface="Calibri" panose="020F0502020204030204" pitchFamily="34" charset="0"/>
                <a:cs typeface="Times New Roman" panose="02020603050405020304" pitchFamily="18" charset="0"/>
              </a:rPr>
              <a:t>https://ethz.ch/en/news-and-events/eth-news/news/2014/04/biochar-is-there-a-dark-side/_jcr_content/news_content/fullwidthimage/image.imageformat.lightbox.2060475423.jpg</a:t>
            </a:r>
            <a:r>
              <a:rPr lang="en-GB" altLang="en-US" sz="600" dirty="0">
                <a:solidFill>
                  <a:schemeClr val="bg1">
                    <a:lumMod val="65000"/>
                  </a:schemeClr>
                </a:solidFill>
              </a:rPr>
              <a:t> </a:t>
            </a:r>
            <a:endParaRPr lang="en-GB" altLang="en-US" sz="600" dirty="0">
              <a:solidFill>
                <a:schemeClr val="bg1">
                  <a:lumMod val="65000"/>
                </a:schemeClr>
              </a:solidFill>
              <a:latin typeface="Arial" panose="020B0604020202020204" pitchFamily="34" charset="0"/>
            </a:endParaRPr>
          </a:p>
        </p:txBody>
      </p:sp>
      <p:sp>
        <p:nvSpPr>
          <p:cNvPr id="28" name="Rectangle 27">
            <a:extLst>
              <a:ext uri="{FF2B5EF4-FFF2-40B4-BE49-F238E27FC236}">
                <a16:creationId xmlns:a16="http://schemas.microsoft.com/office/drawing/2014/main" id="{59BDFD0C-3904-49C6-B262-684FE21DA61C}"/>
              </a:ext>
            </a:extLst>
          </p:cNvPr>
          <p:cNvSpPr/>
          <p:nvPr/>
        </p:nvSpPr>
        <p:spPr>
          <a:xfrm>
            <a:off x="8003460" y="4386894"/>
            <a:ext cx="1140539" cy="590931"/>
          </a:xfrm>
          <a:prstGeom prst="rect">
            <a:avLst/>
          </a:prstGeom>
          <a:solidFill>
            <a:schemeClr val="bg1"/>
          </a:solidFill>
        </p:spPr>
        <p:txBody>
          <a:bodyPr wrap="square">
            <a:spAutoFit/>
          </a:bodyPr>
          <a:lstStyle/>
          <a:p>
            <a:pPr defTabSz="685800">
              <a:lnSpc>
                <a:spcPct val="90000"/>
              </a:lnSpc>
              <a:spcBef>
                <a:spcPts val="750"/>
              </a:spcBef>
              <a:spcAft>
                <a:spcPts val="1000"/>
              </a:spcAft>
            </a:pPr>
            <a:r>
              <a:rPr lang="en-US" sz="1200" b="1" dirty="0">
                <a:solidFill>
                  <a:schemeClr val="accent5">
                    <a:lumMod val="75000"/>
                  </a:schemeClr>
                </a:solidFill>
                <a:latin typeface="Arial" charset="0"/>
                <a:ea typeface="Arial" charset="0"/>
                <a:cs typeface="Arial" charset="0"/>
              </a:rPr>
              <a:t>If low class biochar (IBI)</a:t>
            </a:r>
            <a:br>
              <a:rPr lang="en-US" sz="1200" b="1" dirty="0">
                <a:solidFill>
                  <a:schemeClr val="accent5">
                    <a:lumMod val="75000"/>
                  </a:schemeClr>
                </a:solidFill>
                <a:latin typeface="Arial" charset="0"/>
                <a:ea typeface="Arial" charset="0"/>
                <a:cs typeface="Arial" charset="0"/>
              </a:rPr>
            </a:br>
            <a:r>
              <a:rPr lang="en-US" sz="1200" b="1" dirty="0">
                <a:solidFill>
                  <a:schemeClr val="accent5">
                    <a:lumMod val="75000"/>
                  </a:schemeClr>
                </a:solidFill>
                <a:latin typeface="Arial" charset="0"/>
                <a:ea typeface="Arial" charset="0"/>
                <a:cs typeface="Arial" charset="0"/>
              </a:rPr>
              <a:t>= pyrochar</a:t>
            </a:r>
            <a:endParaRPr lang="en-GB" sz="1200" b="1" dirty="0">
              <a:solidFill>
                <a:schemeClr val="accent5">
                  <a:lumMod val="75000"/>
                </a:schemeClr>
              </a:solidFill>
              <a:latin typeface="Arial" charset="0"/>
              <a:ea typeface="Arial" charset="0"/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300740927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/>
              <a:t>Approach</a:t>
            </a:r>
          </a:p>
        </p:txBody>
      </p:sp>
      <p:pic>
        <p:nvPicPr>
          <p:cNvPr id="27" name="Imagen 6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12746"/>
          <a:stretch/>
        </p:blipFill>
        <p:spPr>
          <a:xfrm>
            <a:off x="3339131" y="2556822"/>
            <a:ext cx="1203141" cy="1952298"/>
          </a:xfrm>
          <a:prstGeom prst="rect">
            <a:avLst/>
          </a:prstGeom>
        </p:spPr>
      </p:pic>
      <p:pic>
        <p:nvPicPr>
          <p:cNvPr id="35" name="Imagen 9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614" t="16021" r="17918" b="1818"/>
          <a:stretch/>
        </p:blipFill>
        <p:spPr>
          <a:xfrm>
            <a:off x="4583606" y="2554099"/>
            <a:ext cx="1254210" cy="1957744"/>
          </a:xfrm>
          <a:prstGeom prst="rect">
            <a:avLst/>
          </a:prstGeom>
        </p:spPr>
      </p:pic>
      <p:sp>
        <p:nvSpPr>
          <p:cNvPr id="36" name="Rectangle 35"/>
          <p:cNvSpPr/>
          <p:nvPr/>
        </p:nvSpPr>
        <p:spPr>
          <a:xfrm>
            <a:off x="3506655" y="4594602"/>
            <a:ext cx="2421425" cy="1200329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r>
              <a:rPr lang="en-GB" b="1" dirty="0">
                <a:solidFill>
                  <a:srgbClr val="0070C0"/>
                </a:solidFill>
              </a:rPr>
              <a:t>pH, EC, LOI, Olsen-P</a:t>
            </a:r>
          </a:p>
          <a:p>
            <a:r>
              <a:rPr lang="en-GB" b="1" dirty="0">
                <a:solidFill>
                  <a:srgbClr val="0070C0"/>
                </a:solidFill>
              </a:rPr>
              <a:t>C stability, structure,</a:t>
            </a:r>
          </a:p>
          <a:p>
            <a:r>
              <a:rPr lang="en-GB" b="1" dirty="0" err="1">
                <a:solidFill>
                  <a:srgbClr val="0070C0"/>
                </a:solidFill>
              </a:rPr>
              <a:t>phytoxicity</a:t>
            </a:r>
            <a:r>
              <a:rPr lang="en-GB" b="1" dirty="0">
                <a:solidFill>
                  <a:srgbClr val="0070C0"/>
                </a:solidFill>
              </a:rPr>
              <a:t> &amp; heavy metals concentration</a:t>
            </a:r>
          </a:p>
        </p:txBody>
      </p:sp>
      <p:graphicFrame>
        <p:nvGraphicFramePr>
          <p:cNvPr id="13" name="Diagram 12"/>
          <p:cNvGraphicFramePr/>
          <p:nvPr>
            <p:extLst>
              <p:ext uri="{D42A27DB-BD31-4B8C-83A1-F6EECF244321}">
                <p14:modId xmlns:p14="http://schemas.microsoft.com/office/powerpoint/2010/main" val="993224496"/>
              </p:ext>
            </p:extLst>
          </p:nvPr>
        </p:nvGraphicFramePr>
        <p:xfrm>
          <a:off x="381546" y="939442"/>
          <a:ext cx="8582942" cy="200774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8855" r="-1178"/>
          <a:stretch/>
        </p:blipFill>
        <p:spPr>
          <a:xfrm>
            <a:off x="1187624" y="2564904"/>
            <a:ext cx="1363604" cy="1944216"/>
          </a:xfrm>
          <a:prstGeom prst="rect">
            <a:avLst/>
          </a:prstGeom>
        </p:spPr>
      </p:pic>
      <p:pic>
        <p:nvPicPr>
          <p:cNvPr id="17" name="Picture 16"/>
          <p:cNvPicPr>
            <a:picLocks noChangeAspect="1"/>
          </p:cNvPicPr>
          <p:nvPr/>
        </p:nvPicPr>
        <p:blipFill rotWithShape="1"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2879" r="44627" b="2543"/>
          <a:stretch/>
        </p:blipFill>
        <p:spPr>
          <a:xfrm>
            <a:off x="6181121" y="2556823"/>
            <a:ext cx="1084602" cy="1952297"/>
          </a:xfrm>
          <a:prstGeom prst="rect">
            <a:avLst/>
          </a:prstGeom>
        </p:spPr>
      </p:pic>
      <p:graphicFrame>
        <p:nvGraphicFramePr>
          <p:cNvPr id="18" name="Diagram 17"/>
          <p:cNvGraphicFramePr/>
          <p:nvPr>
            <p:extLst>
              <p:ext uri="{D42A27DB-BD31-4B8C-83A1-F6EECF244321}">
                <p14:modId xmlns:p14="http://schemas.microsoft.com/office/powerpoint/2010/main" val="4063261127"/>
              </p:ext>
            </p:extLst>
          </p:nvPr>
        </p:nvGraphicFramePr>
        <p:xfrm>
          <a:off x="294604" y="4228973"/>
          <a:ext cx="2890521" cy="236837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11" r:lo="rId12" r:qs="rId13" r:cs="rId14"/>
          </a:graphicData>
        </a:graphic>
      </p:graphicFrame>
      <p:sp>
        <p:nvSpPr>
          <p:cNvPr id="3" name="Rectangle 2"/>
          <p:cNvSpPr/>
          <p:nvPr/>
        </p:nvSpPr>
        <p:spPr>
          <a:xfrm>
            <a:off x="6012160" y="4594602"/>
            <a:ext cx="3347864" cy="11387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b="1" dirty="0">
                <a:solidFill>
                  <a:srgbClr val="0070C0"/>
                </a:solidFill>
              </a:rPr>
              <a:t>Soil mixtures </a:t>
            </a:r>
            <a:br>
              <a:rPr lang="en-GB" b="1" dirty="0">
                <a:solidFill>
                  <a:srgbClr val="00B0F0"/>
                </a:solidFill>
              </a:rPr>
            </a:br>
            <a:br>
              <a:rPr lang="en-GB" b="1" dirty="0">
                <a:solidFill>
                  <a:srgbClr val="00B0F0"/>
                </a:solidFill>
              </a:rPr>
            </a:br>
            <a:endParaRPr lang="en-GB" sz="1600" b="1" dirty="0"/>
          </a:p>
          <a:p>
            <a:endParaRPr lang="en-GB" sz="1600" b="1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376" t="14300" r="12209" b="9051"/>
          <a:stretch/>
        </p:blipFill>
        <p:spPr>
          <a:xfrm>
            <a:off x="7344984" y="2564904"/>
            <a:ext cx="1152128" cy="1952298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6102425" y="6111126"/>
            <a:ext cx="4572000" cy="646331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GB" b="1" dirty="0">
                <a:solidFill>
                  <a:srgbClr val="0070C0"/>
                </a:solidFill>
              </a:rPr>
              <a:t>Grain quality</a:t>
            </a:r>
            <a:br>
              <a:rPr lang="en-GB" b="1" dirty="0">
                <a:solidFill>
                  <a:srgbClr val="0070C0"/>
                </a:solidFill>
              </a:rPr>
            </a:br>
            <a:endParaRPr lang="en-GB" dirty="0">
              <a:solidFill>
                <a:srgbClr val="0070C0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3506020" y="5811044"/>
            <a:ext cx="2331795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s-ES" sz="1200" dirty="0"/>
              <a:t>(+) SEWAGE SLUDGE SS</a:t>
            </a:r>
            <a:r>
              <a:rPr lang="es-ES" sz="900" dirty="0"/>
              <a:t>2</a:t>
            </a:r>
            <a:br>
              <a:rPr lang="es-ES" sz="900" dirty="0"/>
            </a:br>
            <a:r>
              <a:rPr lang="es-ES" sz="1200" dirty="0"/>
              <a:t> (COMBINED AMENDMENT 50:50)</a:t>
            </a:r>
            <a:br>
              <a:rPr lang="es-ES" sz="1200" dirty="0"/>
            </a:br>
            <a:endParaRPr lang="es-ES" sz="800" dirty="0"/>
          </a:p>
        </p:txBody>
      </p:sp>
      <p:sp>
        <p:nvSpPr>
          <p:cNvPr id="23" name="Rectangle 22"/>
          <p:cNvSpPr/>
          <p:nvPr/>
        </p:nvSpPr>
        <p:spPr>
          <a:xfrm>
            <a:off x="7336650" y="4558096"/>
            <a:ext cx="2242110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s-ES" sz="1200" dirty="0">
                <a:solidFill>
                  <a:schemeClr val="bg2">
                    <a:lumMod val="25000"/>
                  </a:schemeClr>
                </a:solidFill>
              </a:rPr>
              <a:t>5/10/20 t/ha  </a:t>
            </a:r>
            <a:r>
              <a:rPr lang="es-ES" sz="1200" dirty="0" err="1">
                <a:solidFill>
                  <a:schemeClr val="bg2">
                    <a:lumMod val="25000"/>
                  </a:schemeClr>
                </a:solidFill>
              </a:rPr>
              <a:t>own</a:t>
            </a:r>
            <a:endParaRPr lang="es-ES" sz="1200" dirty="0">
              <a:solidFill>
                <a:schemeClr val="bg2">
                  <a:lumMod val="25000"/>
                </a:schemeClr>
              </a:solidFill>
            </a:endParaRPr>
          </a:p>
          <a:p>
            <a:r>
              <a:rPr lang="es-ES" sz="1200" dirty="0">
                <a:solidFill>
                  <a:schemeClr val="bg2">
                    <a:lumMod val="25000"/>
                  </a:schemeClr>
                </a:solidFill>
              </a:rPr>
              <a:t>10/20/40 t/ha  </a:t>
            </a:r>
            <a:r>
              <a:rPr lang="es-ES" sz="1200" dirty="0" err="1">
                <a:solidFill>
                  <a:schemeClr val="bg2">
                    <a:lumMod val="25000"/>
                  </a:schemeClr>
                </a:solidFill>
              </a:rPr>
              <a:t>combined</a:t>
            </a:r>
            <a:endParaRPr lang="es-ES" sz="800" dirty="0">
              <a:solidFill>
                <a:schemeClr val="bg2">
                  <a:lumMod val="25000"/>
                </a:schemeClr>
              </a:solidFill>
            </a:endParaRPr>
          </a:p>
        </p:txBody>
      </p:sp>
      <p:sp>
        <p:nvSpPr>
          <p:cNvPr id="20" name="Rectangle 19"/>
          <p:cNvSpPr/>
          <p:nvPr/>
        </p:nvSpPr>
        <p:spPr>
          <a:xfrm>
            <a:off x="6102425" y="4983255"/>
            <a:ext cx="4572000" cy="1177245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GB" sz="1400" b="1" dirty="0"/>
              <a:t>Top layer (2cm) 0</a:t>
            </a:r>
            <a:r>
              <a:rPr lang="en-GB" sz="1400" b="1" dirty="0">
                <a:sym typeface="Wingdings" panose="05000000000000000000" pitchFamily="2" charset="2"/>
              </a:rPr>
              <a:t></a:t>
            </a:r>
            <a:r>
              <a:rPr lang="en-GB" sz="1400" b="1" dirty="0"/>
              <a:t> 1</a:t>
            </a:r>
            <a:r>
              <a:rPr lang="en-GB" sz="1400" b="1" dirty="0">
                <a:sym typeface="Wingdings" panose="05000000000000000000" pitchFamily="2" charset="2"/>
              </a:rPr>
              <a:t></a:t>
            </a:r>
            <a:r>
              <a:rPr lang="en-GB" sz="1400" b="1" dirty="0"/>
              <a:t> 2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050" b="1" dirty="0"/>
              <a:t>Initial Condition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050" b="1" dirty="0"/>
              <a:t>After first harvest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050" b="1" dirty="0"/>
              <a:t>After second harvest</a:t>
            </a:r>
            <a:endParaRPr lang="en-GB" sz="1400" b="1" dirty="0"/>
          </a:p>
          <a:p>
            <a:r>
              <a:rPr lang="en-GB" sz="1400" b="1" dirty="0"/>
              <a:t>Bottom layer (2cm) </a:t>
            </a:r>
            <a:r>
              <a:rPr lang="en-GB" sz="1400" b="1" dirty="0">
                <a:sym typeface="Wingdings" panose="05000000000000000000" pitchFamily="2" charset="2"/>
              </a:rPr>
              <a:t></a:t>
            </a:r>
            <a:r>
              <a:rPr lang="en-GB" sz="1400" b="1" dirty="0"/>
              <a:t> 2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GB" sz="1050" b="1" dirty="0"/>
              <a:t>After second harvest</a:t>
            </a:r>
          </a:p>
        </p:txBody>
      </p:sp>
    </p:spTree>
    <p:extLst>
      <p:ext uri="{BB962C8B-B14F-4D97-AF65-F5344CB8AC3E}">
        <p14:creationId xmlns:p14="http://schemas.microsoft.com/office/powerpoint/2010/main" val="1376306850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Rectangle 8"/>
          <p:cNvSpPr/>
          <p:nvPr/>
        </p:nvSpPr>
        <p:spPr>
          <a:xfrm>
            <a:off x="176867" y="6599261"/>
            <a:ext cx="6189252" cy="23326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180340">
              <a:lnSpc>
                <a:spcPct val="107000"/>
              </a:lnSpc>
              <a:spcBef>
                <a:spcPts val="1000"/>
              </a:spcBef>
              <a:spcAft>
                <a:spcPts val="0"/>
              </a:spcAft>
            </a:pPr>
            <a:r>
              <a:rPr lang="en-US" sz="900" spc="25" dirty="0">
                <a:solidFill>
                  <a:srgbClr val="111111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*(EC) Limit between a normal and a saline soil is 400 µS/cm.</a:t>
            </a:r>
            <a:endParaRPr lang="en-GB" sz="900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2" name="Text Placeholder 1"/>
          <p:cNvSpPr>
            <a:spLocks noGrp="1"/>
          </p:cNvSpPr>
          <p:nvPr>
            <p:ph type="body" sz="quarter" idx="11"/>
          </p:nvPr>
        </p:nvSpPr>
        <p:spPr>
          <a:xfrm>
            <a:off x="1251930" y="131372"/>
            <a:ext cx="8532948" cy="792088"/>
          </a:xfrm>
        </p:spPr>
        <p:txBody>
          <a:bodyPr/>
          <a:lstStyle/>
          <a:p>
            <a:r>
              <a:rPr lang="en-GB" dirty="0">
                <a:solidFill>
                  <a:srgbClr val="0070C0"/>
                </a:solidFill>
              </a:rPr>
              <a:t>Physical-chemical Characterization</a:t>
            </a:r>
          </a:p>
        </p:txBody>
      </p:sp>
      <p:cxnSp>
        <p:nvCxnSpPr>
          <p:cNvPr id="25" name="Straight Connector 24"/>
          <p:cNvCxnSpPr/>
          <p:nvPr/>
        </p:nvCxnSpPr>
        <p:spPr>
          <a:xfrm>
            <a:off x="6366119" y="3959679"/>
            <a:ext cx="32576" cy="2648938"/>
          </a:xfrm>
          <a:prstGeom prst="line">
            <a:avLst/>
          </a:prstGeom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grpSp>
        <p:nvGrpSpPr>
          <p:cNvPr id="3" name="Group 2"/>
          <p:cNvGrpSpPr/>
          <p:nvPr/>
        </p:nvGrpSpPr>
        <p:grpSpPr>
          <a:xfrm>
            <a:off x="367780" y="3654109"/>
            <a:ext cx="8461089" cy="2997172"/>
            <a:chOff x="438392" y="1772415"/>
            <a:chExt cx="8391679" cy="2937370"/>
          </a:xfrm>
        </p:grpSpPr>
        <p:pic>
          <p:nvPicPr>
            <p:cNvPr id="12" name="Picture 11"/>
            <p:cNvPicPr>
              <a:picLocks noChangeAspect="1"/>
            </p:cNvPicPr>
            <p:nvPr/>
          </p:nvPicPr>
          <p:blipFill rotWithShape="1">
            <a:blip r:embed="rId2"/>
            <a:srcRect l="29919" t="41141" r="9248" b="8657"/>
            <a:stretch/>
          </p:blipFill>
          <p:spPr>
            <a:xfrm>
              <a:off x="438392" y="2012989"/>
              <a:ext cx="4084853" cy="2696796"/>
            </a:xfrm>
            <a:prstGeom prst="rect">
              <a:avLst/>
            </a:prstGeom>
          </p:spPr>
        </p:pic>
        <p:sp>
          <p:nvSpPr>
            <p:cNvPr id="17" name="Rectangle 16"/>
            <p:cNvSpPr/>
            <p:nvPr/>
          </p:nvSpPr>
          <p:spPr>
            <a:xfrm>
              <a:off x="438392" y="1772415"/>
              <a:ext cx="3389788" cy="25391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spcAft>
                  <a:spcPts val="1000"/>
                </a:spcAft>
              </a:pPr>
              <a:r>
                <a:rPr lang="en-US" sz="1050" spc="25" dirty="0">
                  <a:solidFill>
                    <a:srgbClr val="111111"/>
                  </a:solidFill>
                  <a:latin typeface="Times New Roman" panose="02020603050405020304" pitchFamily="18" charset="0"/>
                  <a:ea typeface="Calibri" panose="020F0502020204030204" pitchFamily="34" charset="0"/>
                  <a:cs typeface="Times New Roman" panose="02020603050405020304" pitchFamily="18" charset="0"/>
                </a:rPr>
                <a:t>Table </a:t>
              </a:r>
              <a:r>
                <a:rPr lang="en-GB" sz="1050" spc="25" dirty="0">
                  <a:solidFill>
                    <a:srgbClr val="111111"/>
                  </a:solidFill>
                  <a:latin typeface="Times New Roman" panose="02020603050405020304" pitchFamily="18" charset="0"/>
                  <a:ea typeface="Calibri" panose="020F0502020204030204" pitchFamily="34" charset="0"/>
                  <a:cs typeface="Times New Roman" panose="02020603050405020304" pitchFamily="18" charset="0"/>
                </a:rPr>
                <a:t>2a</a:t>
              </a:r>
              <a:r>
                <a:rPr lang="en-US" sz="1050" spc="25" dirty="0">
                  <a:solidFill>
                    <a:srgbClr val="111111"/>
                  </a:solidFill>
                  <a:latin typeface="Times New Roman" panose="02020603050405020304" pitchFamily="18" charset="0"/>
                  <a:ea typeface="Calibri" panose="020F0502020204030204" pitchFamily="34" charset="0"/>
                  <a:cs typeface="Times New Roman" panose="02020603050405020304" pitchFamily="18" charset="0"/>
                </a:rPr>
                <a:t>. Materials of study characterization</a:t>
              </a:r>
              <a:endParaRPr lang="en-GB" sz="1050" spc="25" dirty="0">
                <a:solidFill>
                  <a:srgbClr val="111111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endParaRPr>
            </a:p>
          </p:txBody>
        </p:sp>
        <p:sp>
          <p:nvSpPr>
            <p:cNvPr id="19" name="Rectangle 18"/>
            <p:cNvSpPr/>
            <p:nvPr/>
          </p:nvSpPr>
          <p:spPr>
            <a:xfrm>
              <a:off x="2566220" y="2949861"/>
              <a:ext cx="709635" cy="705713"/>
            </a:xfrm>
            <a:prstGeom prst="rect">
              <a:avLst/>
            </a:prstGeom>
            <a:noFill/>
            <a:ln w="28575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21" name="Rectangle 20"/>
            <p:cNvSpPr/>
            <p:nvPr/>
          </p:nvSpPr>
          <p:spPr>
            <a:xfrm>
              <a:off x="6501674" y="1806931"/>
              <a:ext cx="2328397" cy="25391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>
                <a:spcAft>
                  <a:spcPts val="1000"/>
                </a:spcAft>
              </a:pPr>
              <a:r>
                <a:rPr lang="en-US" sz="1050" spc="25" dirty="0">
                  <a:solidFill>
                    <a:srgbClr val="111111"/>
                  </a:solidFill>
                  <a:latin typeface="Times New Roman" panose="02020603050405020304" pitchFamily="18" charset="0"/>
                  <a:ea typeface="Calibri" panose="020F0502020204030204" pitchFamily="34" charset="0"/>
                  <a:cs typeface="Times New Roman" panose="02020603050405020304" pitchFamily="18" charset="0"/>
                </a:rPr>
                <a:t>Table </a:t>
              </a:r>
              <a:r>
                <a:rPr lang="en-GB" sz="1050" spc="25" dirty="0">
                  <a:solidFill>
                    <a:srgbClr val="111111"/>
                  </a:solidFill>
                  <a:latin typeface="Times New Roman" panose="02020603050405020304" pitchFamily="18" charset="0"/>
                  <a:ea typeface="Calibri" panose="020F0502020204030204" pitchFamily="34" charset="0"/>
                  <a:cs typeface="Times New Roman" panose="02020603050405020304" pitchFamily="18" charset="0"/>
                </a:rPr>
                <a:t>2b</a:t>
              </a:r>
              <a:r>
                <a:rPr lang="en-US" sz="1050" spc="25" dirty="0">
                  <a:solidFill>
                    <a:srgbClr val="111111"/>
                  </a:solidFill>
                  <a:latin typeface="Times New Roman" panose="02020603050405020304" pitchFamily="18" charset="0"/>
                  <a:ea typeface="Calibri" panose="020F0502020204030204" pitchFamily="34" charset="0"/>
                  <a:cs typeface="Times New Roman" panose="02020603050405020304" pitchFamily="18" charset="0"/>
                </a:rPr>
                <a:t>. Soil Initial conditions</a:t>
              </a:r>
              <a:endParaRPr lang="en-GB" sz="1050" spc="25" dirty="0">
                <a:solidFill>
                  <a:srgbClr val="111111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endParaRPr>
            </a:p>
          </p:txBody>
        </p:sp>
        <p:pic>
          <p:nvPicPr>
            <p:cNvPr id="31" name="Picture 30"/>
            <p:cNvPicPr>
              <a:picLocks noChangeAspect="1"/>
            </p:cNvPicPr>
            <p:nvPr/>
          </p:nvPicPr>
          <p:blipFill rotWithShape="1">
            <a:blip r:embed="rId3" cstate="print">
              <a:extLst>
                <a:ext uri="{BEBA8EAE-BF5A-486C-A8C5-ECC9F3942E4B}">
                  <a14:imgProps xmlns:a14="http://schemas.microsoft.com/office/drawing/2010/main">
                    <a14:imgLayer r:embed="rId4">
                      <a14:imgEffect>
                        <a14:colorTemperature colorTemp="5900"/>
                      </a14:imgEffect>
                      <a14:imgEffect>
                        <a14:brightnessContrast bright="40000" contras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42125" t="1053" r="27163" b="19202"/>
            <a:stretch/>
          </p:blipFill>
          <p:spPr>
            <a:xfrm>
              <a:off x="4540530" y="2060847"/>
              <a:ext cx="1789361" cy="2613497"/>
            </a:xfrm>
            <a:prstGeom prst="rect">
              <a:avLst/>
            </a:prstGeom>
          </p:spPr>
        </p:pic>
      </p:grpSp>
      <p:graphicFrame>
        <p:nvGraphicFramePr>
          <p:cNvPr id="33" name="Diagram 32"/>
          <p:cNvGraphicFramePr/>
          <p:nvPr>
            <p:extLst>
              <p:ext uri="{D42A27DB-BD31-4B8C-83A1-F6EECF244321}">
                <p14:modId xmlns:p14="http://schemas.microsoft.com/office/powerpoint/2010/main" val="3099013123"/>
              </p:ext>
            </p:extLst>
          </p:nvPr>
        </p:nvGraphicFramePr>
        <p:xfrm>
          <a:off x="395536" y="1184281"/>
          <a:ext cx="2890521" cy="236837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5" r:lo="rId6" r:qs="rId7" r:cs="rId8"/>
          </a:graphicData>
        </a:graphic>
      </p:graphicFrame>
      <p:grpSp>
        <p:nvGrpSpPr>
          <p:cNvPr id="35" name="Group 34"/>
          <p:cNvGrpSpPr/>
          <p:nvPr/>
        </p:nvGrpSpPr>
        <p:grpSpPr>
          <a:xfrm>
            <a:off x="403183" y="3255278"/>
            <a:ext cx="2890520" cy="297382"/>
            <a:chOff x="0" y="345561"/>
            <a:chExt cx="2890520" cy="365446"/>
          </a:xfrm>
        </p:grpSpPr>
        <p:sp>
          <p:nvSpPr>
            <p:cNvPr id="37" name="Rounded Rectangle 36"/>
            <p:cNvSpPr/>
            <p:nvPr/>
          </p:nvSpPr>
          <p:spPr>
            <a:xfrm>
              <a:off x="0" y="345561"/>
              <a:ext cx="2890520" cy="365446"/>
            </a:xfrm>
            <a:prstGeom prst="roundRect">
              <a:avLst>
                <a:gd name="adj" fmla="val 10000"/>
              </a:avLst>
            </a:prstGeom>
          </p:spPr>
          <p:style>
            <a:lnRef idx="2">
              <a:schemeClr val="accent3">
                <a:shade val="80000"/>
                <a:hueOff val="0"/>
                <a:satOff val="0"/>
                <a:lumOff val="0"/>
                <a:alphaOff val="0"/>
              </a:schemeClr>
            </a:lnRef>
            <a:fillRef idx="1">
              <a:schemeClr val="lt1">
                <a:hueOff val="0"/>
                <a:satOff val="0"/>
                <a:lumOff val="0"/>
                <a:alphaOff val="0"/>
              </a:schemeClr>
            </a:fillRef>
            <a:effectRef idx="0">
              <a:schemeClr val="lt1">
                <a:hueOff val="0"/>
                <a:satOff val="0"/>
                <a:lumOff val="0"/>
                <a:alphaOff val="0"/>
              </a:schemeClr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</p:sp>
        <p:sp>
          <p:nvSpPr>
            <p:cNvPr id="38" name="Rounded Rectangle 4"/>
            <p:cNvSpPr txBox="1"/>
            <p:nvPr/>
          </p:nvSpPr>
          <p:spPr>
            <a:xfrm>
              <a:off x="10704" y="356265"/>
              <a:ext cx="2869112" cy="344038"/>
            </a:xfrm>
            <a:prstGeom prst="rect">
              <a:avLst/>
            </a:prstGeom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minor">
              <a:schemeClr val="dk1">
                <a:hueOff val="0"/>
                <a:satOff val="0"/>
                <a:lumOff val="0"/>
                <a:alphaOff val="0"/>
              </a:schemeClr>
            </a:fontRef>
          </p:style>
          <p:txBody>
            <a:bodyPr spcFirstLastPara="0" vert="horz" wrap="square" lIns="22860" tIns="15240" rIns="22860" bIns="15240" numCol="1" spcCol="1270" anchor="ctr" anchorCtr="0">
              <a:noAutofit/>
            </a:bodyPr>
            <a:lstStyle/>
            <a:p>
              <a:pPr lvl="0" algn="ctr" defTabSz="533400">
                <a:lnSpc>
                  <a:spcPct val="90000"/>
                </a:lnSpc>
                <a:spcBef>
                  <a:spcPct val="0"/>
                </a:spcBef>
                <a:spcAft>
                  <a:spcPct val="35000"/>
                </a:spcAft>
              </a:pPr>
              <a:r>
                <a:rPr lang="en-US" sz="1200" kern="1200" dirty="0"/>
                <a:t>Sewage Sludge </a:t>
              </a:r>
              <a:r>
                <a:rPr lang="en-US" sz="1200" dirty="0"/>
                <a:t>for combined </a:t>
              </a:r>
              <a:r>
                <a:rPr lang="en-US" sz="1200" b="1" dirty="0">
                  <a:solidFill>
                    <a:srgbClr val="7030A0"/>
                  </a:solidFill>
                </a:rPr>
                <a:t>(SS</a:t>
              </a:r>
              <a:r>
                <a:rPr lang="en-US" sz="1000" b="1" dirty="0">
                  <a:solidFill>
                    <a:srgbClr val="7030A0"/>
                  </a:solidFill>
                </a:rPr>
                <a:t>2</a:t>
              </a:r>
              <a:r>
                <a:rPr lang="en-US" sz="1200" b="1" dirty="0">
                  <a:solidFill>
                    <a:srgbClr val="7030A0"/>
                  </a:solidFill>
                </a:rPr>
                <a:t>) </a:t>
              </a:r>
              <a:endParaRPr lang="en-US" sz="1200" b="1" kern="1200" dirty="0">
                <a:solidFill>
                  <a:srgbClr val="7030A0"/>
                </a:solidFill>
              </a:endParaRPr>
            </a:p>
          </p:txBody>
        </p:sp>
      </p:grpSp>
      <p:sp>
        <p:nvSpPr>
          <p:cNvPr id="6" name="Oval 5"/>
          <p:cNvSpPr/>
          <p:nvPr/>
        </p:nvSpPr>
        <p:spPr>
          <a:xfrm>
            <a:off x="1403648" y="4855528"/>
            <a:ext cx="432048" cy="720080"/>
          </a:xfrm>
          <a:prstGeom prst="ellipse">
            <a:avLst/>
          </a:prstGeom>
          <a:noFill/>
          <a:ln w="19050">
            <a:solidFill>
              <a:schemeClr val="accent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0" name="Oval 19"/>
          <p:cNvSpPr/>
          <p:nvPr/>
        </p:nvSpPr>
        <p:spPr>
          <a:xfrm>
            <a:off x="3828728" y="5567731"/>
            <a:ext cx="572757" cy="746483"/>
          </a:xfrm>
          <a:prstGeom prst="ellipse">
            <a:avLst/>
          </a:prstGeom>
          <a:noFill/>
          <a:ln w="19050">
            <a:solidFill>
              <a:schemeClr val="accent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0" name="Rectangle 9"/>
          <p:cNvSpPr/>
          <p:nvPr/>
        </p:nvSpPr>
        <p:spPr>
          <a:xfrm>
            <a:off x="6517403" y="3992557"/>
            <a:ext cx="2347656" cy="21109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dirty="0"/>
              <a:t>Poor sandy loam soil</a:t>
            </a:r>
          </a:p>
        </p:txBody>
      </p:sp>
      <p:grpSp>
        <p:nvGrpSpPr>
          <p:cNvPr id="24" name="Group 23"/>
          <p:cNvGrpSpPr/>
          <p:nvPr/>
        </p:nvGrpSpPr>
        <p:grpSpPr>
          <a:xfrm>
            <a:off x="3402609" y="1458289"/>
            <a:ext cx="5740210" cy="2208264"/>
            <a:chOff x="3395827" y="1458289"/>
            <a:chExt cx="5382753" cy="2208264"/>
          </a:xfrm>
        </p:grpSpPr>
        <p:graphicFrame>
          <p:nvGraphicFramePr>
            <p:cNvPr id="15" name="Chart 14"/>
            <p:cNvGraphicFramePr/>
            <p:nvPr>
              <p:extLst>
                <p:ext uri="{D42A27DB-BD31-4B8C-83A1-F6EECF244321}">
                  <p14:modId xmlns:p14="http://schemas.microsoft.com/office/powerpoint/2010/main" val="3700943846"/>
                </p:ext>
              </p:extLst>
            </p:nvPr>
          </p:nvGraphicFramePr>
          <p:xfrm>
            <a:off x="3395827" y="1470823"/>
            <a:ext cx="5280629" cy="2195730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10"/>
            </a:graphicData>
          </a:graphic>
        </p:graphicFrame>
        <p:grpSp>
          <p:nvGrpSpPr>
            <p:cNvPr id="23" name="Group 22"/>
            <p:cNvGrpSpPr/>
            <p:nvPr/>
          </p:nvGrpSpPr>
          <p:grpSpPr>
            <a:xfrm>
              <a:off x="3395827" y="1458289"/>
              <a:ext cx="5382753" cy="1770514"/>
              <a:chOff x="3395827" y="1458289"/>
              <a:chExt cx="5382753" cy="1770514"/>
            </a:xfrm>
          </p:grpSpPr>
          <p:sp>
            <p:nvSpPr>
              <p:cNvPr id="11" name="Rectangle 10"/>
              <p:cNvSpPr/>
              <p:nvPr/>
            </p:nvSpPr>
            <p:spPr>
              <a:xfrm>
                <a:off x="3395827" y="1458289"/>
                <a:ext cx="5382753" cy="430887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r>
                  <a:rPr lang="en-US" sz="1100" dirty="0">
                    <a:latin typeface="Arial" panose="020B0604020202020204" pitchFamily="34" charset="0"/>
                    <a:ea typeface="Calibri" panose="020F0502020204030204" pitchFamily="34" charset="0"/>
                    <a:cs typeface="Calibri" panose="020F0502020204030204" pitchFamily="34" charset="0"/>
                  </a:rPr>
                  <a:t>The higher the temperature needed to drop the weight, the more stable. Here: P400-1.</a:t>
                </a:r>
                <a:br>
                  <a:rPr lang="en-US" sz="1100" dirty="0">
                    <a:latin typeface="Arial" panose="020B0604020202020204" pitchFamily="34" charset="0"/>
                    <a:ea typeface="Calibri" panose="020F0502020204030204" pitchFamily="34" charset="0"/>
                    <a:cs typeface="Calibri" panose="020F0502020204030204" pitchFamily="34" charset="0"/>
                  </a:rPr>
                </a:br>
                <a:r>
                  <a:rPr lang="en-US" sz="1100" dirty="0">
                    <a:latin typeface="Arial" panose="020B0604020202020204" pitchFamily="34" charset="0"/>
                    <a:ea typeface="Calibri" panose="020F0502020204030204" pitchFamily="34" charset="0"/>
                    <a:cs typeface="Calibri" panose="020F0502020204030204" pitchFamily="34" charset="0"/>
                  </a:rPr>
                  <a:t>200°C-300°C, is the range of oxidation of the most labile organic matter:</a:t>
                </a:r>
                <a:endParaRPr lang="en-GB" sz="1100" dirty="0"/>
              </a:p>
            </p:txBody>
          </p:sp>
          <p:sp>
            <p:nvSpPr>
              <p:cNvPr id="13" name="Rectangle 12"/>
              <p:cNvSpPr/>
              <p:nvPr/>
            </p:nvSpPr>
            <p:spPr>
              <a:xfrm>
                <a:off x="4911399" y="2069840"/>
                <a:ext cx="575857" cy="1158963"/>
              </a:xfrm>
              <a:prstGeom prst="rect">
                <a:avLst/>
              </a:prstGeom>
              <a:noFill/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</p:grpSp>
      </p:grpSp>
      <p:pic>
        <p:nvPicPr>
          <p:cNvPr id="5" name="Picture 4">
            <a:extLst>
              <a:ext uri="{FF2B5EF4-FFF2-40B4-BE49-F238E27FC236}">
                <a16:creationId xmlns:a16="http://schemas.microsoft.com/office/drawing/2014/main" id="{86F1EF6B-3EC5-4BBB-A785-12F7C3FB2B5A}"/>
              </a:ext>
            </a:extLst>
          </p:cNvPr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6481213" y="4470056"/>
            <a:ext cx="2552700" cy="2181225"/>
          </a:xfrm>
          <a:prstGeom prst="rect">
            <a:avLst/>
          </a:prstGeom>
        </p:spPr>
      </p:pic>
      <p:sp>
        <p:nvSpPr>
          <p:cNvPr id="14" name="Rectangle 13">
            <a:extLst>
              <a:ext uri="{FF2B5EF4-FFF2-40B4-BE49-F238E27FC236}">
                <a16:creationId xmlns:a16="http://schemas.microsoft.com/office/drawing/2014/main" id="{A6A22578-1C06-4DE8-814F-E2502C9AD23D}"/>
              </a:ext>
            </a:extLst>
          </p:cNvPr>
          <p:cNvSpPr/>
          <p:nvPr/>
        </p:nvSpPr>
        <p:spPr>
          <a:xfrm>
            <a:off x="7308304" y="5007149"/>
            <a:ext cx="1008112" cy="276999"/>
          </a:xfrm>
          <a:prstGeom prst="rect">
            <a:avLst/>
          </a:prstGeom>
          <a:solidFill>
            <a:schemeClr val="bg1"/>
          </a:solidFill>
        </p:spPr>
        <p:txBody>
          <a:bodyPr wrap="square">
            <a:spAutoFit/>
          </a:bodyPr>
          <a:lstStyle/>
          <a:p>
            <a:pPr lvl="0"/>
            <a:r>
              <a:rPr lang="es-ES" sz="1200" dirty="0"/>
              <a:t> } 1:10 (23◦C)</a:t>
            </a:r>
          </a:p>
        </p:txBody>
      </p:sp>
      <p:sp>
        <p:nvSpPr>
          <p:cNvPr id="28" name="Rectangle 27">
            <a:extLst>
              <a:ext uri="{FF2B5EF4-FFF2-40B4-BE49-F238E27FC236}">
                <a16:creationId xmlns:a16="http://schemas.microsoft.com/office/drawing/2014/main" id="{277A7D9F-79EF-450F-8053-C060BB4AB9FA}"/>
              </a:ext>
            </a:extLst>
          </p:cNvPr>
          <p:cNvSpPr/>
          <p:nvPr/>
        </p:nvSpPr>
        <p:spPr>
          <a:xfrm>
            <a:off x="1252338" y="724652"/>
            <a:ext cx="7891662" cy="492443"/>
          </a:xfrm>
          <a:prstGeom prst="rect">
            <a:avLst/>
          </a:prstGeom>
          <a:solidFill>
            <a:schemeClr val="bg1"/>
          </a:solidFill>
        </p:spPr>
        <p:txBody>
          <a:bodyPr wrap="square">
            <a:spAutoFit/>
          </a:bodyPr>
          <a:lstStyle/>
          <a:p>
            <a:pPr algn="just">
              <a:spcAft>
                <a:spcPts val="800"/>
              </a:spcAft>
            </a:pPr>
            <a:r>
              <a:rPr lang="en-US" sz="1400" b="1" dirty="0">
                <a:solidFill>
                  <a:srgbClr val="0070C0"/>
                </a:solidFill>
                <a:latin typeface="Arial" charset="0"/>
                <a:ea typeface="Arial" charset="0"/>
                <a:cs typeface="Arial" charset="0"/>
              </a:rPr>
              <a:t>How did the thermal treatments affect the sludge? Are the materials significantly different?</a:t>
            </a:r>
            <a:r>
              <a:rPr lang="en-US" sz="1400" dirty="0">
                <a:latin typeface="Arial" panose="020B060402020202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 </a:t>
            </a:r>
            <a:r>
              <a:rPr lang="en-US" sz="1200" dirty="0">
                <a:latin typeface="Arial" panose="020B060402020202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Yes, hydrochars are acidic &amp; hold more available-P, P300 has more Organic matter (LOI) &amp; P400 is more stable </a:t>
            </a:r>
            <a:endParaRPr lang="en-US" sz="1400" dirty="0">
              <a:latin typeface="Arial" panose="020B0604020202020204" pitchFamily="34" charset="0"/>
              <a:ea typeface="Calibri" panose="020F0502020204030204" pitchFamily="34" charset="0"/>
              <a:cs typeface="Calibri" panose="020F0502020204030204" pitchFamily="34" charset="0"/>
            </a:endParaRPr>
          </a:p>
        </p:txBody>
      </p:sp>
      <p:cxnSp>
        <p:nvCxnSpPr>
          <p:cNvPr id="16" name="Straight Arrow Connector 15">
            <a:extLst>
              <a:ext uri="{FF2B5EF4-FFF2-40B4-BE49-F238E27FC236}">
                <a16:creationId xmlns:a16="http://schemas.microsoft.com/office/drawing/2014/main" id="{00C11A41-C5B7-4A43-B5EB-C885C5E8598F}"/>
              </a:ext>
            </a:extLst>
          </p:cNvPr>
          <p:cNvCxnSpPr/>
          <p:nvPr/>
        </p:nvCxnSpPr>
        <p:spPr>
          <a:xfrm>
            <a:off x="6308009" y="2348880"/>
            <a:ext cx="0" cy="216024"/>
          </a:xfrm>
          <a:prstGeom prst="straightConnector1">
            <a:avLst/>
          </a:prstGeom>
          <a:ln>
            <a:headEnd type="triangle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616564431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1">
            <a:extLst>
              <a:ext uri="{FF2B5EF4-FFF2-40B4-BE49-F238E27FC236}">
                <a16:creationId xmlns:a16="http://schemas.microsoft.com/office/drawing/2014/main" id="{1BC90E16-98EF-4B94-8A3F-D55E0E5C1C26}"/>
              </a:ext>
            </a:extLst>
          </p:cNvPr>
          <p:cNvSpPr>
            <a:spLocks noChangeArrowheads="1"/>
          </p:cNvSpPr>
          <p:nvPr/>
        </p:nvSpPr>
        <p:spPr bwMode="auto">
          <a:xfrm>
            <a:off x="533396" y="3843289"/>
            <a:ext cx="7999044" cy="286232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GB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Table 2. BET and Mesoporous Analysis (BJH) of SS</a:t>
            </a:r>
            <a:r>
              <a:rPr kumimoji="0" lang="en-GB" altLang="en-US" sz="1100" b="0" i="0" u="none" strike="noStrike" cap="none" normalizeH="0" baseline="-3000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1</a:t>
            </a:r>
            <a:r>
              <a:rPr kumimoji="0" lang="en-GB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, thermal derivatives (H180-4, H240-4, P300-1 and P400-1) and SS</a:t>
            </a:r>
            <a:r>
              <a:rPr kumimoji="0" lang="en-GB" altLang="en-US" sz="1100" b="0" i="0" u="none" strike="noStrike" cap="none" normalizeH="0" baseline="-3000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2</a:t>
            </a:r>
            <a:r>
              <a:rPr kumimoji="0" lang="en-GB" altLang="en-US" sz="1100" b="0" i="0" u="none" strike="noStrike" cap="none" normalizeH="0" baseline="0" dirty="0">
                <a:ln>
                  <a:noFill/>
                </a:ln>
                <a:solidFill>
                  <a:schemeClr val="tx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used for the combination treatments.</a:t>
            </a:r>
            <a:endParaRPr kumimoji="0" lang="en-GB" altLang="en-US" sz="6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altLang="en-US" sz="800" b="0" i="0" u="none" strike="noStrike" cap="none" normalizeH="0" baseline="0" dirty="0">
              <a:ln>
                <a:noFill/>
              </a:ln>
              <a:solidFill>
                <a:srgbClr val="000000"/>
              </a:solidFill>
              <a:effectLst/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altLang="en-US" sz="800" b="0" i="0" u="none" strike="noStrike" cap="none" normalizeH="0" baseline="0" dirty="0">
              <a:ln>
                <a:noFill/>
              </a:ln>
              <a:solidFill>
                <a:srgbClr val="000000"/>
              </a:solidFill>
              <a:effectLst/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lang="en-GB" altLang="en-US" sz="800" dirty="0">
              <a:solidFill>
                <a:srgbClr val="000000"/>
              </a:solidFill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altLang="en-US" sz="800" b="0" i="0" u="none" strike="noStrike" cap="none" normalizeH="0" baseline="0" dirty="0">
              <a:ln>
                <a:noFill/>
              </a:ln>
              <a:solidFill>
                <a:srgbClr val="000000"/>
              </a:solidFill>
              <a:effectLst/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lang="en-GB" altLang="en-US" sz="800" dirty="0">
              <a:solidFill>
                <a:srgbClr val="000000"/>
              </a:solidFill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altLang="en-US" sz="800" b="0" i="0" u="none" strike="noStrike" cap="none" normalizeH="0" baseline="0" dirty="0">
              <a:ln>
                <a:noFill/>
              </a:ln>
              <a:solidFill>
                <a:srgbClr val="000000"/>
              </a:solidFill>
              <a:effectLst/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lang="en-GB" altLang="en-US" sz="800" dirty="0">
              <a:solidFill>
                <a:srgbClr val="000000"/>
              </a:solidFill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altLang="en-US" sz="800" b="0" i="0" u="none" strike="noStrike" cap="none" normalizeH="0" baseline="0" dirty="0">
              <a:ln>
                <a:noFill/>
              </a:ln>
              <a:solidFill>
                <a:srgbClr val="000000"/>
              </a:solidFill>
              <a:effectLst/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lang="en-GB" altLang="en-US" sz="800" dirty="0">
              <a:solidFill>
                <a:srgbClr val="000000"/>
              </a:solidFill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altLang="en-US" sz="800" b="0" i="0" u="none" strike="noStrike" cap="none" normalizeH="0" baseline="0" dirty="0">
              <a:ln>
                <a:noFill/>
              </a:ln>
              <a:solidFill>
                <a:srgbClr val="000000"/>
              </a:solidFill>
              <a:effectLst/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lang="en-GB" altLang="en-US" sz="800" dirty="0">
              <a:solidFill>
                <a:srgbClr val="000000"/>
              </a:solidFill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lang="en-GB" altLang="en-US" sz="800" dirty="0">
              <a:solidFill>
                <a:srgbClr val="000000"/>
              </a:solidFill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altLang="en-US" sz="800" b="0" i="0" u="none" strike="noStrike" cap="none" normalizeH="0" baseline="0" dirty="0">
              <a:ln>
                <a:noFill/>
              </a:ln>
              <a:solidFill>
                <a:srgbClr val="000000"/>
              </a:solidFill>
              <a:effectLst/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altLang="en-US" sz="800" b="0" i="0" u="none" strike="noStrike" cap="none" normalizeH="0" baseline="0" dirty="0">
              <a:ln>
                <a:noFill/>
              </a:ln>
              <a:solidFill>
                <a:srgbClr val="000000"/>
              </a:solidFill>
              <a:effectLst/>
              <a:latin typeface="Calibri" panose="020F0502020204030204" pitchFamily="34" charset="0"/>
              <a:ea typeface="Times New Roman" panose="02020603050405020304" pitchFamily="18" charset="0"/>
              <a:cs typeface="Arial" panose="020B0604020202020204" pitchFamily="34" charset="0"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br>
              <a:rPr lang="en-GB" altLang="en-US" sz="800" dirty="0">
                <a:solidFill>
                  <a:srgbClr val="000000"/>
                </a:solidFill>
                <a:latin typeface="Calibri" panose="020F0502020204030204" pitchFamily="34" charset="0"/>
                <a:ea typeface="Times New Roman" panose="02020603050405020304" pitchFamily="18" charset="0"/>
                <a:cs typeface="Arial" panose="020B0604020202020204" pitchFamily="34" charset="0"/>
              </a:rPr>
            </a:br>
            <a:r>
              <a:rPr kumimoji="0" lang="en-GB" altLang="en-US" sz="800" b="0" i="0" u="none" strike="noStrike" cap="none" normalizeH="0" baseline="0" dirty="0">
                <a:ln>
                  <a:noFill/>
                </a:ln>
                <a:solidFill>
                  <a:srgbClr val="000000"/>
                </a:solidFill>
                <a:effectLst/>
                <a:latin typeface="Calibri" panose="020F0502020204030204" pitchFamily="34" charset="0"/>
                <a:ea typeface="Times New Roman" panose="02020603050405020304" pitchFamily="18" charset="0"/>
                <a:cs typeface="Arial" panose="020B0604020202020204" pitchFamily="34" charset="0"/>
              </a:rPr>
              <a:t>                                   *Total pore volume filled at a relative pressure p/po equal to 0.99 </a:t>
            </a:r>
            <a:r>
              <a:rPr kumimoji="0" lang="en-GB" altLang="en-US" sz="800" b="0" i="0" u="none" strike="noStrike" cap="none" normalizeH="0" baseline="0" dirty="0" err="1">
                <a:ln>
                  <a:noFill/>
                </a:ln>
                <a:solidFill>
                  <a:srgbClr val="000000"/>
                </a:solidFill>
                <a:effectLst/>
                <a:latin typeface="Calibri" panose="020F0502020204030204" pitchFamily="34" charset="0"/>
                <a:ea typeface="Times New Roman" panose="02020603050405020304" pitchFamily="18" charset="0"/>
                <a:cs typeface="Arial" panose="020B0604020202020204" pitchFamily="34" charset="0"/>
              </a:rPr>
              <a:t>A.Bsgreev</a:t>
            </a:r>
            <a:r>
              <a:rPr kumimoji="0" lang="en-GB" altLang="en-US" sz="800" b="0" i="0" u="none" strike="noStrike" cap="none" normalizeH="0" baseline="0" dirty="0">
                <a:ln>
                  <a:noFill/>
                </a:ln>
                <a:solidFill>
                  <a:srgbClr val="000000"/>
                </a:solidFill>
                <a:effectLst/>
                <a:latin typeface="Calibri" panose="020F0502020204030204" pitchFamily="34" charset="0"/>
                <a:ea typeface="Times New Roman" panose="02020603050405020304" pitchFamily="18" charset="0"/>
                <a:cs typeface="Arial" panose="020B0604020202020204" pitchFamily="34" charset="0"/>
              </a:rPr>
              <a:t> 2001</a:t>
            </a: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altLang="en-US" sz="6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</a:endParaRPr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1200" b="0" i="0" u="none" strike="noStrike" cap="none" normalizeH="0" baseline="0" dirty="0">
                <a:ln>
                  <a:noFill/>
                </a:ln>
                <a:solidFill>
                  <a:srgbClr val="111111"/>
                </a:solidFill>
                <a:effectLst/>
                <a:latin typeface="+mj-lt"/>
                <a:ea typeface="Calibri" panose="020F0502020204030204" pitchFamily="34" charset="0"/>
                <a:cs typeface="Times New Roman" panose="02020603050405020304" pitchFamily="18" charset="0"/>
              </a:rPr>
              <a:t>Data in Table 2 was kindly provided by Dr Ali </a:t>
            </a:r>
            <a:r>
              <a:rPr kumimoji="0" lang="en-US" altLang="en-US" sz="1200" b="0" i="0" u="none" strike="noStrike" cap="none" normalizeH="0" baseline="0" dirty="0" err="1">
                <a:ln>
                  <a:noFill/>
                </a:ln>
                <a:solidFill>
                  <a:srgbClr val="111111"/>
                </a:solidFill>
                <a:effectLst/>
                <a:latin typeface="+mj-lt"/>
                <a:ea typeface="Calibri" panose="020F0502020204030204" pitchFamily="34" charset="0"/>
                <a:cs typeface="Times New Roman" panose="02020603050405020304" pitchFamily="18" charset="0"/>
              </a:rPr>
              <a:t>Navabi</a:t>
            </a:r>
            <a:r>
              <a:rPr kumimoji="0" lang="en-US" altLang="en-US" sz="1200" b="0" i="0" u="none" strike="noStrike" cap="none" normalizeH="0" baseline="0" dirty="0">
                <a:ln>
                  <a:noFill/>
                </a:ln>
                <a:solidFill>
                  <a:srgbClr val="111111"/>
                </a:solidFill>
                <a:effectLst/>
                <a:latin typeface="+mj-lt"/>
                <a:ea typeface="Calibri" panose="020F0502020204030204" pitchFamily="34" charset="0"/>
                <a:cs typeface="Times New Roman" panose="02020603050405020304" pitchFamily="18" charset="0"/>
              </a:rPr>
              <a:t>, Cranfield’s Centre for Climate and Environmental Protection, Whittle Building, Cranfield University, Cranfield, Bedfordshire MK43 0AL, UK</a:t>
            </a:r>
            <a:endParaRPr kumimoji="0" lang="en-US" altLang="en-US" sz="20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+mj-lt"/>
            </a:endParaRPr>
          </a:p>
        </p:txBody>
      </p:sp>
      <p:graphicFrame>
        <p:nvGraphicFramePr>
          <p:cNvPr id="6" name="Chart 5">
            <a:extLst>
              <a:ext uri="{FF2B5EF4-FFF2-40B4-BE49-F238E27FC236}">
                <a16:creationId xmlns:a16="http://schemas.microsoft.com/office/drawing/2014/main" id="{B2ECBF94-E4AB-4CAE-B727-72E4D907FABF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235039297"/>
              </p:ext>
            </p:extLst>
          </p:nvPr>
        </p:nvGraphicFramePr>
        <p:xfrm>
          <a:off x="180226" y="1220211"/>
          <a:ext cx="8352214" cy="274678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7" name="Rectangle 6">
            <a:extLst>
              <a:ext uri="{FF2B5EF4-FFF2-40B4-BE49-F238E27FC236}">
                <a16:creationId xmlns:a16="http://schemas.microsoft.com/office/drawing/2014/main" id="{9B22B1E7-B644-4201-9F89-0A8C498DD9D4}"/>
              </a:ext>
            </a:extLst>
          </p:cNvPr>
          <p:cNvSpPr/>
          <p:nvPr/>
        </p:nvSpPr>
        <p:spPr>
          <a:xfrm>
            <a:off x="3078066" y="3453580"/>
            <a:ext cx="2556533" cy="28027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457200" algn="ctr">
              <a:lnSpc>
                <a:spcPct val="107000"/>
              </a:lnSpc>
              <a:spcAft>
                <a:spcPts val="800"/>
              </a:spcAft>
            </a:pPr>
            <a:r>
              <a:rPr lang="en-GB" sz="1200" dirty="0">
                <a:latin typeface="+mj-lt"/>
                <a:ea typeface="Calibri" panose="020F0502020204030204" pitchFamily="34" charset="0"/>
                <a:cs typeface="Times New Roman" panose="02020603050405020304" pitchFamily="18" charset="0"/>
              </a:rPr>
              <a:t>Figure-1. Van </a:t>
            </a:r>
            <a:r>
              <a:rPr lang="en-GB" sz="1200" dirty="0" err="1">
                <a:latin typeface="+mj-lt"/>
                <a:ea typeface="Calibri" panose="020F0502020204030204" pitchFamily="34" charset="0"/>
                <a:cs typeface="Times New Roman" panose="02020603050405020304" pitchFamily="18" charset="0"/>
              </a:rPr>
              <a:t>Krevelen</a:t>
            </a:r>
            <a:r>
              <a:rPr lang="en-GB" sz="1200" dirty="0">
                <a:latin typeface="+mj-lt"/>
                <a:ea typeface="Calibri" panose="020F0502020204030204" pitchFamily="34" charset="0"/>
                <a:cs typeface="Times New Roman" panose="02020603050405020304" pitchFamily="18" charset="0"/>
              </a:rPr>
              <a:t> Graph.</a:t>
            </a:r>
          </a:p>
        </p:txBody>
      </p:sp>
      <p:sp>
        <p:nvSpPr>
          <p:cNvPr id="10" name="Arrow: Down 9">
            <a:extLst>
              <a:ext uri="{FF2B5EF4-FFF2-40B4-BE49-F238E27FC236}">
                <a16:creationId xmlns:a16="http://schemas.microsoft.com/office/drawing/2014/main" id="{0C88A022-B6C9-4883-B107-954C91E10F9C}"/>
              </a:ext>
            </a:extLst>
          </p:cNvPr>
          <p:cNvSpPr/>
          <p:nvPr/>
        </p:nvSpPr>
        <p:spPr>
          <a:xfrm rot="3174204">
            <a:off x="4012487" y="1509927"/>
            <a:ext cx="219876" cy="1737430"/>
          </a:xfrm>
          <a:prstGeom prst="down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4FFCE64B-E413-4104-B727-30472E4C6454}"/>
              </a:ext>
            </a:extLst>
          </p:cNvPr>
          <p:cNvSpPr/>
          <p:nvPr/>
        </p:nvSpPr>
        <p:spPr>
          <a:xfrm>
            <a:off x="1264748" y="687247"/>
            <a:ext cx="7267692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400" dirty="0"/>
              <a:t>The type of thermal process and the temperature selected had a direct impact on the carbonization of the sewage sludge samples (SS1)</a:t>
            </a:r>
          </a:p>
        </p:txBody>
      </p:sp>
      <p:graphicFrame>
        <p:nvGraphicFramePr>
          <p:cNvPr id="12" name="Table 11">
            <a:extLst>
              <a:ext uri="{FF2B5EF4-FFF2-40B4-BE49-F238E27FC236}">
                <a16:creationId xmlns:a16="http://schemas.microsoft.com/office/drawing/2014/main" id="{BCE4191F-B0BA-4394-9B2D-15CC80BF1C13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21998742"/>
              </p:ext>
            </p:extLst>
          </p:nvPr>
        </p:nvGraphicFramePr>
        <p:xfrm>
          <a:off x="1403648" y="4264398"/>
          <a:ext cx="6517674" cy="1699506"/>
        </p:xfrm>
        <a:graphic>
          <a:graphicData uri="http://schemas.openxmlformats.org/drawingml/2006/table">
            <a:tbl>
              <a:tblPr firstRow="1" firstCol="1" bandRow="1">
                <a:tableStyleId>{2D5ABB26-0587-4C30-8999-92F81FD0307C}</a:tableStyleId>
              </a:tblPr>
              <a:tblGrid>
                <a:gridCol w="590888">
                  <a:extLst>
                    <a:ext uri="{9D8B030D-6E8A-4147-A177-3AD203B41FA5}">
                      <a16:colId xmlns:a16="http://schemas.microsoft.com/office/drawing/2014/main" val="3070344092"/>
                    </a:ext>
                  </a:extLst>
                </a:gridCol>
                <a:gridCol w="843903">
                  <a:extLst>
                    <a:ext uri="{9D8B030D-6E8A-4147-A177-3AD203B41FA5}">
                      <a16:colId xmlns:a16="http://schemas.microsoft.com/office/drawing/2014/main" val="803344322"/>
                    </a:ext>
                  </a:extLst>
                </a:gridCol>
                <a:gridCol w="993377">
                  <a:extLst>
                    <a:ext uri="{9D8B030D-6E8A-4147-A177-3AD203B41FA5}">
                      <a16:colId xmlns:a16="http://schemas.microsoft.com/office/drawing/2014/main" val="3384001843"/>
                    </a:ext>
                  </a:extLst>
                </a:gridCol>
                <a:gridCol w="999605">
                  <a:extLst>
                    <a:ext uri="{9D8B030D-6E8A-4147-A177-3AD203B41FA5}">
                      <a16:colId xmlns:a16="http://schemas.microsoft.com/office/drawing/2014/main" val="452920757"/>
                    </a:ext>
                  </a:extLst>
                </a:gridCol>
                <a:gridCol w="1103147">
                  <a:extLst>
                    <a:ext uri="{9D8B030D-6E8A-4147-A177-3AD203B41FA5}">
                      <a16:colId xmlns:a16="http://schemas.microsoft.com/office/drawing/2014/main" val="2613222600"/>
                    </a:ext>
                  </a:extLst>
                </a:gridCol>
                <a:gridCol w="987149">
                  <a:extLst>
                    <a:ext uri="{9D8B030D-6E8A-4147-A177-3AD203B41FA5}">
                      <a16:colId xmlns:a16="http://schemas.microsoft.com/office/drawing/2014/main" val="1634397621"/>
                    </a:ext>
                  </a:extLst>
                </a:gridCol>
                <a:gridCol w="999605">
                  <a:extLst>
                    <a:ext uri="{9D8B030D-6E8A-4147-A177-3AD203B41FA5}">
                      <a16:colId xmlns:a16="http://schemas.microsoft.com/office/drawing/2014/main" val="1673435072"/>
                    </a:ext>
                  </a:extLst>
                </a:gridCol>
              </a:tblGrid>
              <a:tr h="461910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Sample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BET surface area (m2/g)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Adsorption average pore width (A) (nm)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 err="1">
                          <a:effectLst/>
                        </a:rPr>
                        <a:t>MicroPore</a:t>
                      </a:r>
                      <a:r>
                        <a:rPr lang="en-GB" sz="800" dirty="0">
                          <a:effectLst/>
                        </a:rPr>
                        <a:t> 2-10 Percentage(%)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 err="1">
                          <a:effectLst/>
                        </a:rPr>
                        <a:t>MesoPore</a:t>
                      </a:r>
                      <a:r>
                        <a:rPr lang="en-GB" sz="800" dirty="0">
                          <a:effectLst/>
                        </a:rPr>
                        <a:t> 10-20 Percentage(%)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 err="1">
                          <a:effectLst/>
                        </a:rPr>
                        <a:t>MesoPore</a:t>
                      </a:r>
                      <a:r>
                        <a:rPr lang="en-GB" sz="800" dirty="0">
                          <a:effectLst/>
                        </a:rPr>
                        <a:t> 20-50 Percentage(%)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 err="1">
                          <a:effectLst/>
                        </a:rPr>
                        <a:t>MacroPore</a:t>
                      </a:r>
                      <a:r>
                        <a:rPr lang="en-GB" sz="800" dirty="0">
                          <a:effectLst/>
                        </a:rPr>
                        <a:t> &gt;50 Percentage(%)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extLst>
                  <a:ext uri="{0D108BD9-81ED-4DB2-BD59-A6C34878D82A}">
                    <a16:rowId xmlns:a16="http://schemas.microsoft.com/office/drawing/2014/main" val="307088975"/>
                  </a:ext>
                </a:extLst>
              </a:tr>
              <a:tr h="162004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SS2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1.726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33.752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28.52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13.72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21.9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35.86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extLst>
                  <a:ext uri="{0D108BD9-81ED-4DB2-BD59-A6C34878D82A}">
                    <a16:rowId xmlns:a16="http://schemas.microsoft.com/office/drawing/2014/main" val="3520734766"/>
                  </a:ext>
                </a:extLst>
              </a:tr>
              <a:tr h="162004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SS1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2.043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24.907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35.8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11.47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6.26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46.47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376198982"/>
                  </a:ext>
                </a:extLst>
              </a:tr>
              <a:tr h="22839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H180-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b="1" dirty="0">
                          <a:effectLst/>
                        </a:rPr>
                        <a:t>20.131</a:t>
                      </a:r>
                      <a:endParaRPr lang="en-GB" sz="1100" b="1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33.571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9.09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10.47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36.5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43.9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2663632978"/>
                  </a:ext>
                </a:extLst>
              </a:tr>
              <a:tr h="22839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H240-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b="1" dirty="0">
                          <a:effectLst/>
                        </a:rPr>
                        <a:t>19.998</a:t>
                      </a:r>
                      <a:endParaRPr lang="en-GB" sz="1100" b="1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30.896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10.41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6.95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33.86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48.78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1538167472"/>
                  </a:ext>
                </a:extLst>
              </a:tr>
              <a:tr h="22839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P300-1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4.964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36.745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18.96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17.57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28.02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>
                          <a:effectLst/>
                        </a:rPr>
                        <a:t>35.45</a:t>
                      </a:r>
                      <a:endParaRPr lang="en-GB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extLst>
                  <a:ext uri="{0D108BD9-81ED-4DB2-BD59-A6C34878D82A}">
                    <a16:rowId xmlns:a16="http://schemas.microsoft.com/office/drawing/2014/main" val="1885440004"/>
                  </a:ext>
                </a:extLst>
              </a:tr>
              <a:tr h="22839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P400-1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16.941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25.316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11.37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11.05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30.27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GB" sz="800" dirty="0">
                          <a:effectLst/>
                        </a:rPr>
                        <a:t>47.3</a:t>
                      </a:r>
                      <a:endParaRPr lang="en-GB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68580" marR="68580" marT="0" marB="0" anchor="ctr"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837106235"/>
                  </a:ext>
                </a:extLst>
              </a:tr>
            </a:tbl>
          </a:graphicData>
        </a:graphic>
      </p:graphicFrame>
      <p:sp>
        <p:nvSpPr>
          <p:cNvPr id="13" name="Text Placeholder 1">
            <a:extLst>
              <a:ext uri="{FF2B5EF4-FFF2-40B4-BE49-F238E27FC236}">
                <a16:creationId xmlns:a16="http://schemas.microsoft.com/office/drawing/2014/main" id="{D3F251E3-7B19-46F7-89E3-1B52463D72AC}"/>
              </a:ext>
            </a:extLst>
          </p:cNvPr>
          <p:cNvSpPr txBox="1">
            <a:spLocks/>
          </p:cNvSpPr>
          <p:nvPr/>
        </p:nvSpPr>
        <p:spPr>
          <a:xfrm>
            <a:off x="1264748" y="299054"/>
            <a:ext cx="8532948" cy="792088"/>
          </a:xfrm>
          <a:prstGeom prst="rect">
            <a:avLst/>
          </a:prstGeom>
        </p:spPr>
        <p:txBody>
          <a:bodyPr/>
          <a:lstStyle>
            <a:lvl1pPr marL="171450" indent="-171450" algn="l" defTabSz="685800" rtl="0" eaLnBrk="1" latinLnBrk="0" hangingPunct="1">
              <a:lnSpc>
                <a:spcPct val="90000"/>
              </a:lnSpc>
              <a:spcBef>
                <a:spcPts val="75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5143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8572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12001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15430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18859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2288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25717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2914650" indent="-171450" algn="l" defTabSz="685800" rtl="0" eaLnBrk="1" latinLnBrk="0" hangingPunct="1">
              <a:lnSpc>
                <a:spcPct val="90000"/>
              </a:lnSpc>
              <a:spcBef>
                <a:spcPts val="375"/>
              </a:spcBef>
              <a:buFont typeface="Arial" panose="020B0604020202020204" pitchFamily="34" charset="0"/>
              <a:buChar char="•"/>
              <a:defRPr sz="135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en-GB" b="1" dirty="0">
                <a:solidFill>
                  <a:srgbClr val="0070C0"/>
                </a:solidFill>
              </a:rPr>
              <a:t>Physical-chemical Characterization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id="{725AF9CD-2063-4A60-A3E4-078D66D75565}"/>
              </a:ext>
            </a:extLst>
          </p:cNvPr>
          <p:cNvSpPr/>
          <p:nvPr/>
        </p:nvSpPr>
        <p:spPr>
          <a:xfrm>
            <a:off x="2051720" y="5085184"/>
            <a:ext cx="715505" cy="431695"/>
          </a:xfrm>
          <a:prstGeom prst="rect">
            <a:avLst/>
          </a:prstGeom>
          <a:noFill/>
          <a:ln w="28575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5" name="Rectangle 14">
            <a:extLst>
              <a:ext uri="{FF2B5EF4-FFF2-40B4-BE49-F238E27FC236}">
                <a16:creationId xmlns:a16="http://schemas.microsoft.com/office/drawing/2014/main" id="{264E570A-BB0E-4801-87B0-12403392B54D}"/>
              </a:ext>
            </a:extLst>
          </p:cNvPr>
          <p:cNvSpPr/>
          <p:nvPr/>
        </p:nvSpPr>
        <p:spPr>
          <a:xfrm>
            <a:off x="4788024" y="4264398"/>
            <a:ext cx="2016224" cy="460746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6" name="Rectangle 15">
            <a:extLst>
              <a:ext uri="{FF2B5EF4-FFF2-40B4-BE49-F238E27FC236}">
                <a16:creationId xmlns:a16="http://schemas.microsoft.com/office/drawing/2014/main" id="{93E88740-896E-4021-8C74-D11FEB49CDB2}"/>
              </a:ext>
            </a:extLst>
          </p:cNvPr>
          <p:cNvSpPr/>
          <p:nvPr/>
        </p:nvSpPr>
        <p:spPr>
          <a:xfrm>
            <a:off x="7894045" y="4725144"/>
            <a:ext cx="1222678" cy="127727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100" dirty="0">
                <a:solidFill>
                  <a:srgbClr val="5B9BD5"/>
                </a:solidFill>
              </a:rPr>
              <a:t>SS derivatives are mainly mesoporous</a:t>
            </a:r>
          </a:p>
          <a:p>
            <a:r>
              <a:rPr lang="en-GB" sz="1100" dirty="0">
                <a:solidFill>
                  <a:srgbClr val="5B9BD5"/>
                </a:solidFill>
              </a:rPr>
              <a:t>Pore size is grater at higher temperature in both treatments</a:t>
            </a:r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id="{A0194C02-FE46-4283-9D55-77310A4DD99E}"/>
              </a:ext>
            </a:extLst>
          </p:cNvPr>
          <p:cNvSpPr/>
          <p:nvPr/>
        </p:nvSpPr>
        <p:spPr>
          <a:xfrm>
            <a:off x="3851920" y="2675694"/>
            <a:ext cx="4572000" cy="369332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GB" dirty="0">
                <a:solidFill>
                  <a:srgbClr val="5B9BD5"/>
                </a:solidFill>
              </a:rPr>
              <a:t>Ratios closer to “low quality” coals</a:t>
            </a:r>
          </a:p>
        </p:txBody>
      </p:sp>
      <p:sp>
        <p:nvSpPr>
          <p:cNvPr id="18" name="Rectangle 17">
            <a:extLst>
              <a:ext uri="{FF2B5EF4-FFF2-40B4-BE49-F238E27FC236}">
                <a16:creationId xmlns:a16="http://schemas.microsoft.com/office/drawing/2014/main" id="{B1F5456F-8389-4151-85A9-32B6C3DB8A29}"/>
              </a:ext>
            </a:extLst>
          </p:cNvPr>
          <p:cNvSpPr/>
          <p:nvPr/>
        </p:nvSpPr>
        <p:spPr>
          <a:xfrm>
            <a:off x="180226" y="5012840"/>
            <a:ext cx="1398106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400" dirty="0">
                <a:solidFill>
                  <a:srgbClr val="5B9BD5"/>
                </a:solidFill>
              </a:rPr>
              <a:t>Surface area 10 times higher !</a:t>
            </a:r>
          </a:p>
        </p:txBody>
      </p:sp>
    </p:spTree>
    <p:extLst>
      <p:ext uri="{BB962C8B-B14F-4D97-AF65-F5344CB8AC3E}">
        <p14:creationId xmlns:p14="http://schemas.microsoft.com/office/powerpoint/2010/main" val="1928663603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 Placeholder 1"/>
          <p:cNvSpPr>
            <a:spLocks noGrp="1"/>
          </p:cNvSpPr>
          <p:nvPr>
            <p:ph type="body" sz="quarter" idx="11"/>
          </p:nvPr>
        </p:nvSpPr>
        <p:spPr>
          <a:xfrm>
            <a:off x="381672" y="1720616"/>
            <a:ext cx="3227578" cy="683040"/>
          </a:xfrm>
        </p:spPr>
        <p:txBody>
          <a:bodyPr>
            <a:noAutofit/>
          </a:bodyPr>
          <a:lstStyle/>
          <a:p>
            <a:r>
              <a:rPr lang="en-GB" sz="1600" dirty="0">
                <a:solidFill>
                  <a:srgbClr val="0070C0"/>
                </a:solidFill>
              </a:rPr>
              <a:t>Would the materials be toxic and reduce the germination of the seeds?</a:t>
            </a:r>
          </a:p>
          <a:p>
            <a:br>
              <a:rPr lang="en-GB" sz="1600" dirty="0"/>
            </a:br>
            <a:r>
              <a:rPr lang="en-GB" sz="1600" dirty="0">
                <a:solidFill>
                  <a:srgbClr val="0070C0"/>
                </a:solidFill>
              </a:rPr>
              <a:t>Zucconi Test </a:t>
            </a:r>
            <a:r>
              <a:rPr lang="en-GB" sz="1400" b="0" dirty="0">
                <a:solidFill>
                  <a:schemeClr val="bg2">
                    <a:lumMod val="25000"/>
                  </a:schemeClr>
                </a:solidFill>
              </a:rPr>
              <a:t>(worst case scenario)</a:t>
            </a:r>
            <a:endParaRPr lang="en-GB" sz="1600" b="0" dirty="0">
              <a:solidFill>
                <a:schemeClr val="bg2">
                  <a:lumMod val="25000"/>
                </a:schemeClr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6798055" y="1023804"/>
            <a:ext cx="1836337" cy="31265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just">
              <a:lnSpc>
                <a:spcPct val="107000"/>
              </a:lnSpc>
              <a:spcAft>
                <a:spcPts val="800"/>
              </a:spcAft>
            </a:pPr>
            <a:r>
              <a:rPr lang="en-GB" sz="1400" b="1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Response</a:t>
            </a:r>
            <a:r>
              <a:rPr lang="en-US" sz="1400" b="1" dirty="0">
                <a:latin typeface="Calibri" panose="020F0502020204030204" pitchFamily="34" charset="0"/>
                <a:ea typeface="Calibri" panose="020F0502020204030204" pitchFamily="34" charset="0"/>
                <a:cs typeface="Calibri" panose="020F0502020204030204" pitchFamily="34" charset="0"/>
              </a:rPr>
              <a:t> of the seeds</a:t>
            </a:r>
            <a:endParaRPr lang="en-GB" sz="1400" dirty="0"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1248437" y="247005"/>
            <a:ext cx="4074910" cy="864000"/>
          </a:xfrm>
        </p:spPr>
        <p:txBody>
          <a:bodyPr/>
          <a:lstStyle/>
          <a:p>
            <a:r>
              <a:rPr lang="en-GB" dirty="0"/>
              <a:t>Phytotoxicity</a:t>
            </a:r>
          </a:p>
        </p:txBody>
      </p:sp>
      <p:sp>
        <p:nvSpPr>
          <p:cNvPr id="6" name="Rectangle 5"/>
          <p:cNvSpPr/>
          <p:nvPr/>
        </p:nvSpPr>
        <p:spPr>
          <a:xfrm>
            <a:off x="48543" y="2621087"/>
            <a:ext cx="4572000" cy="630942"/>
          </a:xfrm>
          <a:prstGeom prst="rect">
            <a:avLst/>
          </a:prstGeom>
        </p:spPr>
        <p:txBody>
          <a:bodyPr>
            <a:spAutoFit/>
          </a:bodyPr>
          <a:lstStyle/>
          <a:p>
            <a:pPr marL="342900" lvl="0" indent="-342900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ü"/>
            </a:pPr>
            <a:r>
              <a:rPr lang="en-US" sz="1400" dirty="0">
                <a:solidFill>
                  <a:srgbClr val="252323"/>
                </a:solidFill>
                <a:cs typeface="Arial" panose="020B0604020202020204" pitchFamily="34" charset="0"/>
              </a:rPr>
              <a:t>Toxicity reduced after all thermal treatments</a:t>
            </a:r>
          </a:p>
          <a:p>
            <a:pPr marL="342900" lvl="0" indent="-342900" algn="just" eaLnBrk="0" fontAlgn="base" hangingPunct="0"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ü"/>
            </a:pPr>
            <a:r>
              <a:rPr lang="en-US" sz="1400" dirty="0">
                <a:solidFill>
                  <a:srgbClr val="252323"/>
                </a:solidFill>
                <a:cs typeface="Arial" panose="020B0604020202020204" pitchFamily="34" charset="0"/>
              </a:rPr>
              <a:t>Phytotoxicity minimal only through pyrolysis</a:t>
            </a:r>
            <a:endParaRPr lang="en-GB" sz="140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7" name="Rectangle 6"/>
              <p:cNvSpPr/>
              <p:nvPr/>
            </p:nvSpPr>
            <p:spPr>
              <a:xfrm>
                <a:off x="5940153" y="777279"/>
                <a:ext cx="2880320" cy="307777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algn="ctr"/>
                <a14:m>
                  <m:oMathPara xmlns:m="http://schemas.openxmlformats.org/officeDocument/2006/math">
                    <m:oMathParaPr>
                      <m:jc m:val="center"/>
                    </m:oMathParaPr>
                    <m:oMath xmlns:m="http://schemas.openxmlformats.org/officeDocument/2006/math">
                      <m:r>
                        <a:rPr lang="en-GB" sz="1400" i="1">
                          <a:latin typeface="Cambria Math" panose="02040503050406030204" pitchFamily="18" charset="0"/>
                        </a:rPr>
                        <m:t>𝑆𝑝𝑟𝑖𝑛𝑔</m:t>
                      </m:r>
                      <m:r>
                        <a:rPr lang="en-GB" sz="1400" i="1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sz="1400" i="1">
                          <a:latin typeface="Cambria Math" panose="02040503050406030204" pitchFamily="18" charset="0"/>
                        </a:rPr>
                        <m:t>𝑊h𝑒𝑎𝑡</m:t>
                      </m:r>
                      <m:r>
                        <a:rPr lang="en-GB" sz="1400" i="1">
                          <a:latin typeface="Cambria Math" panose="02040503050406030204" pitchFamily="18" charset="0"/>
                        </a:rPr>
                        <m:t> (</m:t>
                      </m:r>
                      <m:r>
                        <a:rPr lang="en-GB" sz="1400" i="1">
                          <a:latin typeface="Cambria Math" panose="02040503050406030204" pitchFamily="18" charset="0"/>
                        </a:rPr>
                        <m:t>𝐾𝑊𝑆</m:t>
                      </m:r>
                      <m:r>
                        <a:rPr lang="en-GB" sz="1400" i="1">
                          <a:latin typeface="Cambria Math" panose="02040503050406030204" pitchFamily="18" charset="0"/>
                        </a:rPr>
                        <m:t> </m:t>
                      </m:r>
                      <m:r>
                        <a:rPr lang="en-GB" sz="1400" i="1">
                          <a:latin typeface="Cambria Math" panose="02040503050406030204" pitchFamily="18" charset="0"/>
                        </a:rPr>
                        <m:t>𝑊𝐼𝐿𝑂𝑊</m:t>
                      </m:r>
                      <m:r>
                        <a:rPr lang="en-GB" sz="1400" i="1">
                          <a:latin typeface="Cambria Math" panose="02040503050406030204" pitchFamily="18" charset="0"/>
                        </a:rPr>
                        <m:t>)</m:t>
                      </m:r>
                    </m:oMath>
                  </m:oMathPara>
                </a14:m>
                <a:endParaRPr lang="en-GB" altLang="es-ES" sz="1400" i="1" dirty="0">
                  <a:ea typeface="Calibri" panose="020F0502020204030204" pitchFamily="34" charset="0"/>
                  <a:cs typeface="Arial" panose="020B0604020202020204" pitchFamily="34" charset="0"/>
                </a:endParaRPr>
              </a:p>
            </p:txBody>
          </p:sp>
        </mc:Choice>
        <mc:Fallback xmlns="">
          <p:sp>
            <p:nvSpPr>
              <p:cNvPr id="7" name="Rectangle 6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940153" y="777279"/>
                <a:ext cx="2880320" cy="307777"/>
              </a:xfrm>
              <a:prstGeom prst="rect">
                <a:avLst/>
              </a:prstGeom>
              <a:blipFill>
                <a:blip r:embed="rId2"/>
                <a:stretch>
                  <a:fillRect b="-8000"/>
                </a:stretch>
              </a:blipFill>
            </p:spPr>
            <p:txBody>
              <a:bodyPr/>
              <a:lstStyle/>
              <a:p>
                <a:r>
                  <a:rPr lang="en-GB">
                    <a:noFill/>
                  </a:rPr>
                  <a:t> </a:t>
                </a:r>
              </a:p>
            </p:txBody>
          </p:sp>
        </mc:Fallback>
      </mc:AlternateContent>
      <p:graphicFrame>
        <p:nvGraphicFramePr>
          <p:cNvPr id="37" name="Diagram 36"/>
          <p:cNvGraphicFramePr/>
          <p:nvPr>
            <p:extLst>
              <p:ext uri="{D42A27DB-BD31-4B8C-83A1-F6EECF244321}">
                <p14:modId xmlns:p14="http://schemas.microsoft.com/office/powerpoint/2010/main" val="3829662197"/>
              </p:ext>
            </p:extLst>
          </p:nvPr>
        </p:nvGraphicFramePr>
        <p:xfrm>
          <a:off x="666683" y="4149080"/>
          <a:ext cx="2890521" cy="2368379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39" name="TextBox 38"/>
          <p:cNvSpPr txBox="1"/>
          <p:nvPr/>
        </p:nvSpPr>
        <p:spPr>
          <a:xfrm>
            <a:off x="377802" y="3199279"/>
            <a:ext cx="2439257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sz="1400" dirty="0">
                <a:solidFill>
                  <a:srgbClr val="252323"/>
                </a:solidFill>
                <a:cs typeface="Arial" panose="020B0604020202020204" pitchFamily="34" charset="0"/>
              </a:rPr>
              <a:t>Seed germination test  (2 days)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8"/>
          <a:srcRect l="51772" t="27853" r="4523" b="12348"/>
          <a:stretch/>
        </p:blipFill>
        <p:spPr>
          <a:xfrm>
            <a:off x="4175363" y="1350944"/>
            <a:ext cx="4952515" cy="5420996"/>
          </a:xfrm>
          <a:prstGeom prst="rect">
            <a:avLst/>
          </a:prstGeom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814D0626-16D7-4B09-900E-E07CCCAFC54D}"/>
              </a:ext>
            </a:extLst>
          </p:cNvPr>
          <p:cNvSpPr/>
          <p:nvPr/>
        </p:nvSpPr>
        <p:spPr>
          <a:xfrm>
            <a:off x="-174047" y="3618581"/>
            <a:ext cx="4572000" cy="821059"/>
          </a:xfrm>
          <a:prstGeom prst="rect">
            <a:avLst/>
          </a:prstGeom>
        </p:spPr>
        <p:txBody>
          <a:bodyPr>
            <a:spAutoFit/>
          </a:bodyPr>
          <a:lstStyle/>
          <a:p>
            <a:pPr marL="450215">
              <a:lnSpc>
                <a:spcPct val="115000"/>
              </a:lnSpc>
              <a:spcAft>
                <a:spcPts val="0"/>
              </a:spcAft>
            </a:pPr>
            <a:r>
              <a:rPr lang="en-GB" sz="1400" dirty="0">
                <a:solidFill>
                  <a:srgbClr val="252323"/>
                </a:solidFill>
                <a:cs typeface="Arial" panose="020B0604020202020204" pitchFamily="34" charset="0"/>
              </a:rPr>
              <a:t>Phytotoxicity is said to be minimal if Germination Index is &gt; 60% (Alisa Jane Savage)</a:t>
            </a:r>
          </a:p>
          <a:p>
            <a:pPr marL="450215">
              <a:lnSpc>
                <a:spcPct val="115000"/>
              </a:lnSpc>
              <a:spcAft>
                <a:spcPts val="1000"/>
              </a:spcAft>
            </a:pPr>
            <a:r>
              <a:rPr lang="en-GB" sz="1400" dirty="0">
                <a:solidFill>
                  <a:srgbClr val="252323"/>
                </a:solidFill>
                <a:cs typeface="Arial" panose="020B0604020202020204" pitchFamily="34" charset="0"/>
              </a:rPr>
              <a:t>Germination considered if radicle is &gt; or = 0.2 cm</a:t>
            </a:r>
          </a:p>
        </p:txBody>
      </p:sp>
      <p:sp>
        <p:nvSpPr>
          <p:cNvPr id="8" name="Rectangle 7">
            <a:extLst>
              <a:ext uri="{FF2B5EF4-FFF2-40B4-BE49-F238E27FC236}">
                <a16:creationId xmlns:a16="http://schemas.microsoft.com/office/drawing/2014/main" id="{3669F777-85D2-4D44-9A9F-A97F14504896}"/>
              </a:ext>
            </a:extLst>
          </p:cNvPr>
          <p:cNvSpPr/>
          <p:nvPr/>
        </p:nvSpPr>
        <p:spPr>
          <a:xfrm>
            <a:off x="4397934" y="6411891"/>
            <a:ext cx="828304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GB" altLang="en-US" sz="1400" dirty="0"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Figure-2.</a:t>
            </a:r>
            <a:endParaRPr lang="en-GB" sz="1400" dirty="0"/>
          </a:p>
        </p:txBody>
      </p:sp>
    </p:spTree>
    <p:extLst>
      <p:ext uri="{BB962C8B-B14F-4D97-AF65-F5344CB8AC3E}">
        <p14:creationId xmlns:p14="http://schemas.microsoft.com/office/powerpoint/2010/main" val="448495182"/>
      </p:ext>
    </p:extLst>
  </p:cSld>
  <p:clrMapOvr>
    <a:masterClrMapping/>
  </p:clrMapOvr>
</p:sld>
</file>

<file path=ppt/theme/theme1.xml><?xml version="1.0" encoding="utf-8"?>
<a:theme xmlns:a="http://schemas.openxmlformats.org/drawingml/2006/main" name="Cranfield Mast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resentation6" id="{B3CD1E34-DA77-40CB-8C93-13C891DE814B}" vid="{03CF41D1-CB0A-43A4-A93D-71DE1D3E06D6}"/>
    </a:ext>
  </a:extLst>
</a:theme>
</file>

<file path=ppt/theme/theme2.xml><?xml version="1.0" encoding="utf-8"?>
<a:theme xmlns:a="http://schemas.openxmlformats.org/drawingml/2006/main" name="No Logo Master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resentation6" id="{B3CD1E34-DA77-40CB-8C93-13C891DE814B}" vid="{5313BE49-815A-4218-B9E0-81DF74AB4A0A}"/>
    </a:ext>
  </a:extLst>
</a:theme>
</file>

<file path=ppt/theme/theme3.xml><?xml version="1.0" encoding="utf-8"?>
<a:theme xmlns:a="http://schemas.openxmlformats.org/drawingml/2006/main" name="Coloured slides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Presentation6" id="{B3CD1E34-DA77-40CB-8C93-13C891DE814B}" vid="{844D591B-5348-4F5F-B81D-963AFC542A76}"/>
    </a:ext>
  </a:extLst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5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05F2428EAC03A342B9BB2F331FEB908A" ma:contentTypeVersion="3" ma:contentTypeDescription="Create a new document." ma:contentTypeScope="" ma:versionID="823a14c264c580be9fd5c5c98da67aa0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8022916f55ab85163ee9a5069dec31d5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EB13EF0-F8D4-4EF1-821C-12748DD7BD1D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2.xml><?xml version="1.0" encoding="utf-8"?>
<ds:datastoreItem xmlns:ds="http://schemas.openxmlformats.org/officeDocument/2006/customXml" ds:itemID="{6429D86A-3AF6-48A4-855F-0A95E6AF055E}">
  <ds:schemaRefs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purl.org/dc/terms/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8F2FDF69-5A1A-4E32-A5EE-49837B61342A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EnvironmentAndAgrifood-Marketing-Template-4x3-01</Template>
  <TotalTime>5456</TotalTime>
  <Words>2024</Words>
  <Application>Microsoft Office PowerPoint</Application>
  <PresentationFormat>On-screen Show (4:3)</PresentationFormat>
  <Paragraphs>297</Paragraphs>
  <Slides>16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7</vt:i4>
      </vt:variant>
      <vt:variant>
        <vt:lpstr>Theme</vt:lpstr>
      </vt:variant>
      <vt:variant>
        <vt:i4>3</vt:i4>
      </vt:variant>
      <vt:variant>
        <vt:lpstr>Slide Titles</vt:lpstr>
      </vt:variant>
      <vt:variant>
        <vt:i4>16</vt:i4>
      </vt:variant>
    </vt:vector>
  </HeadingPairs>
  <TitlesOfParts>
    <vt:vector size="26" baseType="lpstr">
      <vt:lpstr>Arial</vt:lpstr>
      <vt:lpstr>Arial Unicode MS</vt:lpstr>
      <vt:lpstr>Calibri</vt:lpstr>
      <vt:lpstr>Calibri Light</vt:lpstr>
      <vt:lpstr>Cambria Math</vt:lpstr>
      <vt:lpstr>Times New Roman</vt:lpstr>
      <vt:lpstr>Wingdings</vt:lpstr>
      <vt:lpstr>Cranfield Master</vt:lpstr>
      <vt:lpstr>No Logo Master</vt:lpstr>
      <vt:lpstr>Coloured slides</vt:lpstr>
      <vt:lpstr>PowerPoint Presentation</vt:lpstr>
      <vt:lpstr>Context</vt:lpstr>
      <vt:lpstr>PowerPoint Presentation</vt:lpstr>
      <vt:lpstr>Project</vt:lpstr>
      <vt:lpstr>PowerPoint Presentation</vt:lpstr>
      <vt:lpstr>Approach</vt:lpstr>
      <vt:lpstr>PowerPoint Presentation</vt:lpstr>
      <vt:lpstr>PowerPoint Presentation</vt:lpstr>
      <vt:lpstr>Phytotoxicity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Cranfield University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Pimenta Da Costa Ocampo, Maria</dc:creator>
  <cp:lastModifiedBy>Pimenta Da Costa Ocampo, Maria</cp:lastModifiedBy>
  <cp:revision>331</cp:revision>
  <cp:lastPrinted>2014-09-02T09:13:37Z</cp:lastPrinted>
  <dcterms:created xsi:type="dcterms:W3CDTF">2018-08-30T15:36:53Z</dcterms:created>
  <dcterms:modified xsi:type="dcterms:W3CDTF">2020-05-04T18:33:1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05F2428EAC03A342B9BB2F331FEB908A</vt:lpwstr>
  </property>
</Properties>
</file>